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chartsheets/sheet1.xml" ContentType="application/vnd.openxmlformats-officedocument.spreadsheetml.chartsheet+xml"/>
  <Override PartName="/xl/worksheets/sheet2.xml" ContentType="application/vnd.openxmlformats-officedocument.spreadsheetml.worksheet+xml"/>
  <Override PartName="/xl/chartsheets/sheet2.xml" ContentType="application/vnd.openxmlformats-officedocument.spreadsheetml.chart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temp\i374\mócsy_miklós\"/>
    </mc:Choice>
  </mc:AlternateContent>
  <bookViews>
    <workbookView xWindow="0" yWindow="0" windowWidth="20490" windowHeight="7755"/>
  </bookViews>
  <sheets>
    <sheet name="városok" sheetId="1" r:id="rId1"/>
    <sheet name="városok diagram" sheetId="2" r:id="rId2"/>
    <sheet name="telephely" sheetId="3" r:id="rId3"/>
    <sheet name="telephely diagram" sheetId="6" r:id="rId4"/>
    <sheet name="távolságok" sheetId="4" r:id="rId5"/>
    <sheet name="Keresés" sheetId="8" r:id="rId6"/>
  </sheets>
  <definedNames>
    <definedName name="_xlnm._FilterDatabase" localSheetId="0" hidden="1">városok!$A$1:$G$346</definedName>
  </definedNames>
  <calcPr calcId="152511"/>
</workbook>
</file>

<file path=xl/calcChain.xml><?xml version="1.0" encoding="utf-8"?>
<calcChain xmlns="http://schemas.openxmlformats.org/spreadsheetml/2006/main">
  <c r="B1" i="4" l="1"/>
  <c r="B2" i="4" s="1"/>
  <c r="A2" i="4"/>
  <c r="BL1" i="4" l="1"/>
  <c r="BM1" i="4"/>
  <c r="BN1" i="4"/>
  <c r="BO1" i="4"/>
  <c r="BP1" i="4"/>
  <c r="BQ1" i="4"/>
  <c r="BR1" i="4"/>
  <c r="BS1" i="4"/>
  <c r="BT1" i="4"/>
  <c r="AO1" i="4"/>
  <c r="AP1" i="4"/>
  <c r="AQ1" i="4"/>
  <c r="AR1" i="4"/>
  <c r="AS1" i="4"/>
  <c r="AT1" i="4"/>
  <c r="AU1" i="4"/>
  <c r="AV1" i="4"/>
  <c r="AW1" i="4"/>
  <c r="AX1" i="4"/>
  <c r="AY1" i="4"/>
  <c r="AZ1" i="4"/>
  <c r="BA1" i="4"/>
  <c r="BB1" i="4"/>
  <c r="BC1" i="4"/>
  <c r="BD1" i="4"/>
  <c r="BE1" i="4"/>
  <c r="BF1" i="4"/>
  <c r="BG1" i="4"/>
  <c r="BH1" i="4"/>
  <c r="BI1" i="4"/>
  <c r="BJ1" i="4"/>
  <c r="BK1" i="4"/>
  <c r="K1" i="4"/>
  <c r="L1" i="4"/>
  <c r="M1" i="4"/>
  <c r="N1" i="4"/>
  <c r="O1" i="4"/>
  <c r="P1" i="4"/>
  <c r="Q1" i="4"/>
  <c r="R1" i="4"/>
  <c r="S1" i="4"/>
  <c r="T1" i="4"/>
  <c r="U1" i="4"/>
  <c r="V1" i="4"/>
  <c r="W1" i="4"/>
  <c r="X1" i="4"/>
  <c r="Y1" i="4"/>
  <c r="Z1" i="4"/>
  <c r="AA1" i="4"/>
  <c r="AB1" i="4"/>
  <c r="AC1" i="4"/>
  <c r="AD1" i="4"/>
  <c r="AE1" i="4"/>
  <c r="AF1" i="4"/>
  <c r="AG1" i="4"/>
  <c r="AH1" i="4"/>
  <c r="AI1" i="4"/>
  <c r="AJ1" i="4"/>
  <c r="AK1" i="4"/>
  <c r="AL1" i="4"/>
  <c r="AM1" i="4"/>
  <c r="AN1" i="4"/>
  <c r="C1" i="4"/>
  <c r="D1" i="4"/>
  <c r="E1" i="4"/>
  <c r="F1" i="4"/>
  <c r="G1" i="4"/>
  <c r="H1" i="4"/>
  <c r="I1" i="4"/>
  <c r="J1" i="4"/>
  <c r="A312" i="4"/>
  <c r="A313" i="4"/>
  <c r="A314" i="4"/>
  <c r="A315" i="4"/>
  <c r="A316" i="4"/>
  <c r="A317" i="4"/>
  <c r="A318" i="4"/>
  <c r="A319" i="4"/>
  <c r="A320" i="4"/>
  <c r="A321" i="4"/>
  <c r="A322" i="4"/>
  <c r="A323" i="4"/>
  <c r="A324" i="4"/>
  <c r="A325" i="4"/>
  <c r="A326" i="4"/>
  <c r="A327" i="4"/>
  <c r="A328" i="4"/>
  <c r="A329" i="4"/>
  <c r="A330" i="4"/>
  <c r="A331" i="4"/>
  <c r="A332" i="4"/>
  <c r="A333" i="4"/>
  <c r="A334" i="4"/>
  <c r="A335" i="4"/>
  <c r="A336" i="4"/>
  <c r="A337" i="4"/>
  <c r="A338" i="4"/>
  <c r="A339" i="4"/>
  <c r="A340" i="4"/>
  <c r="A341" i="4"/>
  <c r="A342" i="4"/>
  <c r="A343" i="4"/>
  <c r="A344" i="4"/>
  <c r="A345" i="4"/>
  <c r="A346" i="4"/>
  <c r="A3" i="4"/>
  <c r="A4" i="4"/>
  <c r="A5" i="4"/>
  <c r="A6" i="4"/>
  <c r="A7" i="4"/>
  <c r="A8" i="4"/>
  <c r="A9" i="4"/>
  <c r="A10" i="4"/>
  <c r="A11" i="4"/>
  <c r="A12" i="4"/>
  <c r="A13" i="4"/>
  <c r="A14" i="4"/>
  <c r="A15" i="4"/>
  <c r="A16" i="4"/>
  <c r="A17" i="4"/>
  <c r="A18" i="4"/>
  <c r="A19" i="4"/>
  <c r="A20" i="4"/>
  <c r="A21" i="4"/>
  <c r="A22" i="4"/>
  <c r="A23" i="4"/>
  <c r="A24" i="4"/>
  <c r="A25" i="4"/>
  <c r="A26" i="4"/>
  <c r="A27" i="4"/>
  <c r="A28" i="4"/>
  <c r="A29" i="4"/>
  <c r="A30" i="4"/>
  <c r="A31" i="4"/>
  <c r="A32" i="4"/>
  <c r="A33" i="4"/>
  <c r="A34" i="4"/>
  <c r="A35" i="4"/>
  <c r="A36" i="4"/>
  <c r="A37" i="4"/>
  <c r="A38" i="4"/>
  <c r="A39" i="4"/>
  <c r="A40" i="4"/>
  <c r="A41" i="4"/>
  <c r="A42" i="4"/>
  <c r="A43" i="4"/>
  <c r="A44" i="4"/>
  <c r="A45" i="4"/>
  <c r="A46" i="4"/>
  <c r="A47" i="4"/>
  <c r="A48" i="4"/>
  <c r="A49" i="4"/>
  <c r="A50" i="4"/>
  <c r="A51" i="4"/>
  <c r="A52" i="4"/>
  <c r="A53" i="4"/>
  <c r="A54" i="4"/>
  <c r="A55" i="4"/>
  <c r="A56" i="4"/>
  <c r="A57" i="4"/>
  <c r="A58" i="4"/>
  <c r="A59" i="4"/>
  <c r="A60" i="4"/>
  <c r="A61" i="4"/>
  <c r="A62" i="4"/>
  <c r="A63" i="4"/>
  <c r="A64" i="4"/>
  <c r="A65" i="4"/>
  <c r="A66" i="4"/>
  <c r="A67" i="4"/>
  <c r="A68" i="4"/>
  <c r="A69" i="4"/>
  <c r="A70" i="4"/>
  <c r="A71" i="4"/>
  <c r="A72" i="4"/>
  <c r="A73" i="4"/>
  <c r="A74" i="4"/>
  <c r="A75" i="4"/>
  <c r="A76" i="4"/>
  <c r="A77" i="4"/>
  <c r="A78" i="4"/>
  <c r="A79" i="4"/>
  <c r="A80" i="4"/>
  <c r="A81" i="4"/>
  <c r="A82" i="4"/>
  <c r="A83" i="4"/>
  <c r="A84" i="4"/>
  <c r="A85" i="4"/>
  <c r="A86" i="4"/>
  <c r="A87" i="4"/>
  <c r="A88" i="4"/>
  <c r="A89" i="4"/>
  <c r="A90" i="4"/>
  <c r="A91" i="4"/>
  <c r="A92" i="4"/>
  <c r="A93" i="4"/>
  <c r="A94" i="4"/>
  <c r="A95" i="4"/>
  <c r="A96" i="4"/>
  <c r="A97" i="4"/>
  <c r="A98" i="4"/>
  <c r="A99" i="4"/>
  <c r="A100" i="4"/>
  <c r="A101" i="4"/>
  <c r="A102" i="4"/>
  <c r="A103" i="4"/>
  <c r="A104" i="4"/>
  <c r="A105" i="4"/>
  <c r="A106" i="4"/>
  <c r="A107" i="4"/>
  <c r="A108" i="4"/>
  <c r="A109" i="4"/>
  <c r="A110" i="4"/>
  <c r="A111" i="4"/>
  <c r="A112" i="4"/>
  <c r="A113" i="4"/>
  <c r="A114" i="4"/>
  <c r="A115" i="4"/>
  <c r="A116" i="4"/>
  <c r="A117" i="4"/>
  <c r="A118" i="4"/>
  <c r="A119" i="4"/>
  <c r="A120" i="4"/>
  <c r="A121" i="4"/>
  <c r="A122" i="4"/>
  <c r="A123" i="4"/>
  <c r="A124" i="4"/>
  <c r="A125" i="4"/>
  <c r="A126" i="4"/>
  <c r="A127" i="4"/>
  <c r="A128" i="4"/>
  <c r="A129" i="4"/>
  <c r="A130" i="4"/>
  <c r="A131" i="4"/>
  <c r="A132" i="4"/>
  <c r="A133" i="4"/>
  <c r="A134" i="4"/>
  <c r="A135" i="4"/>
  <c r="A136" i="4"/>
  <c r="A137" i="4"/>
  <c r="A138" i="4"/>
  <c r="A139" i="4"/>
  <c r="A140" i="4"/>
  <c r="A141" i="4"/>
  <c r="A142" i="4"/>
  <c r="A143" i="4"/>
  <c r="A144" i="4"/>
  <c r="A145" i="4"/>
  <c r="A146" i="4"/>
  <c r="A147" i="4"/>
  <c r="A148" i="4"/>
  <c r="A149" i="4"/>
  <c r="A150" i="4"/>
  <c r="A151" i="4"/>
  <c r="A152" i="4"/>
  <c r="A153" i="4"/>
  <c r="A154" i="4"/>
  <c r="A155" i="4"/>
  <c r="A156" i="4"/>
  <c r="A157" i="4"/>
  <c r="A158" i="4"/>
  <c r="A159" i="4"/>
  <c r="A160" i="4"/>
  <c r="A161" i="4"/>
  <c r="A162" i="4"/>
  <c r="A163" i="4"/>
  <c r="A164" i="4"/>
  <c r="A165" i="4"/>
  <c r="A166" i="4"/>
  <c r="A167" i="4"/>
  <c r="A168" i="4"/>
  <c r="A169" i="4"/>
  <c r="A170" i="4"/>
  <c r="A171" i="4"/>
  <c r="A172" i="4"/>
  <c r="A173" i="4"/>
  <c r="A174" i="4"/>
  <c r="A175" i="4"/>
  <c r="A176" i="4"/>
  <c r="A177" i="4"/>
  <c r="A178" i="4"/>
  <c r="A179" i="4"/>
  <c r="A180" i="4"/>
  <c r="A181" i="4"/>
  <c r="A182" i="4"/>
  <c r="A183" i="4"/>
  <c r="A184" i="4"/>
  <c r="A185" i="4"/>
  <c r="A186" i="4"/>
  <c r="A187" i="4"/>
  <c r="A188" i="4"/>
  <c r="A189" i="4"/>
  <c r="A190" i="4"/>
  <c r="A191" i="4"/>
  <c r="A192" i="4"/>
  <c r="A193" i="4"/>
  <c r="A194" i="4"/>
  <c r="A195" i="4"/>
  <c r="A196" i="4"/>
  <c r="A197" i="4"/>
  <c r="A198" i="4"/>
  <c r="A199" i="4"/>
  <c r="A200" i="4"/>
  <c r="A201" i="4"/>
  <c r="A202" i="4"/>
  <c r="A203" i="4"/>
  <c r="A204" i="4"/>
  <c r="A205" i="4"/>
  <c r="A206" i="4"/>
  <c r="A207" i="4"/>
  <c r="A208" i="4"/>
  <c r="A209" i="4"/>
  <c r="A210" i="4"/>
  <c r="A211" i="4"/>
  <c r="A212" i="4"/>
  <c r="A213" i="4"/>
  <c r="A214" i="4"/>
  <c r="A215" i="4"/>
  <c r="A216" i="4"/>
  <c r="A217" i="4"/>
  <c r="A218" i="4"/>
  <c r="A219" i="4"/>
  <c r="A220" i="4"/>
  <c r="A221" i="4"/>
  <c r="A222" i="4"/>
  <c r="A223" i="4"/>
  <c r="A224" i="4"/>
  <c r="A225" i="4"/>
  <c r="A226" i="4"/>
  <c r="A227" i="4"/>
  <c r="A228" i="4"/>
  <c r="A229" i="4"/>
  <c r="A230" i="4"/>
  <c r="A231" i="4"/>
  <c r="A232" i="4"/>
  <c r="A233" i="4"/>
  <c r="A234" i="4"/>
  <c r="A235" i="4"/>
  <c r="A236" i="4"/>
  <c r="A237" i="4"/>
  <c r="A238" i="4"/>
  <c r="A239" i="4"/>
  <c r="A240" i="4"/>
  <c r="A241" i="4"/>
  <c r="A242" i="4"/>
  <c r="A243" i="4"/>
  <c r="A244" i="4"/>
  <c r="A245" i="4"/>
  <c r="A246" i="4"/>
  <c r="A247" i="4"/>
  <c r="A248" i="4"/>
  <c r="A249" i="4"/>
  <c r="A250" i="4"/>
  <c r="A251" i="4"/>
  <c r="A252" i="4"/>
  <c r="A253" i="4"/>
  <c r="A254" i="4"/>
  <c r="A255" i="4"/>
  <c r="A256" i="4"/>
  <c r="A257" i="4"/>
  <c r="A258" i="4"/>
  <c r="A259" i="4"/>
  <c r="A260" i="4"/>
  <c r="A261" i="4"/>
  <c r="A262" i="4"/>
  <c r="A263" i="4"/>
  <c r="A264" i="4"/>
  <c r="A265" i="4"/>
  <c r="A266" i="4"/>
  <c r="A267" i="4"/>
  <c r="A268" i="4"/>
  <c r="A269" i="4"/>
  <c r="A270" i="4"/>
  <c r="A271" i="4"/>
  <c r="A272" i="4"/>
  <c r="A273" i="4"/>
  <c r="A274" i="4"/>
  <c r="A275" i="4"/>
  <c r="A276" i="4"/>
  <c r="A277" i="4"/>
  <c r="A278" i="4"/>
  <c r="A279" i="4"/>
  <c r="A280" i="4"/>
  <c r="A281" i="4"/>
  <c r="A282" i="4"/>
  <c r="A283" i="4"/>
  <c r="A284" i="4"/>
  <c r="A285" i="4"/>
  <c r="A286" i="4"/>
  <c r="A287" i="4"/>
  <c r="A288" i="4"/>
  <c r="A289" i="4"/>
  <c r="A290" i="4"/>
  <c r="A291" i="4"/>
  <c r="A292" i="4"/>
  <c r="A293" i="4"/>
  <c r="A294" i="4"/>
  <c r="A295" i="4"/>
  <c r="A296" i="4"/>
  <c r="A297" i="4"/>
  <c r="A298" i="4"/>
  <c r="A299" i="4"/>
  <c r="A300" i="4"/>
  <c r="A301" i="4"/>
  <c r="A302" i="4"/>
  <c r="A303" i="4"/>
  <c r="A304" i="4"/>
  <c r="A305" i="4"/>
  <c r="A306" i="4"/>
  <c r="A307" i="4"/>
  <c r="A308" i="4"/>
  <c r="A309" i="4"/>
  <c r="A310" i="4"/>
  <c r="A311" i="4"/>
  <c r="B342" i="4" l="1"/>
  <c r="G343" i="4"/>
  <c r="C343" i="4"/>
  <c r="AM341" i="4"/>
  <c r="AI343" i="4"/>
  <c r="AE343" i="4"/>
  <c r="AA343" i="4"/>
  <c r="W343" i="4"/>
  <c r="S343" i="4"/>
  <c r="O343" i="4"/>
  <c r="K343" i="4"/>
  <c r="BJ342" i="4"/>
  <c r="BH346" i="4"/>
  <c r="BF342" i="4"/>
  <c r="BD346" i="4"/>
  <c r="BB342" i="4"/>
  <c r="AZ346" i="4"/>
  <c r="AX342" i="4"/>
  <c r="AV346" i="4"/>
  <c r="AT342" i="4"/>
  <c r="AR346" i="4"/>
  <c r="AP342" i="4"/>
  <c r="BT346" i="4"/>
  <c r="BR342" i="4"/>
  <c r="BP346" i="4"/>
  <c r="BN342" i="4"/>
  <c r="BL346" i="4"/>
  <c r="I23" i="4"/>
  <c r="I64" i="4"/>
  <c r="I72" i="4"/>
  <c r="I45" i="4"/>
  <c r="I80" i="4"/>
  <c r="I88" i="4"/>
  <c r="I96" i="4"/>
  <c r="I104" i="4"/>
  <c r="I112" i="4"/>
  <c r="I118" i="4"/>
  <c r="I122" i="4"/>
  <c r="I126" i="4"/>
  <c r="I130" i="4"/>
  <c r="I134" i="4"/>
  <c r="I138" i="4"/>
  <c r="I142" i="4"/>
  <c r="I146" i="4"/>
  <c r="I150" i="4"/>
  <c r="I154" i="4"/>
  <c r="I158" i="4"/>
  <c r="I233" i="4"/>
  <c r="I162" i="4"/>
  <c r="I166" i="4"/>
  <c r="I170" i="4"/>
  <c r="I174" i="4"/>
  <c r="I178" i="4"/>
  <c r="I182" i="4"/>
  <c r="I186" i="4"/>
  <c r="I190" i="4"/>
  <c r="I194" i="4"/>
  <c r="I198" i="4"/>
  <c r="I202" i="4"/>
  <c r="I206" i="4"/>
  <c r="I210" i="4"/>
  <c r="I214" i="4"/>
  <c r="I218" i="4"/>
  <c r="I222" i="4"/>
  <c r="I226" i="4"/>
  <c r="I230" i="4"/>
  <c r="I235" i="4"/>
  <c r="I237" i="4"/>
  <c r="I239" i="4"/>
  <c r="I241" i="4"/>
  <c r="I243" i="4"/>
  <c r="I245" i="4"/>
  <c r="I247" i="4"/>
  <c r="I249" i="4"/>
  <c r="I251" i="4"/>
  <c r="I253" i="4"/>
  <c r="I255" i="4"/>
  <c r="I257" i="4"/>
  <c r="I259" i="4"/>
  <c r="I261" i="4"/>
  <c r="I263" i="4"/>
  <c r="I265" i="4"/>
  <c r="I267" i="4"/>
  <c r="I269" i="4"/>
  <c r="I271" i="4"/>
  <c r="I273" i="4"/>
  <c r="I275" i="4"/>
  <c r="I277" i="4"/>
  <c r="I279" i="4"/>
  <c r="I281" i="4"/>
  <c r="I283" i="4"/>
  <c r="I285" i="4"/>
  <c r="I287" i="4"/>
  <c r="I289" i="4"/>
  <c r="I291" i="4"/>
  <c r="I293" i="4"/>
  <c r="I295" i="4"/>
  <c r="I297" i="4"/>
  <c r="I299" i="4"/>
  <c r="I301" i="4"/>
  <c r="I303" i="4"/>
  <c r="I305" i="4"/>
  <c r="I307" i="4"/>
  <c r="I309" i="4"/>
  <c r="I311" i="4"/>
  <c r="I313" i="4"/>
  <c r="I315" i="4"/>
  <c r="I317" i="4"/>
  <c r="I319" i="4"/>
  <c r="I321" i="4"/>
  <c r="I323" i="4"/>
  <c r="I325" i="4"/>
  <c r="I327" i="4"/>
  <c r="I329" i="4"/>
  <c r="I331" i="4"/>
  <c r="I333" i="4"/>
  <c r="I339" i="4"/>
  <c r="I341" i="4"/>
  <c r="I335" i="4"/>
  <c r="I337" i="4"/>
  <c r="J334" i="4"/>
  <c r="J338" i="4"/>
  <c r="H340" i="4"/>
  <c r="H336" i="4"/>
  <c r="F338" i="4"/>
  <c r="F334" i="4"/>
  <c r="D336" i="4"/>
  <c r="D340" i="4"/>
  <c r="AN340" i="4"/>
  <c r="AN336" i="4"/>
  <c r="AL338" i="4"/>
  <c r="AL334" i="4"/>
  <c r="AJ336" i="4"/>
  <c r="AJ340" i="4"/>
  <c r="AH334" i="4"/>
  <c r="AH338" i="4"/>
  <c r="AF340" i="4"/>
  <c r="AF336" i="4"/>
  <c r="AD338" i="4"/>
  <c r="AD334" i="4"/>
  <c r="AB336" i="4"/>
  <c r="AB340" i="4"/>
  <c r="Z334" i="4"/>
  <c r="Z338" i="4"/>
  <c r="X340" i="4"/>
  <c r="X336" i="4"/>
  <c r="V338" i="4"/>
  <c r="V334" i="4"/>
  <c r="T336" i="4"/>
  <c r="T340" i="4"/>
  <c r="R334" i="4"/>
  <c r="R338" i="4"/>
  <c r="P340" i="4"/>
  <c r="P336" i="4"/>
  <c r="N338" i="4"/>
  <c r="N334" i="4"/>
  <c r="L336" i="4"/>
  <c r="L340" i="4"/>
  <c r="BK335" i="4"/>
  <c r="BK339" i="4"/>
  <c r="BI337" i="4"/>
  <c r="BI333" i="4"/>
  <c r="BG339" i="4"/>
  <c r="BG335" i="4"/>
  <c r="BE333" i="4"/>
  <c r="BE341" i="4"/>
  <c r="BE337" i="4"/>
  <c r="BC335" i="4"/>
  <c r="BC339" i="4"/>
  <c r="BA337" i="4"/>
  <c r="BA333" i="4"/>
  <c r="AY339" i="4"/>
  <c r="AY335" i="4"/>
  <c r="AW333" i="4"/>
  <c r="AW341" i="4"/>
  <c r="AW337" i="4"/>
  <c r="AU335" i="4"/>
  <c r="AU339" i="4"/>
  <c r="AS337" i="4"/>
  <c r="AS333" i="4"/>
  <c r="AQ339" i="4"/>
  <c r="AQ335" i="4"/>
  <c r="AO333" i="4"/>
  <c r="AO341" i="4"/>
  <c r="AO337" i="4"/>
  <c r="BS335" i="4"/>
  <c r="BS339" i="4"/>
  <c r="BQ337" i="4"/>
  <c r="BQ333" i="4"/>
  <c r="BO339" i="4"/>
  <c r="BO335" i="4"/>
  <c r="BM333" i="4"/>
  <c r="BM337" i="4"/>
  <c r="BT2" i="4"/>
  <c r="BL2" i="4"/>
  <c r="BD2" i="4"/>
  <c r="AV2" i="4"/>
  <c r="AL346" i="4"/>
  <c r="AD346" i="4"/>
  <c r="V346" i="4"/>
  <c r="N346" i="4"/>
  <c r="F346" i="4"/>
  <c r="BQ345" i="4"/>
  <c r="BI345" i="4"/>
  <c r="BA345" i="4"/>
  <c r="AS345" i="4"/>
  <c r="AM345" i="4"/>
  <c r="AI345" i="4"/>
  <c r="AE345" i="4"/>
  <c r="AA345" i="4"/>
  <c r="W345" i="4"/>
  <c r="S345" i="4"/>
  <c r="O345" i="4"/>
  <c r="K345" i="4"/>
  <c r="G345" i="4"/>
  <c r="C345" i="4"/>
  <c r="BR344" i="4"/>
  <c r="BN344" i="4"/>
  <c r="BJ344" i="4"/>
  <c r="BF344" i="4"/>
  <c r="BB344" i="4"/>
  <c r="AX344" i="4"/>
  <c r="AT344" i="4"/>
  <c r="AP344" i="4"/>
  <c r="AJ344" i="4"/>
  <c r="AB344" i="4"/>
  <c r="T344" i="4"/>
  <c r="L344" i="4"/>
  <c r="D344" i="4"/>
  <c r="BS343" i="4"/>
  <c r="BK343" i="4"/>
  <c r="BC343" i="4"/>
  <c r="AU343" i="4"/>
  <c r="AM343" i="4"/>
  <c r="AH342" i="4"/>
  <c r="Z342" i="4"/>
  <c r="R342" i="4"/>
  <c r="J342" i="4"/>
  <c r="BM341" i="4"/>
  <c r="BA341" i="4"/>
  <c r="B65" i="4"/>
  <c r="B73" i="4"/>
  <c r="B24" i="4"/>
  <c r="B81" i="4"/>
  <c r="B89" i="4"/>
  <c r="B97" i="4"/>
  <c r="B105" i="4"/>
  <c r="B113" i="4"/>
  <c r="B119" i="4"/>
  <c r="B123" i="4"/>
  <c r="B46" i="4"/>
  <c r="B127" i="4"/>
  <c r="B131" i="4"/>
  <c r="B135" i="4"/>
  <c r="B139" i="4"/>
  <c r="B143" i="4"/>
  <c r="B147" i="4"/>
  <c r="B151" i="4"/>
  <c r="B155" i="4"/>
  <c r="B159" i="4"/>
  <c r="B234" i="4"/>
  <c r="B163" i="4"/>
  <c r="B167" i="4"/>
  <c r="B171" i="4"/>
  <c r="B175" i="4"/>
  <c r="B179" i="4"/>
  <c r="B183" i="4"/>
  <c r="B187" i="4"/>
  <c r="B191" i="4"/>
  <c r="B195" i="4"/>
  <c r="B199" i="4"/>
  <c r="B203" i="4"/>
  <c r="B207" i="4"/>
  <c r="B211" i="4"/>
  <c r="B215" i="4"/>
  <c r="B219" i="4"/>
  <c r="B223" i="4"/>
  <c r="B227" i="4"/>
  <c r="B231" i="4"/>
  <c r="B236" i="4"/>
  <c r="B238" i="4"/>
  <c r="B240" i="4"/>
  <c r="B242" i="4"/>
  <c r="B244" i="4"/>
  <c r="B246" i="4"/>
  <c r="B248" i="4"/>
  <c r="B250" i="4"/>
  <c r="B252" i="4"/>
  <c r="B254" i="4"/>
  <c r="B256" i="4"/>
  <c r="B258" i="4"/>
  <c r="B260" i="4"/>
  <c r="B262" i="4"/>
  <c r="B264" i="4"/>
  <c r="B266" i="4"/>
  <c r="B268" i="4"/>
  <c r="B270" i="4"/>
  <c r="B272" i="4"/>
  <c r="B274" i="4"/>
  <c r="B276" i="4"/>
  <c r="B278" i="4"/>
  <c r="B280" i="4"/>
  <c r="B282" i="4"/>
  <c r="B284" i="4"/>
  <c r="B286" i="4"/>
  <c r="B288" i="4"/>
  <c r="B290" i="4"/>
  <c r="B292" i="4"/>
  <c r="B294" i="4"/>
  <c r="B296" i="4"/>
  <c r="B298" i="4"/>
  <c r="B300" i="4"/>
  <c r="B302" i="4"/>
  <c r="B304" i="4"/>
  <c r="B306" i="4"/>
  <c r="B308" i="4"/>
  <c r="B310" i="4"/>
  <c r="B312" i="4"/>
  <c r="B314" i="4"/>
  <c r="B316" i="4"/>
  <c r="B318" i="4"/>
  <c r="B320" i="4"/>
  <c r="B322" i="4"/>
  <c r="B324" i="4"/>
  <c r="B326" i="4"/>
  <c r="B328" i="4"/>
  <c r="B330" i="4"/>
  <c r="B332" i="4"/>
  <c r="B334" i="4"/>
  <c r="B340" i="4"/>
  <c r="B336" i="4"/>
  <c r="B338" i="4"/>
  <c r="G43" i="4"/>
  <c r="G59" i="4"/>
  <c r="G120" i="4"/>
  <c r="G124" i="4"/>
  <c r="G62" i="4"/>
  <c r="G70" i="4"/>
  <c r="G78" i="4"/>
  <c r="G86" i="4"/>
  <c r="G94" i="4"/>
  <c r="G128" i="4"/>
  <c r="G110" i="4"/>
  <c r="G102" i="4"/>
  <c r="G132" i="4"/>
  <c r="G136" i="4"/>
  <c r="G140" i="4"/>
  <c r="G144" i="4"/>
  <c r="G148" i="4"/>
  <c r="G152" i="4"/>
  <c r="G156" i="4"/>
  <c r="G160" i="4"/>
  <c r="G164" i="4"/>
  <c r="G168" i="4"/>
  <c r="G172" i="4"/>
  <c r="G176" i="4"/>
  <c r="G180" i="4"/>
  <c r="G184" i="4"/>
  <c r="G188" i="4"/>
  <c r="G192" i="4"/>
  <c r="G196" i="4"/>
  <c r="G200" i="4"/>
  <c r="G204" i="4"/>
  <c r="G208" i="4"/>
  <c r="G212" i="4"/>
  <c r="G216" i="4"/>
  <c r="G220" i="4"/>
  <c r="G224" i="4"/>
  <c r="G228" i="4"/>
  <c r="G232" i="4"/>
  <c r="G233" i="4"/>
  <c r="G235" i="4"/>
  <c r="G237" i="4"/>
  <c r="G239" i="4"/>
  <c r="G241" i="4"/>
  <c r="G243" i="4"/>
  <c r="G245" i="4"/>
  <c r="G247" i="4"/>
  <c r="G249" i="4"/>
  <c r="G251" i="4"/>
  <c r="G253" i="4"/>
  <c r="G255" i="4"/>
  <c r="G257" i="4"/>
  <c r="G259" i="4"/>
  <c r="G261" i="4"/>
  <c r="G263" i="4"/>
  <c r="G265" i="4"/>
  <c r="G267" i="4"/>
  <c r="G269" i="4"/>
  <c r="G271" i="4"/>
  <c r="G335" i="4"/>
  <c r="G337" i="4"/>
  <c r="G273" i="4"/>
  <c r="G275" i="4"/>
  <c r="G277" i="4"/>
  <c r="G279" i="4"/>
  <c r="G281" i="4"/>
  <c r="G283" i="4"/>
  <c r="G285" i="4"/>
  <c r="G287" i="4"/>
  <c r="G289" i="4"/>
  <c r="G291" i="4"/>
  <c r="G293" i="4"/>
  <c r="G295" i="4"/>
  <c r="G297" i="4"/>
  <c r="G299" i="4"/>
  <c r="G301" i="4"/>
  <c r="G303" i="4"/>
  <c r="G305" i="4"/>
  <c r="G307" i="4"/>
  <c r="G309" i="4"/>
  <c r="G311" i="4"/>
  <c r="G313" i="4"/>
  <c r="G315" i="4"/>
  <c r="G317" i="4"/>
  <c r="G319" i="4"/>
  <c r="G321" i="4"/>
  <c r="G323" i="4"/>
  <c r="G325" i="4"/>
  <c r="G327" i="4"/>
  <c r="G329" i="4"/>
  <c r="G331" i="4"/>
  <c r="G333" i="4"/>
  <c r="G339" i="4"/>
  <c r="G341" i="4"/>
  <c r="E60" i="4"/>
  <c r="E68" i="4"/>
  <c r="E76" i="4"/>
  <c r="E19" i="4"/>
  <c r="E84" i="4"/>
  <c r="E92" i="4"/>
  <c r="E100" i="4"/>
  <c r="E108" i="4"/>
  <c r="E116" i="4"/>
  <c r="E41" i="4"/>
  <c r="E57" i="4"/>
  <c r="E118" i="4"/>
  <c r="E126" i="4"/>
  <c r="E130" i="4"/>
  <c r="E134" i="4"/>
  <c r="E138" i="4"/>
  <c r="E142" i="4"/>
  <c r="E146" i="4"/>
  <c r="E150" i="4"/>
  <c r="E154" i="4"/>
  <c r="E158" i="4"/>
  <c r="E122" i="4"/>
  <c r="E162" i="4"/>
  <c r="E166" i="4"/>
  <c r="E170" i="4"/>
  <c r="E174" i="4"/>
  <c r="E178" i="4"/>
  <c r="E182" i="4"/>
  <c r="E186" i="4"/>
  <c r="E190" i="4"/>
  <c r="E194" i="4"/>
  <c r="E198" i="4"/>
  <c r="E202" i="4"/>
  <c r="E206" i="4"/>
  <c r="E210" i="4"/>
  <c r="E214" i="4"/>
  <c r="E218" i="4"/>
  <c r="E222" i="4"/>
  <c r="E226" i="4"/>
  <c r="E230" i="4"/>
  <c r="E233" i="4"/>
  <c r="E235" i="4"/>
  <c r="E237" i="4"/>
  <c r="E239" i="4"/>
  <c r="E241" i="4"/>
  <c r="E243" i="4"/>
  <c r="E245" i="4"/>
  <c r="E247" i="4"/>
  <c r="E249" i="4"/>
  <c r="E251" i="4"/>
  <c r="E253" i="4"/>
  <c r="E255" i="4"/>
  <c r="E257" i="4"/>
  <c r="E259" i="4"/>
  <c r="E261" i="4"/>
  <c r="E263" i="4"/>
  <c r="E265" i="4"/>
  <c r="E267" i="4"/>
  <c r="E269" i="4"/>
  <c r="E271" i="4"/>
  <c r="E273" i="4"/>
  <c r="E275" i="4"/>
  <c r="E277" i="4"/>
  <c r="E279" i="4"/>
  <c r="E281" i="4"/>
  <c r="E283" i="4"/>
  <c r="E285" i="4"/>
  <c r="E287" i="4"/>
  <c r="E289" i="4"/>
  <c r="E291" i="4"/>
  <c r="E293" i="4"/>
  <c r="E295" i="4"/>
  <c r="E297" i="4"/>
  <c r="E299" i="4"/>
  <c r="E301" i="4"/>
  <c r="E303" i="4"/>
  <c r="E305" i="4"/>
  <c r="E307" i="4"/>
  <c r="E309" i="4"/>
  <c r="E311" i="4"/>
  <c r="E313" i="4"/>
  <c r="E315" i="4"/>
  <c r="E317" i="4"/>
  <c r="E319" i="4"/>
  <c r="E321" i="4"/>
  <c r="E323" i="4"/>
  <c r="E325" i="4"/>
  <c r="E327" i="4"/>
  <c r="E329" i="4"/>
  <c r="E331" i="4"/>
  <c r="E333" i="4"/>
  <c r="E339" i="4"/>
  <c r="E341" i="4"/>
  <c r="E335" i="4"/>
  <c r="E337" i="4"/>
  <c r="C39" i="4"/>
  <c r="C55" i="4"/>
  <c r="C66" i="4"/>
  <c r="C74" i="4"/>
  <c r="C82" i="4"/>
  <c r="C90" i="4"/>
  <c r="C98" i="4"/>
  <c r="C106" i="4"/>
  <c r="C114" i="4"/>
  <c r="C120" i="4"/>
  <c r="C124" i="4"/>
  <c r="C132" i="4"/>
  <c r="C136" i="4"/>
  <c r="C140" i="4"/>
  <c r="C144" i="4"/>
  <c r="C148" i="4"/>
  <c r="C152" i="4"/>
  <c r="C156" i="4"/>
  <c r="C160" i="4"/>
  <c r="C128" i="4"/>
  <c r="C164" i="4"/>
  <c r="C168" i="4"/>
  <c r="C172" i="4"/>
  <c r="C176" i="4"/>
  <c r="C180" i="4"/>
  <c r="C184" i="4"/>
  <c r="C188" i="4"/>
  <c r="C192" i="4"/>
  <c r="C196" i="4"/>
  <c r="C200" i="4"/>
  <c r="C204" i="4"/>
  <c r="C208" i="4"/>
  <c r="C212" i="4"/>
  <c r="C216" i="4"/>
  <c r="C220" i="4"/>
  <c r="C224" i="4"/>
  <c r="C228" i="4"/>
  <c r="C232" i="4"/>
  <c r="C235" i="4"/>
  <c r="C237" i="4"/>
  <c r="C239" i="4"/>
  <c r="C241" i="4"/>
  <c r="C243" i="4"/>
  <c r="C245" i="4"/>
  <c r="C247" i="4"/>
  <c r="C249" i="4"/>
  <c r="C251" i="4"/>
  <c r="C253" i="4"/>
  <c r="C255" i="4"/>
  <c r="C257" i="4"/>
  <c r="C259" i="4"/>
  <c r="C261" i="4"/>
  <c r="C263" i="4"/>
  <c r="C265" i="4"/>
  <c r="C267" i="4"/>
  <c r="C269" i="4"/>
  <c r="C233" i="4"/>
  <c r="C335" i="4"/>
  <c r="C337" i="4"/>
  <c r="C271" i="4"/>
  <c r="C273" i="4"/>
  <c r="C275" i="4"/>
  <c r="C277" i="4"/>
  <c r="C279" i="4"/>
  <c r="C281" i="4"/>
  <c r="C283" i="4"/>
  <c r="C285" i="4"/>
  <c r="C287" i="4"/>
  <c r="C289" i="4"/>
  <c r="C291" i="4"/>
  <c r="C293" i="4"/>
  <c r="C295" i="4"/>
  <c r="C297" i="4"/>
  <c r="C299" i="4"/>
  <c r="C301" i="4"/>
  <c r="C303" i="4"/>
  <c r="C305" i="4"/>
  <c r="C307" i="4"/>
  <c r="C309" i="4"/>
  <c r="C311" i="4"/>
  <c r="C313" i="4"/>
  <c r="C315" i="4"/>
  <c r="C317" i="4"/>
  <c r="C319" i="4"/>
  <c r="C321" i="4"/>
  <c r="C323" i="4"/>
  <c r="C325" i="4"/>
  <c r="C327" i="4"/>
  <c r="C329" i="4"/>
  <c r="C331" i="4"/>
  <c r="C333" i="4"/>
  <c r="C339" i="4"/>
  <c r="C341" i="4"/>
  <c r="AM43" i="4"/>
  <c r="AM120" i="4"/>
  <c r="AM124" i="4"/>
  <c r="AM62" i="4"/>
  <c r="AM70" i="4"/>
  <c r="AM78" i="4"/>
  <c r="AM86" i="4"/>
  <c r="AM94" i="4"/>
  <c r="AM128" i="4"/>
  <c r="AM102" i="4"/>
  <c r="AM110" i="4"/>
  <c r="AM132" i="4"/>
  <c r="AM136" i="4"/>
  <c r="AM140" i="4"/>
  <c r="AM144" i="4"/>
  <c r="AM148" i="4"/>
  <c r="AM152" i="4"/>
  <c r="AM156" i="4"/>
  <c r="AM160" i="4"/>
  <c r="AM164" i="4"/>
  <c r="AM168" i="4"/>
  <c r="AM172" i="4"/>
  <c r="AM176" i="4"/>
  <c r="AM180" i="4"/>
  <c r="AM184" i="4"/>
  <c r="AM188" i="4"/>
  <c r="AM192" i="4"/>
  <c r="AM196" i="4"/>
  <c r="AM200" i="4"/>
  <c r="AM204" i="4"/>
  <c r="AM208" i="4"/>
  <c r="AM212" i="4"/>
  <c r="AM216" i="4"/>
  <c r="AM220" i="4"/>
  <c r="AM224" i="4"/>
  <c r="AM228" i="4"/>
  <c r="AM233" i="4"/>
  <c r="AM235" i="4"/>
  <c r="AM237" i="4"/>
  <c r="AM239" i="4"/>
  <c r="AM241" i="4"/>
  <c r="AM243" i="4"/>
  <c r="AM245" i="4"/>
  <c r="AM247" i="4"/>
  <c r="AM249" i="4"/>
  <c r="AM251" i="4"/>
  <c r="AM253" i="4"/>
  <c r="AM255" i="4"/>
  <c r="AM257" i="4"/>
  <c r="AM259" i="4"/>
  <c r="AM261" i="4"/>
  <c r="AM263" i="4"/>
  <c r="AM265" i="4"/>
  <c r="AM267" i="4"/>
  <c r="AM269" i="4"/>
  <c r="AM335" i="4"/>
  <c r="AM337" i="4"/>
  <c r="AM271" i="4"/>
  <c r="AM273" i="4"/>
  <c r="AM275" i="4"/>
  <c r="AM277" i="4"/>
  <c r="AM279" i="4"/>
  <c r="AM281" i="4"/>
  <c r="AM283" i="4"/>
  <c r="AM285" i="4"/>
  <c r="AM287" i="4"/>
  <c r="AM289" i="4"/>
  <c r="AM291" i="4"/>
  <c r="AM293" i="4"/>
  <c r="AM295" i="4"/>
  <c r="AM297" i="4"/>
  <c r="AM299" i="4"/>
  <c r="AM301" i="4"/>
  <c r="AM303" i="4"/>
  <c r="AM305" i="4"/>
  <c r="AM307" i="4"/>
  <c r="AM309" i="4"/>
  <c r="AM311" i="4"/>
  <c r="AM313" i="4"/>
  <c r="AM315" i="4"/>
  <c r="AM317" i="4"/>
  <c r="AM319" i="4"/>
  <c r="AM321" i="4"/>
  <c r="AM323" i="4"/>
  <c r="AM325" i="4"/>
  <c r="AM327" i="4"/>
  <c r="AM329" i="4"/>
  <c r="AM331" i="4"/>
  <c r="AM333" i="4"/>
  <c r="AM339" i="4"/>
  <c r="AK19" i="4"/>
  <c r="AK60" i="4"/>
  <c r="AK68" i="4"/>
  <c r="AK76" i="4"/>
  <c r="AK41" i="4"/>
  <c r="AK57" i="4"/>
  <c r="AK84" i="4"/>
  <c r="AK92" i="4"/>
  <c r="AK100" i="4"/>
  <c r="AK108" i="4"/>
  <c r="AK116" i="4"/>
  <c r="AK118" i="4"/>
  <c r="AK126" i="4"/>
  <c r="AK130" i="4"/>
  <c r="AK134" i="4"/>
  <c r="AK138" i="4"/>
  <c r="AK142" i="4"/>
  <c r="AK146" i="4"/>
  <c r="AK150" i="4"/>
  <c r="AK154" i="4"/>
  <c r="AK158" i="4"/>
  <c r="AK122" i="4"/>
  <c r="AK162" i="4"/>
  <c r="AK166" i="4"/>
  <c r="AK170" i="4"/>
  <c r="AK174" i="4"/>
  <c r="AK178" i="4"/>
  <c r="AK182" i="4"/>
  <c r="AK186" i="4"/>
  <c r="AK190" i="4"/>
  <c r="AK194" i="4"/>
  <c r="AK198" i="4"/>
  <c r="AK202" i="4"/>
  <c r="AK206" i="4"/>
  <c r="AK210" i="4"/>
  <c r="AK214" i="4"/>
  <c r="AK218" i="4"/>
  <c r="AK222" i="4"/>
  <c r="AK226" i="4"/>
  <c r="AK230" i="4"/>
  <c r="AK233" i="4"/>
  <c r="AK235" i="4"/>
  <c r="AK237" i="4"/>
  <c r="AK239" i="4"/>
  <c r="AK241" i="4"/>
  <c r="AK243" i="4"/>
  <c r="AK245" i="4"/>
  <c r="AK247" i="4"/>
  <c r="AK249" i="4"/>
  <c r="AK251" i="4"/>
  <c r="AK253" i="4"/>
  <c r="AK255" i="4"/>
  <c r="AK257" i="4"/>
  <c r="AK259" i="4"/>
  <c r="AK261" i="4"/>
  <c r="AK263" i="4"/>
  <c r="AK265" i="4"/>
  <c r="AK267" i="4"/>
  <c r="AK269" i="4"/>
  <c r="AK271" i="4"/>
  <c r="AK273" i="4"/>
  <c r="AK275" i="4"/>
  <c r="AK277" i="4"/>
  <c r="AK279" i="4"/>
  <c r="AK281" i="4"/>
  <c r="AK283" i="4"/>
  <c r="AK285" i="4"/>
  <c r="AK287" i="4"/>
  <c r="AK289" i="4"/>
  <c r="AK291" i="4"/>
  <c r="AK293" i="4"/>
  <c r="AK295" i="4"/>
  <c r="AK297" i="4"/>
  <c r="AK299" i="4"/>
  <c r="AK301" i="4"/>
  <c r="AK303" i="4"/>
  <c r="AK305" i="4"/>
  <c r="AK307" i="4"/>
  <c r="AK309" i="4"/>
  <c r="AK311" i="4"/>
  <c r="AK313" i="4"/>
  <c r="AK315" i="4"/>
  <c r="AK317" i="4"/>
  <c r="AK319" i="4"/>
  <c r="AK321" i="4"/>
  <c r="AK323" i="4"/>
  <c r="AK325" i="4"/>
  <c r="AK327" i="4"/>
  <c r="AK329" i="4"/>
  <c r="AK331" i="4"/>
  <c r="AK333" i="4"/>
  <c r="AK339" i="4"/>
  <c r="AK341" i="4"/>
  <c r="AK335" i="4"/>
  <c r="AK337" i="4"/>
  <c r="AI39" i="4"/>
  <c r="AI55" i="4"/>
  <c r="AI66" i="4"/>
  <c r="AI74" i="4"/>
  <c r="AI82" i="4"/>
  <c r="AI90" i="4"/>
  <c r="AI98" i="4"/>
  <c r="AI106" i="4"/>
  <c r="AI114" i="4"/>
  <c r="AI120" i="4"/>
  <c r="AI124" i="4"/>
  <c r="AI132" i="4"/>
  <c r="AI136" i="4"/>
  <c r="AI140" i="4"/>
  <c r="AI144" i="4"/>
  <c r="AI148" i="4"/>
  <c r="AI152" i="4"/>
  <c r="AI156" i="4"/>
  <c r="AI160" i="4"/>
  <c r="AI128" i="4"/>
  <c r="AI164" i="4"/>
  <c r="AI168" i="4"/>
  <c r="AI172" i="4"/>
  <c r="AI176" i="4"/>
  <c r="AI180" i="4"/>
  <c r="AI184" i="4"/>
  <c r="AI188" i="4"/>
  <c r="AI192" i="4"/>
  <c r="AI196" i="4"/>
  <c r="AI200" i="4"/>
  <c r="AI204" i="4"/>
  <c r="AI208" i="4"/>
  <c r="AI212" i="4"/>
  <c r="AI216" i="4"/>
  <c r="AI220" i="4"/>
  <c r="AI224" i="4"/>
  <c r="AI228" i="4"/>
  <c r="AI232" i="4"/>
  <c r="AI235" i="4"/>
  <c r="AI237" i="4"/>
  <c r="AI239" i="4"/>
  <c r="AI241" i="4"/>
  <c r="AI243" i="4"/>
  <c r="AI245" i="4"/>
  <c r="AI247" i="4"/>
  <c r="AI249" i="4"/>
  <c r="AI251" i="4"/>
  <c r="AI253" i="4"/>
  <c r="AI255" i="4"/>
  <c r="AI257" i="4"/>
  <c r="AI259" i="4"/>
  <c r="AI261" i="4"/>
  <c r="AI263" i="4"/>
  <c r="AI265" i="4"/>
  <c r="AI267" i="4"/>
  <c r="AI233" i="4"/>
  <c r="AI335" i="4"/>
  <c r="AI337" i="4"/>
  <c r="AI269" i="4"/>
  <c r="AI271" i="4"/>
  <c r="AI273" i="4"/>
  <c r="AI275" i="4"/>
  <c r="AI277" i="4"/>
  <c r="AI279" i="4"/>
  <c r="AI281" i="4"/>
  <c r="AI283" i="4"/>
  <c r="AI285" i="4"/>
  <c r="AI287" i="4"/>
  <c r="AI289" i="4"/>
  <c r="AI291" i="4"/>
  <c r="AI293" i="4"/>
  <c r="AI295" i="4"/>
  <c r="AI297" i="4"/>
  <c r="AI299" i="4"/>
  <c r="AI301" i="4"/>
  <c r="AI303" i="4"/>
  <c r="AI305" i="4"/>
  <c r="AI307" i="4"/>
  <c r="AI309" i="4"/>
  <c r="AI311" i="4"/>
  <c r="AI313" i="4"/>
  <c r="AI315" i="4"/>
  <c r="AI317" i="4"/>
  <c r="AI319" i="4"/>
  <c r="AI321" i="4"/>
  <c r="AI323" i="4"/>
  <c r="AI325" i="4"/>
  <c r="AI327" i="4"/>
  <c r="AI329" i="4"/>
  <c r="AI331" i="4"/>
  <c r="AI333" i="4"/>
  <c r="AI339" i="4"/>
  <c r="AG118" i="4"/>
  <c r="AG122" i="4"/>
  <c r="AG37" i="4"/>
  <c r="AG53" i="4"/>
  <c r="AG64" i="4"/>
  <c r="AG72" i="4"/>
  <c r="AG80" i="4"/>
  <c r="AG88" i="4"/>
  <c r="AG96" i="4"/>
  <c r="AG126" i="4"/>
  <c r="AG104" i="4"/>
  <c r="AG112" i="4"/>
  <c r="AG130" i="4"/>
  <c r="AG134" i="4"/>
  <c r="AG138" i="4"/>
  <c r="AG142" i="4"/>
  <c r="AG146" i="4"/>
  <c r="AG150" i="4"/>
  <c r="AG154" i="4"/>
  <c r="AG158" i="4"/>
  <c r="AG233" i="4"/>
  <c r="AG162" i="4"/>
  <c r="AG166" i="4"/>
  <c r="AG170" i="4"/>
  <c r="AG174" i="4"/>
  <c r="AG178" i="4"/>
  <c r="AG182" i="4"/>
  <c r="AG186" i="4"/>
  <c r="AG190" i="4"/>
  <c r="AG194" i="4"/>
  <c r="AG198" i="4"/>
  <c r="AG202" i="4"/>
  <c r="AG206" i="4"/>
  <c r="AG210" i="4"/>
  <c r="AG214" i="4"/>
  <c r="AG218" i="4"/>
  <c r="AG222" i="4"/>
  <c r="AG226" i="4"/>
  <c r="AG230" i="4"/>
  <c r="AG235" i="4"/>
  <c r="AG237" i="4"/>
  <c r="AG239" i="4"/>
  <c r="AG241" i="4"/>
  <c r="AG243" i="4"/>
  <c r="AG245" i="4"/>
  <c r="AG247" i="4"/>
  <c r="AG249" i="4"/>
  <c r="AG251" i="4"/>
  <c r="AG253" i="4"/>
  <c r="AG255" i="4"/>
  <c r="AG257" i="4"/>
  <c r="AG259" i="4"/>
  <c r="AG261" i="4"/>
  <c r="AG263" i="4"/>
  <c r="AG265" i="4"/>
  <c r="AG267" i="4"/>
  <c r="AG269" i="4"/>
  <c r="AG271" i="4"/>
  <c r="AG273" i="4"/>
  <c r="AG275" i="4"/>
  <c r="AG277" i="4"/>
  <c r="AG279" i="4"/>
  <c r="AG281" i="4"/>
  <c r="AG283" i="4"/>
  <c r="AG285" i="4"/>
  <c r="AG287" i="4"/>
  <c r="AG289" i="4"/>
  <c r="AG291" i="4"/>
  <c r="AG293" i="4"/>
  <c r="AG295" i="4"/>
  <c r="AG297" i="4"/>
  <c r="AG299" i="4"/>
  <c r="AG301" i="4"/>
  <c r="AG303" i="4"/>
  <c r="AG305" i="4"/>
  <c r="AG307" i="4"/>
  <c r="AG309" i="4"/>
  <c r="AG311" i="4"/>
  <c r="AG313" i="4"/>
  <c r="AG315" i="4"/>
  <c r="AG317" i="4"/>
  <c r="AG319" i="4"/>
  <c r="AG321" i="4"/>
  <c r="AG323" i="4"/>
  <c r="AG325" i="4"/>
  <c r="AG327" i="4"/>
  <c r="AG329" i="4"/>
  <c r="AG331" i="4"/>
  <c r="AG333" i="4"/>
  <c r="AG339" i="4"/>
  <c r="AG341" i="4"/>
  <c r="AG335" i="4"/>
  <c r="AG337" i="4"/>
  <c r="AE62" i="4"/>
  <c r="AE70" i="4"/>
  <c r="AE78" i="4"/>
  <c r="AE86" i="4"/>
  <c r="AE94" i="4"/>
  <c r="AE102" i="4"/>
  <c r="AE110" i="4"/>
  <c r="AE120" i="4"/>
  <c r="AE124" i="4"/>
  <c r="AE29" i="4"/>
  <c r="AE35" i="4"/>
  <c r="AE51" i="4"/>
  <c r="AE128" i="4"/>
  <c r="AE132" i="4"/>
  <c r="AE136" i="4"/>
  <c r="AE140" i="4"/>
  <c r="AE144" i="4"/>
  <c r="AE148" i="4"/>
  <c r="AE152" i="4"/>
  <c r="AE156" i="4"/>
  <c r="AE160" i="4"/>
  <c r="AE164" i="4"/>
  <c r="AE168" i="4"/>
  <c r="AE172" i="4"/>
  <c r="AE176" i="4"/>
  <c r="AE180" i="4"/>
  <c r="AE184" i="4"/>
  <c r="AE188" i="4"/>
  <c r="AE192" i="4"/>
  <c r="AE196" i="4"/>
  <c r="AE200" i="4"/>
  <c r="AE204" i="4"/>
  <c r="AE208" i="4"/>
  <c r="AE212" i="4"/>
  <c r="AE216" i="4"/>
  <c r="AE220" i="4"/>
  <c r="AE224" i="4"/>
  <c r="AE228" i="4"/>
  <c r="AE232" i="4"/>
  <c r="AE233" i="4"/>
  <c r="AE235" i="4"/>
  <c r="AE237" i="4"/>
  <c r="AE239" i="4"/>
  <c r="AE241" i="4"/>
  <c r="AE243" i="4"/>
  <c r="AE245" i="4"/>
  <c r="AE247" i="4"/>
  <c r="AE249" i="4"/>
  <c r="AE251" i="4"/>
  <c r="AE253" i="4"/>
  <c r="AE255" i="4"/>
  <c r="AE257" i="4"/>
  <c r="AE259" i="4"/>
  <c r="AE261" i="4"/>
  <c r="AE263" i="4"/>
  <c r="AE265" i="4"/>
  <c r="AE267" i="4"/>
  <c r="AE269" i="4"/>
  <c r="AE335" i="4"/>
  <c r="AE337" i="4"/>
  <c r="AE271" i="4"/>
  <c r="AE273" i="4"/>
  <c r="AE275" i="4"/>
  <c r="AE277" i="4"/>
  <c r="AE279" i="4"/>
  <c r="AE281" i="4"/>
  <c r="AE283" i="4"/>
  <c r="AE285" i="4"/>
  <c r="AE287" i="4"/>
  <c r="AE289" i="4"/>
  <c r="AE291" i="4"/>
  <c r="AE293" i="4"/>
  <c r="AE295" i="4"/>
  <c r="AE297" i="4"/>
  <c r="AE299" i="4"/>
  <c r="AE301" i="4"/>
  <c r="AE303" i="4"/>
  <c r="AE305" i="4"/>
  <c r="AE307" i="4"/>
  <c r="AE309" i="4"/>
  <c r="AE311" i="4"/>
  <c r="AE313" i="4"/>
  <c r="AE315" i="4"/>
  <c r="AE317" i="4"/>
  <c r="AE319" i="4"/>
  <c r="AE321" i="4"/>
  <c r="AE323" i="4"/>
  <c r="AE325" i="4"/>
  <c r="AE327" i="4"/>
  <c r="AE329" i="4"/>
  <c r="AE331" i="4"/>
  <c r="AE333" i="4"/>
  <c r="AE339" i="4"/>
  <c r="AE341" i="4"/>
  <c r="AC60" i="4"/>
  <c r="AC68" i="4"/>
  <c r="AC76" i="4"/>
  <c r="AC33" i="4"/>
  <c r="AC49" i="4"/>
  <c r="AC84" i="4"/>
  <c r="AC92" i="4"/>
  <c r="AC100" i="4"/>
  <c r="AC108" i="4"/>
  <c r="AC116" i="4"/>
  <c r="AC118" i="4"/>
  <c r="AC122" i="4"/>
  <c r="AC130" i="4"/>
  <c r="AC134" i="4"/>
  <c r="AC138" i="4"/>
  <c r="AC142" i="4"/>
  <c r="AC146" i="4"/>
  <c r="AC150" i="4"/>
  <c r="AC154" i="4"/>
  <c r="AC158" i="4"/>
  <c r="AC126" i="4"/>
  <c r="AC162" i="4"/>
  <c r="AC166" i="4"/>
  <c r="AC170" i="4"/>
  <c r="AC174" i="4"/>
  <c r="AC178" i="4"/>
  <c r="AC182" i="4"/>
  <c r="AC186" i="4"/>
  <c r="AC190" i="4"/>
  <c r="AC194" i="4"/>
  <c r="AC198" i="4"/>
  <c r="AC202" i="4"/>
  <c r="AC206" i="4"/>
  <c r="AC210" i="4"/>
  <c r="AC214" i="4"/>
  <c r="AC218" i="4"/>
  <c r="AC222" i="4"/>
  <c r="AC226" i="4"/>
  <c r="AC230" i="4"/>
  <c r="AC233" i="4"/>
  <c r="AC235" i="4"/>
  <c r="AC237" i="4"/>
  <c r="AC239" i="4"/>
  <c r="AC241" i="4"/>
  <c r="AC243" i="4"/>
  <c r="AC245" i="4"/>
  <c r="AC247" i="4"/>
  <c r="AC249" i="4"/>
  <c r="AC251" i="4"/>
  <c r="AC253" i="4"/>
  <c r="AC255" i="4"/>
  <c r="AC257" i="4"/>
  <c r="AC259" i="4"/>
  <c r="AC261" i="4"/>
  <c r="AC263" i="4"/>
  <c r="AC265" i="4"/>
  <c r="AC267" i="4"/>
  <c r="AC269" i="4"/>
  <c r="AC271" i="4"/>
  <c r="AC273" i="4"/>
  <c r="AC275" i="4"/>
  <c r="AC277" i="4"/>
  <c r="AC279" i="4"/>
  <c r="AC281" i="4"/>
  <c r="AC283" i="4"/>
  <c r="AC285" i="4"/>
  <c r="AC287" i="4"/>
  <c r="AC289" i="4"/>
  <c r="AC291" i="4"/>
  <c r="AC293" i="4"/>
  <c r="AC295" i="4"/>
  <c r="AC297" i="4"/>
  <c r="AC299" i="4"/>
  <c r="AC301" i="4"/>
  <c r="AC303" i="4"/>
  <c r="AC305" i="4"/>
  <c r="AC307" i="4"/>
  <c r="AC309" i="4"/>
  <c r="AC311" i="4"/>
  <c r="AC313" i="4"/>
  <c r="AC315" i="4"/>
  <c r="AC317" i="4"/>
  <c r="AC319" i="4"/>
  <c r="AC321" i="4"/>
  <c r="AC323" i="4"/>
  <c r="AC325" i="4"/>
  <c r="AC327" i="4"/>
  <c r="AC329" i="4"/>
  <c r="AC331" i="4"/>
  <c r="AC333" i="4"/>
  <c r="AC339" i="4"/>
  <c r="AC341" i="4"/>
  <c r="AC335" i="4"/>
  <c r="AC337" i="4"/>
  <c r="AA66" i="4"/>
  <c r="AA74" i="4"/>
  <c r="AA82" i="4"/>
  <c r="AA90" i="4"/>
  <c r="AA98" i="4"/>
  <c r="AA106" i="4"/>
  <c r="AA114" i="4"/>
  <c r="AA25" i="4"/>
  <c r="AA31" i="4"/>
  <c r="AA47" i="4"/>
  <c r="AA120" i="4"/>
  <c r="AA128" i="4"/>
  <c r="AA132" i="4"/>
  <c r="AA136" i="4"/>
  <c r="AA140" i="4"/>
  <c r="AA144" i="4"/>
  <c r="AA148" i="4"/>
  <c r="AA152" i="4"/>
  <c r="AA156" i="4"/>
  <c r="AA160" i="4"/>
  <c r="AA124" i="4"/>
  <c r="AA164" i="4"/>
  <c r="AA168" i="4"/>
  <c r="AA172" i="4"/>
  <c r="AA176" i="4"/>
  <c r="AA180" i="4"/>
  <c r="AA184" i="4"/>
  <c r="AA188" i="4"/>
  <c r="AA192" i="4"/>
  <c r="AA196" i="4"/>
  <c r="AA200" i="4"/>
  <c r="AA204" i="4"/>
  <c r="AA208" i="4"/>
  <c r="AA212" i="4"/>
  <c r="AA216" i="4"/>
  <c r="AA220" i="4"/>
  <c r="AA224" i="4"/>
  <c r="AA228" i="4"/>
  <c r="AA232" i="4"/>
  <c r="AA235" i="4"/>
  <c r="AA237" i="4"/>
  <c r="AA239" i="4"/>
  <c r="AA241" i="4"/>
  <c r="AA243" i="4"/>
  <c r="AA245" i="4"/>
  <c r="AA247" i="4"/>
  <c r="AA249" i="4"/>
  <c r="AA251" i="4"/>
  <c r="AA253" i="4"/>
  <c r="AA255" i="4"/>
  <c r="AA257" i="4"/>
  <c r="AA259" i="4"/>
  <c r="AA261" i="4"/>
  <c r="AA263" i="4"/>
  <c r="AA265" i="4"/>
  <c r="AA267" i="4"/>
  <c r="AA269" i="4"/>
  <c r="AA233" i="4"/>
  <c r="AA335" i="4"/>
  <c r="AA337" i="4"/>
  <c r="AA271" i="4"/>
  <c r="AA273" i="4"/>
  <c r="AA275" i="4"/>
  <c r="AA277" i="4"/>
  <c r="AA279" i="4"/>
  <c r="AA281" i="4"/>
  <c r="AA283" i="4"/>
  <c r="AA285" i="4"/>
  <c r="AA287" i="4"/>
  <c r="AA289" i="4"/>
  <c r="AA291" i="4"/>
  <c r="AA293" i="4"/>
  <c r="AA295" i="4"/>
  <c r="AA297" i="4"/>
  <c r="AA299" i="4"/>
  <c r="AA301" i="4"/>
  <c r="AA303" i="4"/>
  <c r="AA305" i="4"/>
  <c r="AA307" i="4"/>
  <c r="AA309" i="4"/>
  <c r="AA311" i="4"/>
  <c r="AA313" i="4"/>
  <c r="AA315" i="4"/>
  <c r="AA317" i="4"/>
  <c r="AA319" i="4"/>
  <c r="AA321" i="4"/>
  <c r="AA323" i="4"/>
  <c r="AA325" i="4"/>
  <c r="AA327" i="4"/>
  <c r="AA329" i="4"/>
  <c r="AA331" i="4"/>
  <c r="AA333" i="4"/>
  <c r="AA339" i="4"/>
  <c r="AA341" i="4"/>
  <c r="Y45" i="4"/>
  <c r="Y64" i="4"/>
  <c r="Y72" i="4"/>
  <c r="Y80" i="4"/>
  <c r="Y88" i="4"/>
  <c r="Y96" i="4"/>
  <c r="Y104" i="4"/>
  <c r="Y112" i="4"/>
  <c r="Y118" i="4"/>
  <c r="Y122" i="4"/>
  <c r="Y126" i="4"/>
  <c r="Y130" i="4"/>
  <c r="Y134" i="4"/>
  <c r="Y138" i="4"/>
  <c r="Y142" i="4"/>
  <c r="Y146" i="4"/>
  <c r="Y150" i="4"/>
  <c r="Y154" i="4"/>
  <c r="Y158" i="4"/>
  <c r="Y233" i="4"/>
  <c r="Y162" i="4"/>
  <c r="Y166" i="4"/>
  <c r="Y170" i="4"/>
  <c r="Y174" i="4"/>
  <c r="Y178" i="4"/>
  <c r="Y182" i="4"/>
  <c r="Y186" i="4"/>
  <c r="Y190" i="4"/>
  <c r="Y194" i="4"/>
  <c r="Y198" i="4"/>
  <c r="Y202" i="4"/>
  <c r="Y206" i="4"/>
  <c r="Y210" i="4"/>
  <c r="Y214" i="4"/>
  <c r="Y218" i="4"/>
  <c r="Y222" i="4"/>
  <c r="Y226" i="4"/>
  <c r="Y230" i="4"/>
  <c r="Y235" i="4"/>
  <c r="Y237" i="4"/>
  <c r="Y239" i="4"/>
  <c r="Y241" i="4"/>
  <c r="Y243" i="4"/>
  <c r="Y245" i="4"/>
  <c r="Y247" i="4"/>
  <c r="Y249" i="4"/>
  <c r="Y251" i="4"/>
  <c r="Y253" i="4"/>
  <c r="Y255" i="4"/>
  <c r="Y257" i="4"/>
  <c r="Y259" i="4"/>
  <c r="Y261" i="4"/>
  <c r="Y263" i="4"/>
  <c r="Y265" i="4"/>
  <c r="Y267" i="4"/>
  <c r="Y269" i="4"/>
  <c r="Y271" i="4"/>
  <c r="Y273" i="4"/>
  <c r="Y275" i="4"/>
  <c r="Y277" i="4"/>
  <c r="Y279" i="4"/>
  <c r="Y281" i="4"/>
  <c r="Y283" i="4"/>
  <c r="Y285" i="4"/>
  <c r="Y287" i="4"/>
  <c r="Y289" i="4"/>
  <c r="Y291" i="4"/>
  <c r="Y293" i="4"/>
  <c r="Y295" i="4"/>
  <c r="Y297" i="4"/>
  <c r="Y299" i="4"/>
  <c r="Y301" i="4"/>
  <c r="Y303" i="4"/>
  <c r="Y305" i="4"/>
  <c r="Y307" i="4"/>
  <c r="Y309" i="4"/>
  <c r="Y311" i="4"/>
  <c r="Y313" i="4"/>
  <c r="Y315" i="4"/>
  <c r="Y317" i="4"/>
  <c r="Y319" i="4"/>
  <c r="Y321" i="4"/>
  <c r="Y323" i="4"/>
  <c r="Y325" i="4"/>
  <c r="Y327" i="4"/>
  <c r="Y329" i="4"/>
  <c r="Y331" i="4"/>
  <c r="Y333" i="4"/>
  <c r="Y339" i="4"/>
  <c r="Y341" i="4"/>
  <c r="Y335" i="4"/>
  <c r="Y337" i="4"/>
  <c r="W21" i="4"/>
  <c r="W43" i="4"/>
  <c r="W59" i="4"/>
  <c r="W62" i="4"/>
  <c r="W70" i="4"/>
  <c r="W120" i="4"/>
  <c r="W124" i="4"/>
  <c r="W78" i="4"/>
  <c r="W86" i="4"/>
  <c r="W94" i="4"/>
  <c r="W102" i="4"/>
  <c r="W110" i="4"/>
  <c r="W128" i="4"/>
  <c r="W132" i="4"/>
  <c r="W136" i="4"/>
  <c r="W140" i="4"/>
  <c r="W144" i="4"/>
  <c r="W148" i="4"/>
  <c r="W152" i="4"/>
  <c r="W156" i="4"/>
  <c r="W160" i="4"/>
  <c r="W164" i="4"/>
  <c r="W168" i="4"/>
  <c r="W172" i="4"/>
  <c r="W176" i="4"/>
  <c r="W180" i="4"/>
  <c r="W184" i="4"/>
  <c r="W188" i="4"/>
  <c r="W192" i="4"/>
  <c r="W196" i="4"/>
  <c r="W200" i="4"/>
  <c r="W204" i="4"/>
  <c r="W208" i="4"/>
  <c r="W212" i="4"/>
  <c r="W216" i="4"/>
  <c r="W220" i="4"/>
  <c r="W224" i="4"/>
  <c r="W228" i="4"/>
  <c r="W232" i="4"/>
  <c r="W233" i="4"/>
  <c r="W235" i="4"/>
  <c r="W237" i="4"/>
  <c r="W239" i="4"/>
  <c r="W241" i="4"/>
  <c r="W243" i="4"/>
  <c r="W245" i="4"/>
  <c r="W247" i="4"/>
  <c r="W249" i="4"/>
  <c r="W251" i="4"/>
  <c r="W253" i="4"/>
  <c r="W255" i="4"/>
  <c r="W257" i="4"/>
  <c r="W259" i="4"/>
  <c r="W261" i="4"/>
  <c r="W263" i="4"/>
  <c r="W265" i="4"/>
  <c r="W267" i="4"/>
  <c r="W269" i="4"/>
  <c r="W335" i="4"/>
  <c r="W337" i="4"/>
  <c r="W271" i="4"/>
  <c r="W273" i="4"/>
  <c r="W275" i="4"/>
  <c r="W277" i="4"/>
  <c r="W279" i="4"/>
  <c r="W281" i="4"/>
  <c r="W283" i="4"/>
  <c r="W285" i="4"/>
  <c r="W287" i="4"/>
  <c r="W289" i="4"/>
  <c r="W291" i="4"/>
  <c r="W293" i="4"/>
  <c r="W295" i="4"/>
  <c r="W297" i="4"/>
  <c r="W299" i="4"/>
  <c r="W301" i="4"/>
  <c r="W303" i="4"/>
  <c r="W305" i="4"/>
  <c r="W307" i="4"/>
  <c r="W309" i="4"/>
  <c r="W311" i="4"/>
  <c r="W313" i="4"/>
  <c r="W315" i="4"/>
  <c r="W317" i="4"/>
  <c r="W319" i="4"/>
  <c r="W321" i="4"/>
  <c r="W323" i="4"/>
  <c r="W325" i="4"/>
  <c r="W327" i="4"/>
  <c r="W329" i="4"/>
  <c r="W331" i="4"/>
  <c r="W333" i="4"/>
  <c r="W339" i="4"/>
  <c r="W341" i="4"/>
  <c r="U41" i="4"/>
  <c r="U57" i="4"/>
  <c r="U60" i="4"/>
  <c r="U68" i="4"/>
  <c r="U76" i="4"/>
  <c r="U84" i="4"/>
  <c r="U92" i="4"/>
  <c r="U100" i="4"/>
  <c r="U108" i="4"/>
  <c r="U116" i="4"/>
  <c r="U122" i="4"/>
  <c r="U126" i="4"/>
  <c r="U130" i="4"/>
  <c r="U134" i="4"/>
  <c r="U138" i="4"/>
  <c r="U142" i="4"/>
  <c r="U146" i="4"/>
  <c r="U150" i="4"/>
  <c r="U154" i="4"/>
  <c r="U158" i="4"/>
  <c r="U118" i="4"/>
  <c r="U162" i="4"/>
  <c r="U166" i="4"/>
  <c r="U170" i="4"/>
  <c r="U174" i="4"/>
  <c r="U178" i="4"/>
  <c r="U182" i="4"/>
  <c r="U186" i="4"/>
  <c r="U190" i="4"/>
  <c r="U194" i="4"/>
  <c r="U198" i="4"/>
  <c r="U202" i="4"/>
  <c r="U206" i="4"/>
  <c r="U210" i="4"/>
  <c r="U214" i="4"/>
  <c r="U218" i="4"/>
  <c r="U222" i="4"/>
  <c r="U226" i="4"/>
  <c r="U230" i="4"/>
  <c r="U233" i="4"/>
  <c r="U235" i="4"/>
  <c r="U237" i="4"/>
  <c r="U239" i="4"/>
  <c r="U241" i="4"/>
  <c r="U243" i="4"/>
  <c r="U245" i="4"/>
  <c r="U247" i="4"/>
  <c r="U249" i="4"/>
  <c r="U251" i="4"/>
  <c r="U253" i="4"/>
  <c r="U255" i="4"/>
  <c r="U257" i="4"/>
  <c r="U259" i="4"/>
  <c r="U261" i="4"/>
  <c r="U263" i="4"/>
  <c r="U265" i="4"/>
  <c r="U267" i="4"/>
  <c r="U269" i="4"/>
  <c r="U271" i="4"/>
  <c r="U273" i="4"/>
  <c r="U275" i="4"/>
  <c r="U277" i="4"/>
  <c r="U279" i="4"/>
  <c r="U281" i="4"/>
  <c r="U283" i="4"/>
  <c r="U285" i="4"/>
  <c r="U287" i="4"/>
  <c r="U289" i="4"/>
  <c r="U291" i="4"/>
  <c r="U293" i="4"/>
  <c r="U295" i="4"/>
  <c r="U297" i="4"/>
  <c r="U299" i="4"/>
  <c r="U301" i="4"/>
  <c r="U303" i="4"/>
  <c r="U305" i="4"/>
  <c r="U307" i="4"/>
  <c r="U309" i="4"/>
  <c r="U311" i="4"/>
  <c r="U313" i="4"/>
  <c r="U315" i="4"/>
  <c r="U317" i="4"/>
  <c r="U319" i="4"/>
  <c r="U321" i="4"/>
  <c r="U323" i="4"/>
  <c r="U325" i="4"/>
  <c r="U327" i="4"/>
  <c r="U329" i="4"/>
  <c r="U331" i="4"/>
  <c r="U333" i="4"/>
  <c r="U339" i="4"/>
  <c r="U341" i="4"/>
  <c r="U335" i="4"/>
  <c r="U337" i="4"/>
  <c r="S17" i="4"/>
  <c r="S39" i="4"/>
  <c r="S55" i="4"/>
  <c r="S66" i="4"/>
  <c r="S74" i="4"/>
  <c r="S82" i="4"/>
  <c r="S90" i="4"/>
  <c r="S98" i="4"/>
  <c r="S120" i="4"/>
  <c r="S124" i="4"/>
  <c r="S106" i="4"/>
  <c r="S132" i="4"/>
  <c r="S136" i="4"/>
  <c r="S140" i="4"/>
  <c r="S144" i="4"/>
  <c r="S148" i="4"/>
  <c r="S152" i="4"/>
  <c r="S156" i="4"/>
  <c r="S160" i="4"/>
  <c r="S114" i="4"/>
  <c r="S128" i="4"/>
  <c r="S164" i="4"/>
  <c r="S168" i="4"/>
  <c r="S172" i="4"/>
  <c r="S176" i="4"/>
  <c r="S180" i="4"/>
  <c r="S184" i="4"/>
  <c r="S188" i="4"/>
  <c r="S192" i="4"/>
  <c r="S196" i="4"/>
  <c r="S200" i="4"/>
  <c r="S204" i="4"/>
  <c r="S208" i="4"/>
  <c r="S212" i="4"/>
  <c r="S216" i="4"/>
  <c r="S220" i="4"/>
  <c r="S224" i="4"/>
  <c r="S228" i="4"/>
  <c r="S232" i="4"/>
  <c r="S235" i="4"/>
  <c r="S237" i="4"/>
  <c r="S239" i="4"/>
  <c r="S241" i="4"/>
  <c r="S243" i="4"/>
  <c r="S245" i="4"/>
  <c r="S247" i="4"/>
  <c r="S249" i="4"/>
  <c r="S251" i="4"/>
  <c r="S253" i="4"/>
  <c r="S255" i="4"/>
  <c r="S257" i="4"/>
  <c r="S259" i="4"/>
  <c r="S261" i="4"/>
  <c r="S263" i="4"/>
  <c r="S265" i="4"/>
  <c r="S267" i="4"/>
  <c r="S269" i="4"/>
  <c r="S233" i="4"/>
  <c r="S335" i="4"/>
  <c r="S337" i="4"/>
  <c r="S271" i="4"/>
  <c r="S273" i="4"/>
  <c r="S275" i="4"/>
  <c r="S277" i="4"/>
  <c r="S279" i="4"/>
  <c r="S281" i="4"/>
  <c r="S283" i="4"/>
  <c r="S285" i="4"/>
  <c r="S287" i="4"/>
  <c r="S289" i="4"/>
  <c r="S291" i="4"/>
  <c r="S293" i="4"/>
  <c r="S295" i="4"/>
  <c r="S297" i="4"/>
  <c r="S299" i="4"/>
  <c r="S301" i="4"/>
  <c r="S303" i="4"/>
  <c r="S305" i="4"/>
  <c r="S307" i="4"/>
  <c r="S309" i="4"/>
  <c r="S311" i="4"/>
  <c r="S313" i="4"/>
  <c r="S315" i="4"/>
  <c r="S317" i="4"/>
  <c r="S319" i="4"/>
  <c r="S321" i="4"/>
  <c r="S323" i="4"/>
  <c r="S325" i="4"/>
  <c r="S327" i="4"/>
  <c r="S329" i="4"/>
  <c r="S331" i="4"/>
  <c r="S333" i="4"/>
  <c r="S339" i="4"/>
  <c r="S341" i="4"/>
  <c r="Q37" i="4"/>
  <c r="Q53" i="4"/>
  <c r="Q64" i="4"/>
  <c r="Q72" i="4"/>
  <c r="Q118" i="4"/>
  <c r="Q122" i="4"/>
  <c r="Q80" i="4"/>
  <c r="Q88" i="4"/>
  <c r="Q96" i="4"/>
  <c r="Q104" i="4"/>
  <c r="Q112" i="4"/>
  <c r="Q126" i="4"/>
  <c r="Q130" i="4"/>
  <c r="Q134" i="4"/>
  <c r="Q138" i="4"/>
  <c r="Q142" i="4"/>
  <c r="Q146" i="4"/>
  <c r="Q150" i="4"/>
  <c r="Q154" i="4"/>
  <c r="Q158" i="4"/>
  <c r="Q233" i="4"/>
  <c r="Q162" i="4"/>
  <c r="Q166" i="4"/>
  <c r="Q170" i="4"/>
  <c r="Q174" i="4"/>
  <c r="Q178" i="4"/>
  <c r="Q182" i="4"/>
  <c r="Q186" i="4"/>
  <c r="Q190" i="4"/>
  <c r="Q194" i="4"/>
  <c r="Q198" i="4"/>
  <c r="Q202" i="4"/>
  <c r="Q206" i="4"/>
  <c r="Q210" i="4"/>
  <c r="Q214" i="4"/>
  <c r="Q218" i="4"/>
  <c r="Q222" i="4"/>
  <c r="Q226" i="4"/>
  <c r="Q230" i="4"/>
  <c r="Q235" i="4"/>
  <c r="Q237" i="4"/>
  <c r="Q239" i="4"/>
  <c r="Q241" i="4"/>
  <c r="Q243" i="4"/>
  <c r="Q245" i="4"/>
  <c r="Q247" i="4"/>
  <c r="Q249" i="4"/>
  <c r="Q251" i="4"/>
  <c r="Q253" i="4"/>
  <c r="Q255" i="4"/>
  <c r="Q257" i="4"/>
  <c r="Q259" i="4"/>
  <c r="Q261" i="4"/>
  <c r="Q263" i="4"/>
  <c r="Q265" i="4"/>
  <c r="Q267" i="4"/>
  <c r="Q269" i="4"/>
  <c r="Q271" i="4"/>
  <c r="Q273" i="4"/>
  <c r="Q275" i="4"/>
  <c r="Q277" i="4"/>
  <c r="Q279" i="4"/>
  <c r="Q281" i="4"/>
  <c r="Q283" i="4"/>
  <c r="Q285" i="4"/>
  <c r="Q287" i="4"/>
  <c r="Q289" i="4"/>
  <c r="Q291" i="4"/>
  <c r="Q293" i="4"/>
  <c r="Q295" i="4"/>
  <c r="Q297" i="4"/>
  <c r="Q299" i="4"/>
  <c r="Q301" i="4"/>
  <c r="Q303" i="4"/>
  <c r="Q305" i="4"/>
  <c r="Q307" i="4"/>
  <c r="Q309" i="4"/>
  <c r="Q311" i="4"/>
  <c r="Q313" i="4"/>
  <c r="Q315" i="4"/>
  <c r="Q317" i="4"/>
  <c r="Q319" i="4"/>
  <c r="Q321" i="4"/>
  <c r="Q323" i="4"/>
  <c r="Q325" i="4"/>
  <c r="Q327" i="4"/>
  <c r="Q329" i="4"/>
  <c r="Q331" i="4"/>
  <c r="Q333" i="4"/>
  <c r="Q339" i="4"/>
  <c r="Q341" i="4"/>
  <c r="Q335" i="4"/>
  <c r="Q337" i="4"/>
  <c r="O10" i="4"/>
  <c r="O35" i="4"/>
  <c r="O51" i="4"/>
  <c r="O62" i="4"/>
  <c r="O70" i="4"/>
  <c r="O78" i="4"/>
  <c r="O86" i="4"/>
  <c r="O94" i="4"/>
  <c r="O102" i="4"/>
  <c r="O110" i="4"/>
  <c r="O120" i="4"/>
  <c r="O124" i="4"/>
  <c r="O128" i="4"/>
  <c r="O132" i="4"/>
  <c r="O136" i="4"/>
  <c r="O140" i="4"/>
  <c r="O144" i="4"/>
  <c r="O148" i="4"/>
  <c r="O152" i="4"/>
  <c r="O156" i="4"/>
  <c r="O160" i="4"/>
  <c r="O164" i="4"/>
  <c r="O168" i="4"/>
  <c r="O172" i="4"/>
  <c r="O176" i="4"/>
  <c r="O180" i="4"/>
  <c r="O184" i="4"/>
  <c r="O188" i="4"/>
  <c r="O192" i="4"/>
  <c r="O196" i="4"/>
  <c r="O200" i="4"/>
  <c r="O204" i="4"/>
  <c r="O208" i="4"/>
  <c r="O212" i="4"/>
  <c r="O216" i="4"/>
  <c r="O220" i="4"/>
  <c r="O224" i="4"/>
  <c r="O228" i="4"/>
  <c r="O232" i="4"/>
  <c r="O233" i="4"/>
  <c r="O235" i="4"/>
  <c r="O237" i="4"/>
  <c r="O239" i="4"/>
  <c r="O241" i="4"/>
  <c r="O243" i="4"/>
  <c r="O245" i="4"/>
  <c r="O247" i="4"/>
  <c r="O249" i="4"/>
  <c r="O251" i="4"/>
  <c r="O253" i="4"/>
  <c r="O255" i="4"/>
  <c r="O257" i="4"/>
  <c r="O259" i="4"/>
  <c r="O261" i="4"/>
  <c r="O263" i="4"/>
  <c r="O265" i="4"/>
  <c r="O267" i="4"/>
  <c r="O269" i="4"/>
  <c r="O335" i="4"/>
  <c r="O337" i="4"/>
  <c r="O271" i="4"/>
  <c r="O273" i="4"/>
  <c r="O275" i="4"/>
  <c r="O277" i="4"/>
  <c r="O279" i="4"/>
  <c r="O281" i="4"/>
  <c r="O283" i="4"/>
  <c r="O285" i="4"/>
  <c r="O287" i="4"/>
  <c r="O289" i="4"/>
  <c r="O291" i="4"/>
  <c r="O293" i="4"/>
  <c r="O295" i="4"/>
  <c r="O297" i="4"/>
  <c r="O299" i="4"/>
  <c r="O301" i="4"/>
  <c r="O303" i="4"/>
  <c r="O305" i="4"/>
  <c r="O307" i="4"/>
  <c r="O309" i="4"/>
  <c r="O311" i="4"/>
  <c r="O313" i="4"/>
  <c r="O315" i="4"/>
  <c r="O317" i="4"/>
  <c r="O319" i="4"/>
  <c r="O321" i="4"/>
  <c r="O323" i="4"/>
  <c r="O325" i="4"/>
  <c r="O327" i="4"/>
  <c r="O329" i="4"/>
  <c r="O331" i="4"/>
  <c r="O333" i="4"/>
  <c r="O339" i="4"/>
  <c r="O341" i="4"/>
  <c r="M33" i="4"/>
  <c r="M49" i="4"/>
  <c r="M27" i="4"/>
  <c r="M60" i="4"/>
  <c r="M68" i="4"/>
  <c r="M76" i="4"/>
  <c r="M84" i="4"/>
  <c r="M92" i="4"/>
  <c r="M118" i="4"/>
  <c r="M122" i="4"/>
  <c r="M108" i="4"/>
  <c r="M134" i="4"/>
  <c r="M138" i="4"/>
  <c r="M142" i="4"/>
  <c r="M146" i="4"/>
  <c r="M150" i="4"/>
  <c r="M154" i="4"/>
  <c r="M158" i="4"/>
  <c r="M100" i="4"/>
  <c r="M116" i="4"/>
  <c r="M126" i="4"/>
  <c r="M130" i="4"/>
  <c r="M162" i="4"/>
  <c r="M166" i="4"/>
  <c r="M170" i="4"/>
  <c r="M174" i="4"/>
  <c r="M178" i="4"/>
  <c r="M182" i="4"/>
  <c r="M186" i="4"/>
  <c r="M190" i="4"/>
  <c r="M194" i="4"/>
  <c r="M198" i="4"/>
  <c r="M202" i="4"/>
  <c r="M206" i="4"/>
  <c r="M210" i="4"/>
  <c r="M214" i="4"/>
  <c r="M218" i="4"/>
  <c r="M222" i="4"/>
  <c r="M226" i="4"/>
  <c r="M230" i="4"/>
  <c r="M233" i="4"/>
  <c r="M235" i="4"/>
  <c r="M237" i="4"/>
  <c r="M239" i="4"/>
  <c r="M241" i="4"/>
  <c r="M243" i="4"/>
  <c r="M245" i="4"/>
  <c r="M247" i="4"/>
  <c r="M249" i="4"/>
  <c r="M251" i="4"/>
  <c r="M253" i="4"/>
  <c r="M255" i="4"/>
  <c r="M257" i="4"/>
  <c r="M259" i="4"/>
  <c r="M261" i="4"/>
  <c r="M263" i="4"/>
  <c r="M265" i="4"/>
  <c r="M267" i="4"/>
  <c r="M269" i="4"/>
  <c r="M271" i="4"/>
  <c r="M273" i="4"/>
  <c r="M275" i="4"/>
  <c r="M277" i="4"/>
  <c r="M279" i="4"/>
  <c r="M281" i="4"/>
  <c r="M283" i="4"/>
  <c r="M285" i="4"/>
  <c r="M287" i="4"/>
  <c r="M289" i="4"/>
  <c r="M291" i="4"/>
  <c r="M293" i="4"/>
  <c r="M295" i="4"/>
  <c r="M297" i="4"/>
  <c r="M299" i="4"/>
  <c r="M301" i="4"/>
  <c r="M303" i="4"/>
  <c r="M305" i="4"/>
  <c r="M307" i="4"/>
  <c r="M309" i="4"/>
  <c r="M311" i="4"/>
  <c r="M313" i="4"/>
  <c r="M315" i="4"/>
  <c r="M317" i="4"/>
  <c r="M319" i="4"/>
  <c r="M321" i="4"/>
  <c r="M323" i="4"/>
  <c r="M325" i="4"/>
  <c r="M327" i="4"/>
  <c r="M329" i="4"/>
  <c r="M331" i="4"/>
  <c r="M333" i="4"/>
  <c r="M339" i="4"/>
  <c r="M341" i="4"/>
  <c r="M335" i="4"/>
  <c r="M337" i="4"/>
  <c r="K31" i="4"/>
  <c r="K47" i="4"/>
  <c r="K66" i="4"/>
  <c r="K74" i="4"/>
  <c r="K82" i="4"/>
  <c r="K90" i="4"/>
  <c r="K98" i="4"/>
  <c r="K106" i="4"/>
  <c r="K114" i="4"/>
  <c r="K124" i="4"/>
  <c r="K128" i="4"/>
  <c r="K132" i="4"/>
  <c r="K136" i="4"/>
  <c r="K140" i="4"/>
  <c r="K144" i="4"/>
  <c r="K148" i="4"/>
  <c r="K152" i="4"/>
  <c r="K156" i="4"/>
  <c r="K160" i="4"/>
  <c r="K120" i="4"/>
  <c r="K164" i="4"/>
  <c r="K168" i="4"/>
  <c r="K172" i="4"/>
  <c r="K176" i="4"/>
  <c r="K180" i="4"/>
  <c r="K184" i="4"/>
  <c r="K188" i="4"/>
  <c r="K192" i="4"/>
  <c r="K196" i="4"/>
  <c r="K200" i="4"/>
  <c r="K204" i="4"/>
  <c r="K208" i="4"/>
  <c r="K212" i="4"/>
  <c r="K216" i="4"/>
  <c r="K220" i="4"/>
  <c r="K224" i="4"/>
  <c r="K228" i="4"/>
  <c r="K232" i="4"/>
  <c r="K235" i="4"/>
  <c r="K237" i="4"/>
  <c r="K239" i="4"/>
  <c r="K241" i="4"/>
  <c r="K243" i="4"/>
  <c r="K245" i="4"/>
  <c r="K247" i="4"/>
  <c r="K249" i="4"/>
  <c r="K251" i="4"/>
  <c r="K253" i="4"/>
  <c r="K255" i="4"/>
  <c r="K257" i="4"/>
  <c r="K259" i="4"/>
  <c r="K261" i="4"/>
  <c r="K263" i="4"/>
  <c r="K265" i="4"/>
  <c r="K267" i="4"/>
  <c r="K269" i="4"/>
  <c r="K233" i="4"/>
  <c r="K335" i="4"/>
  <c r="K337" i="4"/>
  <c r="K271" i="4"/>
  <c r="K273" i="4"/>
  <c r="K275" i="4"/>
  <c r="K277" i="4"/>
  <c r="K279" i="4"/>
  <c r="K281" i="4"/>
  <c r="K283" i="4"/>
  <c r="K285" i="4"/>
  <c r="K287" i="4"/>
  <c r="K289" i="4"/>
  <c r="K291" i="4"/>
  <c r="K293" i="4"/>
  <c r="K295" i="4"/>
  <c r="K297" i="4"/>
  <c r="K299" i="4"/>
  <c r="K301" i="4"/>
  <c r="K303" i="4"/>
  <c r="K305" i="4"/>
  <c r="K307" i="4"/>
  <c r="K309" i="4"/>
  <c r="K311" i="4"/>
  <c r="K313" i="4"/>
  <c r="K315" i="4"/>
  <c r="K317" i="4"/>
  <c r="K319" i="4"/>
  <c r="K321" i="4"/>
  <c r="K323" i="4"/>
  <c r="K325" i="4"/>
  <c r="K327" i="4"/>
  <c r="K329" i="4"/>
  <c r="K331" i="4"/>
  <c r="K333" i="4"/>
  <c r="K339" i="4"/>
  <c r="K341" i="4"/>
  <c r="BJ20" i="4"/>
  <c r="BJ61" i="4"/>
  <c r="BJ69" i="4"/>
  <c r="BJ119" i="4"/>
  <c r="BJ123" i="4"/>
  <c r="BJ42" i="4"/>
  <c r="BJ58" i="4"/>
  <c r="BJ77" i="4"/>
  <c r="BJ85" i="4"/>
  <c r="BJ93" i="4"/>
  <c r="BJ101" i="4"/>
  <c r="BJ109" i="4"/>
  <c r="BJ127" i="4"/>
  <c r="BJ131" i="4"/>
  <c r="BJ135" i="4"/>
  <c r="BJ139" i="4"/>
  <c r="BJ143" i="4"/>
  <c r="BJ147" i="4"/>
  <c r="BJ151" i="4"/>
  <c r="BJ155" i="4"/>
  <c r="BJ159" i="4"/>
  <c r="BJ163" i="4"/>
  <c r="BJ167" i="4"/>
  <c r="BJ171" i="4"/>
  <c r="BJ175" i="4"/>
  <c r="BJ179" i="4"/>
  <c r="BJ183" i="4"/>
  <c r="BJ187" i="4"/>
  <c r="BJ191" i="4"/>
  <c r="BJ195" i="4"/>
  <c r="BJ199" i="4"/>
  <c r="BJ203" i="4"/>
  <c r="BJ207" i="4"/>
  <c r="BJ211" i="4"/>
  <c r="BJ215" i="4"/>
  <c r="BJ219" i="4"/>
  <c r="BJ223" i="4"/>
  <c r="BJ227" i="4"/>
  <c r="BJ231" i="4"/>
  <c r="BJ232" i="4"/>
  <c r="BJ234" i="4"/>
  <c r="BJ236" i="4"/>
  <c r="BJ238" i="4"/>
  <c r="BJ240" i="4"/>
  <c r="BJ242" i="4"/>
  <c r="BJ244" i="4"/>
  <c r="BJ246" i="4"/>
  <c r="BJ248" i="4"/>
  <c r="BJ250" i="4"/>
  <c r="BJ252" i="4"/>
  <c r="BJ254" i="4"/>
  <c r="BJ256" i="4"/>
  <c r="BJ258" i="4"/>
  <c r="BJ260" i="4"/>
  <c r="BJ262" i="4"/>
  <c r="BJ264" i="4"/>
  <c r="BJ266" i="4"/>
  <c r="BJ268" i="4"/>
  <c r="BJ270" i="4"/>
  <c r="BJ334" i="4"/>
  <c r="BJ336" i="4"/>
  <c r="BJ272" i="4"/>
  <c r="BJ274" i="4"/>
  <c r="BJ276" i="4"/>
  <c r="BJ278" i="4"/>
  <c r="BJ280" i="4"/>
  <c r="BJ282" i="4"/>
  <c r="BJ284" i="4"/>
  <c r="BJ286" i="4"/>
  <c r="BJ288" i="4"/>
  <c r="BJ290" i="4"/>
  <c r="BJ292" i="4"/>
  <c r="BJ294" i="4"/>
  <c r="BJ296" i="4"/>
  <c r="BJ298" i="4"/>
  <c r="BJ300" i="4"/>
  <c r="BJ302" i="4"/>
  <c r="BJ304" i="4"/>
  <c r="BJ306" i="4"/>
  <c r="BJ308" i="4"/>
  <c r="BJ310" i="4"/>
  <c r="BJ312" i="4"/>
  <c r="BJ314" i="4"/>
  <c r="BJ316" i="4"/>
  <c r="BJ318" i="4"/>
  <c r="BJ320" i="4"/>
  <c r="BJ322" i="4"/>
  <c r="BJ324" i="4"/>
  <c r="BJ326" i="4"/>
  <c r="BJ328" i="4"/>
  <c r="BJ330" i="4"/>
  <c r="BJ332" i="4"/>
  <c r="BJ338" i="4"/>
  <c r="BJ340" i="4"/>
  <c r="BH40" i="4"/>
  <c r="BH56" i="4"/>
  <c r="BH59" i="4"/>
  <c r="BH67" i="4"/>
  <c r="BH75" i="4"/>
  <c r="BH83" i="4"/>
  <c r="BH91" i="4"/>
  <c r="BH99" i="4"/>
  <c r="BH107" i="4"/>
  <c r="BH115" i="4"/>
  <c r="BH121" i="4"/>
  <c r="BH129" i="4"/>
  <c r="BH133" i="4"/>
  <c r="BH137" i="4"/>
  <c r="BH141" i="4"/>
  <c r="BH145" i="4"/>
  <c r="BH149" i="4"/>
  <c r="BH153" i="4"/>
  <c r="BH157" i="4"/>
  <c r="BH117" i="4"/>
  <c r="BH125" i="4"/>
  <c r="BH161" i="4"/>
  <c r="BH165" i="4"/>
  <c r="BH169" i="4"/>
  <c r="BH173" i="4"/>
  <c r="BH177" i="4"/>
  <c r="BH181" i="4"/>
  <c r="BH185" i="4"/>
  <c r="BH189" i="4"/>
  <c r="BH193" i="4"/>
  <c r="BH197" i="4"/>
  <c r="BH201" i="4"/>
  <c r="BH205" i="4"/>
  <c r="BH209" i="4"/>
  <c r="BH213" i="4"/>
  <c r="BH217" i="4"/>
  <c r="BH221" i="4"/>
  <c r="BH225" i="4"/>
  <c r="BH229" i="4"/>
  <c r="BH232" i="4"/>
  <c r="BH234" i="4"/>
  <c r="BH236" i="4"/>
  <c r="BH238" i="4"/>
  <c r="BH240" i="4"/>
  <c r="BH242" i="4"/>
  <c r="BH244" i="4"/>
  <c r="BH246" i="4"/>
  <c r="BH248" i="4"/>
  <c r="BH250" i="4"/>
  <c r="BH252" i="4"/>
  <c r="BH254" i="4"/>
  <c r="BH256" i="4"/>
  <c r="BH258" i="4"/>
  <c r="BH260" i="4"/>
  <c r="BH262" i="4"/>
  <c r="BH264" i="4"/>
  <c r="BH266" i="4"/>
  <c r="BH268" i="4"/>
  <c r="BH270" i="4"/>
  <c r="BH272" i="4"/>
  <c r="BH274" i="4"/>
  <c r="BH276" i="4"/>
  <c r="BH278" i="4"/>
  <c r="BH280" i="4"/>
  <c r="BH282" i="4"/>
  <c r="BH284" i="4"/>
  <c r="BH286" i="4"/>
  <c r="BH288" i="4"/>
  <c r="BH290" i="4"/>
  <c r="BH292" i="4"/>
  <c r="BH294" i="4"/>
  <c r="BH296" i="4"/>
  <c r="BH298" i="4"/>
  <c r="BH300" i="4"/>
  <c r="BH302" i="4"/>
  <c r="BH304" i="4"/>
  <c r="BH306" i="4"/>
  <c r="BH308" i="4"/>
  <c r="BH310" i="4"/>
  <c r="BH312" i="4"/>
  <c r="BH314" i="4"/>
  <c r="BH316" i="4"/>
  <c r="BH318" i="4"/>
  <c r="BH320" i="4"/>
  <c r="BH322" i="4"/>
  <c r="BH324" i="4"/>
  <c r="BH326" i="4"/>
  <c r="BH328" i="4"/>
  <c r="BH330" i="4"/>
  <c r="BH332" i="4"/>
  <c r="BH338" i="4"/>
  <c r="BH340" i="4"/>
  <c r="BH334" i="4"/>
  <c r="BH336" i="4"/>
  <c r="BF13" i="4"/>
  <c r="BF16" i="4"/>
  <c r="BF7" i="4"/>
  <c r="BF38" i="4"/>
  <c r="BF54" i="4"/>
  <c r="BF65" i="4"/>
  <c r="BF73" i="4"/>
  <c r="BF81" i="4"/>
  <c r="BF89" i="4"/>
  <c r="BF97" i="4"/>
  <c r="BF119" i="4"/>
  <c r="BF123" i="4"/>
  <c r="BF113" i="4"/>
  <c r="BF131" i="4"/>
  <c r="BF135" i="4"/>
  <c r="BF139" i="4"/>
  <c r="BF143" i="4"/>
  <c r="BF147" i="4"/>
  <c r="BF151" i="4"/>
  <c r="BF155" i="4"/>
  <c r="BF159" i="4"/>
  <c r="BF105" i="4"/>
  <c r="BF127" i="4"/>
  <c r="BF163" i="4"/>
  <c r="BF167" i="4"/>
  <c r="BF171" i="4"/>
  <c r="BF175" i="4"/>
  <c r="BF179" i="4"/>
  <c r="BF183" i="4"/>
  <c r="BF187" i="4"/>
  <c r="BF191" i="4"/>
  <c r="BF195" i="4"/>
  <c r="BF199" i="4"/>
  <c r="BF203" i="4"/>
  <c r="BF207" i="4"/>
  <c r="BF211" i="4"/>
  <c r="BF215" i="4"/>
  <c r="BF219" i="4"/>
  <c r="BF223" i="4"/>
  <c r="BF227" i="4"/>
  <c r="BF231" i="4"/>
  <c r="BF234" i="4"/>
  <c r="BF236" i="4"/>
  <c r="BF238" i="4"/>
  <c r="BF240" i="4"/>
  <c r="BF242" i="4"/>
  <c r="BF244" i="4"/>
  <c r="BF246" i="4"/>
  <c r="BF248" i="4"/>
  <c r="BF250" i="4"/>
  <c r="BF252" i="4"/>
  <c r="BF254" i="4"/>
  <c r="BF256" i="4"/>
  <c r="BF258" i="4"/>
  <c r="BF260" i="4"/>
  <c r="BF262" i="4"/>
  <c r="BF264" i="4"/>
  <c r="BF266" i="4"/>
  <c r="BF268" i="4"/>
  <c r="BF232" i="4"/>
  <c r="BF334" i="4"/>
  <c r="BF336" i="4"/>
  <c r="BF270" i="4"/>
  <c r="BF272" i="4"/>
  <c r="BF274" i="4"/>
  <c r="BF276" i="4"/>
  <c r="BF278" i="4"/>
  <c r="BF280" i="4"/>
  <c r="BF282" i="4"/>
  <c r="BF284" i="4"/>
  <c r="BF286" i="4"/>
  <c r="BF288" i="4"/>
  <c r="BF290" i="4"/>
  <c r="BF292" i="4"/>
  <c r="BF294" i="4"/>
  <c r="BF296" i="4"/>
  <c r="BF298" i="4"/>
  <c r="BF300" i="4"/>
  <c r="BF302" i="4"/>
  <c r="BF304" i="4"/>
  <c r="BF306" i="4"/>
  <c r="BF308" i="4"/>
  <c r="BF310" i="4"/>
  <c r="BF312" i="4"/>
  <c r="BF314" i="4"/>
  <c r="BF316" i="4"/>
  <c r="BF318" i="4"/>
  <c r="BF320" i="4"/>
  <c r="BF322" i="4"/>
  <c r="BF324" i="4"/>
  <c r="BF326" i="4"/>
  <c r="BF328" i="4"/>
  <c r="BF330" i="4"/>
  <c r="BF332" i="4"/>
  <c r="BF338" i="4"/>
  <c r="BF340" i="4"/>
  <c r="BD36" i="4"/>
  <c r="BD52" i="4"/>
  <c r="BD63" i="4"/>
  <c r="BD71" i="4"/>
  <c r="BD117" i="4"/>
  <c r="BD121" i="4"/>
  <c r="BD125" i="4"/>
  <c r="BD79" i="4"/>
  <c r="BD87" i="4"/>
  <c r="BD95" i="4"/>
  <c r="BD103" i="4"/>
  <c r="BD111" i="4"/>
  <c r="BD129" i="4"/>
  <c r="BD133" i="4"/>
  <c r="BD137" i="4"/>
  <c r="BD141" i="4"/>
  <c r="BD145" i="4"/>
  <c r="BD149" i="4"/>
  <c r="BD153" i="4"/>
  <c r="BD157" i="4"/>
  <c r="BD161" i="4"/>
  <c r="BD232" i="4"/>
  <c r="BD165" i="4"/>
  <c r="BD169" i="4"/>
  <c r="BD173" i="4"/>
  <c r="BD177" i="4"/>
  <c r="BD181" i="4"/>
  <c r="BD185" i="4"/>
  <c r="BD189" i="4"/>
  <c r="BD193" i="4"/>
  <c r="BD197" i="4"/>
  <c r="BD201" i="4"/>
  <c r="BD205" i="4"/>
  <c r="BD209" i="4"/>
  <c r="BD213" i="4"/>
  <c r="BD217" i="4"/>
  <c r="BD221" i="4"/>
  <c r="BD225" i="4"/>
  <c r="BD229" i="4"/>
  <c r="BD234" i="4"/>
  <c r="BD236" i="4"/>
  <c r="BD238" i="4"/>
  <c r="BD240" i="4"/>
  <c r="BD242" i="4"/>
  <c r="BD244" i="4"/>
  <c r="BD246" i="4"/>
  <c r="BD248" i="4"/>
  <c r="BD250" i="4"/>
  <c r="BD252" i="4"/>
  <c r="BD254" i="4"/>
  <c r="BD256" i="4"/>
  <c r="BD258" i="4"/>
  <c r="BD260" i="4"/>
  <c r="BD262" i="4"/>
  <c r="BD264" i="4"/>
  <c r="BD266" i="4"/>
  <c r="BD268" i="4"/>
  <c r="BD270" i="4"/>
  <c r="BD272" i="4"/>
  <c r="BD274" i="4"/>
  <c r="BD276" i="4"/>
  <c r="BD278" i="4"/>
  <c r="BD280" i="4"/>
  <c r="BD282" i="4"/>
  <c r="BD284" i="4"/>
  <c r="BD286" i="4"/>
  <c r="BD288" i="4"/>
  <c r="BD290" i="4"/>
  <c r="BD292" i="4"/>
  <c r="BD294" i="4"/>
  <c r="BD296" i="4"/>
  <c r="BD298" i="4"/>
  <c r="BD300" i="4"/>
  <c r="BD302" i="4"/>
  <c r="BD304" i="4"/>
  <c r="BD306" i="4"/>
  <c r="BD308" i="4"/>
  <c r="BD310" i="4"/>
  <c r="BD312" i="4"/>
  <c r="BD314" i="4"/>
  <c r="BD316" i="4"/>
  <c r="BD318" i="4"/>
  <c r="BD320" i="4"/>
  <c r="BD322" i="4"/>
  <c r="BD324" i="4"/>
  <c r="BD326" i="4"/>
  <c r="BD328" i="4"/>
  <c r="BD330" i="4"/>
  <c r="BD332" i="4"/>
  <c r="BD338" i="4"/>
  <c r="BD340" i="4"/>
  <c r="BD334" i="4"/>
  <c r="BD336" i="4"/>
  <c r="BB34" i="4"/>
  <c r="BB50" i="4"/>
  <c r="BB61" i="4"/>
  <c r="BB69" i="4"/>
  <c r="BB77" i="4"/>
  <c r="BB85" i="4"/>
  <c r="BB93" i="4"/>
  <c r="BB101" i="4"/>
  <c r="BB109" i="4"/>
  <c r="BB119" i="4"/>
  <c r="BB123" i="4"/>
  <c r="BB127" i="4"/>
  <c r="BB131" i="4"/>
  <c r="BB135" i="4"/>
  <c r="BB139" i="4"/>
  <c r="BB143" i="4"/>
  <c r="BB147" i="4"/>
  <c r="BB151" i="4"/>
  <c r="BB155" i="4"/>
  <c r="BB159" i="4"/>
  <c r="BB163" i="4"/>
  <c r="BB167" i="4"/>
  <c r="BB171" i="4"/>
  <c r="BB175" i="4"/>
  <c r="BB179" i="4"/>
  <c r="BB183" i="4"/>
  <c r="BB187" i="4"/>
  <c r="BB191" i="4"/>
  <c r="BB195" i="4"/>
  <c r="BB199" i="4"/>
  <c r="BB203" i="4"/>
  <c r="BB207" i="4"/>
  <c r="BB211" i="4"/>
  <c r="BB215" i="4"/>
  <c r="BB219" i="4"/>
  <c r="BB223" i="4"/>
  <c r="BB227" i="4"/>
  <c r="BB231" i="4"/>
  <c r="BB232" i="4"/>
  <c r="BB234" i="4"/>
  <c r="BB236" i="4"/>
  <c r="BB238" i="4"/>
  <c r="BB240" i="4"/>
  <c r="BB242" i="4"/>
  <c r="BB244" i="4"/>
  <c r="BB246" i="4"/>
  <c r="BB248" i="4"/>
  <c r="BB250" i="4"/>
  <c r="BB252" i="4"/>
  <c r="BB254" i="4"/>
  <c r="BB256" i="4"/>
  <c r="BB258" i="4"/>
  <c r="BB260" i="4"/>
  <c r="BB262" i="4"/>
  <c r="BB264" i="4"/>
  <c r="BB266" i="4"/>
  <c r="BB268" i="4"/>
  <c r="BB270" i="4"/>
  <c r="BB334" i="4"/>
  <c r="BB336" i="4"/>
  <c r="BB272" i="4"/>
  <c r="BB274" i="4"/>
  <c r="BB276" i="4"/>
  <c r="BB278" i="4"/>
  <c r="BB280" i="4"/>
  <c r="BB282" i="4"/>
  <c r="BB284" i="4"/>
  <c r="BB286" i="4"/>
  <c r="BB288" i="4"/>
  <c r="BB290" i="4"/>
  <c r="BB292" i="4"/>
  <c r="BB294" i="4"/>
  <c r="BB296" i="4"/>
  <c r="BB298" i="4"/>
  <c r="BB300" i="4"/>
  <c r="BB302" i="4"/>
  <c r="BB304" i="4"/>
  <c r="BB306" i="4"/>
  <c r="BB308" i="4"/>
  <c r="BB310" i="4"/>
  <c r="BB312" i="4"/>
  <c r="BB314" i="4"/>
  <c r="BB316" i="4"/>
  <c r="BB318" i="4"/>
  <c r="BB320" i="4"/>
  <c r="BB322" i="4"/>
  <c r="BB324" i="4"/>
  <c r="BB326" i="4"/>
  <c r="BB328" i="4"/>
  <c r="BB330" i="4"/>
  <c r="BB332" i="4"/>
  <c r="BB338" i="4"/>
  <c r="BB340" i="4"/>
  <c r="AZ26" i="4"/>
  <c r="AZ32" i="4"/>
  <c r="AZ48" i="4"/>
  <c r="AZ59" i="4"/>
  <c r="AZ67" i="4"/>
  <c r="AZ75" i="4"/>
  <c r="AZ83" i="4"/>
  <c r="AZ91" i="4"/>
  <c r="AZ117" i="4"/>
  <c r="AZ121" i="4"/>
  <c r="AZ125" i="4"/>
  <c r="AZ99" i="4"/>
  <c r="AZ115" i="4"/>
  <c r="AZ133" i="4"/>
  <c r="AZ137" i="4"/>
  <c r="AZ141" i="4"/>
  <c r="AZ145" i="4"/>
  <c r="AZ149" i="4"/>
  <c r="AZ153" i="4"/>
  <c r="AZ157" i="4"/>
  <c r="AZ161" i="4"/>
  <c r="AZ107" i="4"/>
  <c r="AZ129" i="4"/>
  <c r="AZ165" i="4"/>
  <c r="AZ169" i="4"/>
  <c r="AZ173" i="4"/>
  <c r="AZ177" i="4"/>
  <c r="AZ181" i="4"/>
  <c r="AZ185" i="4"/>
  <c r="AZ189" i="4"/>
  <c r="AZ193" i="4"/>
  <c r="AZ197" i="4"/>
  <c r="AZ201" i="4"/>
  <c r="AZ205" i="4"/>
  <c r="AZ209" i="4"/>
  <c r="AZ213" i="4"/>
  <c r="AZ217" i="4"/>
  <c r="AZ221" i="4"/>
  <c r="AZ225" i="4"/>
  <c r="AZ229" i="4"/>
  <c r="AZ232" i="4"/>
  <c r="AZ234" i="4"/>
  <c r="AZ236" i="4"/>
  <c r="AZ238" i="4"/>
  <c r="AZ240" i="4"/>
  <c r="AZ242" i="4"/>
  <c r="AZ244" i="4"/>
  <c r="AZ246" i="4"/>
  <c r="AZ248" i="4"/>
  <c r="AZ250" i="4"/>
  <c r="AZ252" i="4"/>
  <c r="AZ254" i="4"/>
  <c r="AZ256" i="4"/>
  <c r="AZ258" i="4"/>
  <c r="AZ260" i="4"/>
  <c r="AZ262" i="4"/>
  <c r="AZ264" i="4"/>
  <c r="AZ266" i="4"/>
  <c r="AZ268" i="4"/>
  <c r="AZ270" i="4"/>
  <c r="AZ272" i="4"/>
  <c r="AZ274" i="4"/>
  <c r="AZ276" i="4"/>
  <c r="AZ278" i="4"/>
  <c r="AZ280" i="4"/>
  <c r="AZ282" i="4"/>
  <c r="AZ284" i="4"/>
  <c r="AZ286" i="4"/>
  <c r="AZ288" i="4"/>
  <c r="AZ290" i="4"/>
  <c r="AZ292" i="4"/>
  <c r="AZ294" i="4"/>
  <c r="AZ296" i="4"/>
  <c r="AZ298" i="4"/>
  <c r="AZ300" i="4"/>
  <c r="AZ302" i="4"/>
  <c r="AZ304" i="4"/>
  <c r="AZ306" i="4"/>
  <c r="AZ308" i="4"/>
  <c r="AZ310" i="4"/>
  <c r="AZ312" i="4"/>
  <c r="AZ314" i="4"/>
  <c r="AZ316" i="4"/>
  <c r="AZ318" i="4"/>
  <c r="AZ320" i="4"/>
  <c r="AZ322" i="4"/>
  <c r="AZ324" i="4"/>
  <c r="AZ326" i="4"/>
  <c r="AZ328" i="4"/>
  <c r="AZ330" i="4"/>
  <c r="AZ332" i="4"/>
  <c r="AZ338" i="4"/>
  <c r="AZ340" i="4"/>
  <c r="AZ334" i="4"/>
  <c r="AZ336" i="4"/>
  <c r="AX30" i="4"/>
  <c r="AX46" i="4"/>
  <c r="AX65" i="4"/>
  <c r="AX73" i="4"/>
  <c r="AX81" i="4"/>
  <c r="AX89" i="4"/>
  <c r="AX97" i="4"/>
  <c r="AX105" i="4"/>
  <c r="AX113" i="4"/>
  <c r="AX123" i="4"/>
  <c r="AX127" i="4"/>
  <c r="AX131" i="4"/>
  <c r="AX135" i="4"/>
  <c r="AX139" i="4"/>
  <c r="AX143" i="4"/>
  <c r="AX147" i="4"/>
  <c r="AX151" i="4"/>
  <c r="AX155" i="4"/>
  <c r="AX159" i="4"/>
  <c r="AX119" i="4"/>
  <c r="AX163" i="4"/>
  <c r="AX167" i="4"/>
  <c r="AX171" i="4"/>
  <c r="AX175" i="4"/>
  <c r="AX179" i="4"/>
  <c r="AX183" i="4"/>
  <c r="AX187" i="4"/>
  <c r="AX191" i="4"/>
  <c r="AX195" i="4"/>
  <c r="AX199" i="4"/>
  <c r="AX203" i="4"/>
  <c r="AX207" i="4"/>
  <c r="AX211" i="4"/>
  <c r="AX215" i="4"/>
  <c r="AX219" i="4"/>
  <c r="AX223" i="4"/>
  <c r="AX227" i="4"/>
  <c r="AX231" i="4"/>
  <c r="AX232" i="4"/>
  <c r="AX234" i="4"/>
  <c r="AX236" i="4"/>
  <c r="AX238" i="4"/>
  <c r="AX240" i="4"/>
  <c r="AX242" i="4"/>
  <c r="AX244" i="4"/>
  <c r="AX246" i="4"/>
  <c r="AX248" i="4"/>
  <c r="AX250" i="4"/>
  <c r="AX252" i="4"/>
  <c r="AX254" i="4"/>
  <c r="AX256" i="4"/>
  <c r="AX258" i="4"/>
  <c r="AX260" i="4"/>
  <c r="AX262" i="4"/>
  <c r="AX264" i="4"/>
  <c r="AX266" i="4"/>
  <c r="AX268" i="4"/>
  <c r="AX334" i="4"/>
  <c r="AX336" i="4"/>
  <c r="AX270" i="4"/>
  <c r="AX272" i="4"/>
  <c r="AX274" i="4"/>
  <c r="AX276" i="4"/>
  <c r="AX278" i="4"/>
  <c r="AX280" i="4"/>
  <c r="AX282" i="4"/>
  <c r="AX284" i="4"/>
  <c r="AX286" i="4"/>
  <c r="AX288" i="4"/>
  <c r="AX290" i="4"/>
  <c r="AX292" i="4"/>
  <c r="AX294" i="4"/>
  <c r="AX296" i="4"/>
  <c r="AX298" i="4"/>
  <c r="AX300" i="4"/>
  <c r="AX302" i="4"/>
  <c r="AX304" i="4"/>
  <c r="AX306" i="4"/>
  <c r="AX308" i="4"/>
  <c r="AX310" i="4"/>
  <c r="AX312" i="4"/>
  <c r="AX314" i="4"/>
  <c r="AX316" i="4"/>
  <c r="AX318" i="4"/>
  <c r="AX320" i="4"/>
  <c r="AX322" i="4"/>
  <c r="AX324" i="4"/>
  <c r="AX326" i="4"/>
  <c r="AX328" i="4"/>
  <c r="AX330" i="4"/>
  <c r="AX332" i="4"/>
  <c r="AX338" i="4"/>
  <c r="AX340" i="4"/>
  <c r="AV63" i="4"/>
  <c r="AV71" i="4"/>
  <c r="AV79" i="4"/>
  <c r="AV87" i="4"/>
  <c r="AV95" i="4"/>
  <c r="AV103" i="4"/>
  <c r="AV111" i="4"/>
  <c r="AV117" i="4"/>
  <c r="AV121" i="4"/>
  <c r="AV125" i="4"/>
  <c r="AV22" i="4"/>
  <c r="AV44" i="4"/>
  <c r="AV129" i="4"/>
  <c r="AV133" i="4"/>
  <c r="AV137" i="4"/>
  <c r="AV141" i="4"/>
  <c r="AV145" i="4"/>
  <c r="AV149" i="4"/>
  <c r="AV153" i="4"/>
  <c r="AV157" i="4"/>
  <c r="AV161" i="4"/>
  <c r="AV232" i="4"/>
  <c r="AV165" i="4"/>
  <c r="AV169" i="4"/>
  <c r="AV173" i="4"/>
  <c r="AV177" i="4"/>
  <c r="AV181" i="4"/>
  <c r="AV185" i="4"/>
  <c r="AV189" i="4"/>
  <c r="AV193" i="4"/>
  <c r="AV197" i="4"/>
  <c r="AV201" i="4"/>
  <c r="AV205" i="4"/>
  <c r="AV209" i="4"/>
  <c r="AV213" i="4"/>
  <c r="AV217" i="4"/>
  <c r="AV221" i="4"/>
  <c r="AV225" i="4"/>
  <c r="AV229" i="4"/>
  <c r="AV234" i="4"/>
  <c r="AV236" i="4"/>
  <c r="AV238" i="4"/>
  <c r="AV240" i="4"/>
  <c r="AV242" i="4"/>
  <c r="AV244" i="4"/>
  <c r="AV246" i="4"/>
  <c r="AV248" i="4"/>
  <c r="AV250" i="4"/>
  <c r="AV252" i="4"/>
  <c r="AV254" i="4"/>
  <c r="AV256" i="4"/>
  <c r="AV258" i="4"/>
  <c r="AV260" i="4"/>
  <c r="AV262" i="4"/>
  <c r="AV264" i="4"/>
  <c r="AV266" i="4"/>
  <c r="AV268" i="4"/>
  <c r="AV270" i="4"/>
  <c r="AV272" i="4"/>
  <c r="AV274" i="4"/>
  <c r="AV276" i="4"/>
  <c r="AV278" i="4"/>
  <c r="AV280" i="4"/>
  <c r="AV282" i="4"/>
  <c r="AV284" i="4"/>
  <c r="AV286" i="4"/>
  <c r="AV288" i="4"/>
  <c r="AV290" i="4"/>
  <c r="AV292" i="4"/>
  <c r="AV294" i="4"/>
  <c r="AV296" i="4"/>
  <c r="AV298" i="4"/>
  <c r="AV300" i="4"/>
  <c r="AV302" i="4"/>
  <c r="AV304" i="4"/>
  <c r="AV306" i="4"/>
  <c r="AV308" i="4"/>
  <c r="AV310" i="4"/>
  <c r="AV312" i="4"/>
  <c r="AV314" i="4"/>
  <c r="AV316" i="4"/>
  <c r="AV318" i="4"/>
  <c r="AV320" i="4"/>
  <c r="AV322" i="4"/>
  <c r="AV324" i="4"/>
  <c r="AV326" i="4"/>
  <c r="AV328" i="4"/>
  <c r="AV330" i="4"/>
  <c r="AV332" i="4"/>
  <c r="AV338" i="4"/>
  <c r="AV340" i="4"/>
  <c r="AV334" i="4"/>
  <c r="AV336" i="4"/>
  <c r="AT42" i="4"/>
  <c r="AT58" i="4"/>
  <c r="AT119" i="4"/>
  <c r="AT123" i="4"/>
  <c r="AT61" i="4"/>
  <c r="AT69" i="4"/>
  <c r="AT77" i="4"/>
  <c r="AT85" i="4"/>
  <c r="AT93" i="4"/>
  <c r="AT127" i="4"/>
  <c r="AT101" i="4"/>
  <c r="AT109" i="4"/>
  <c r="AT131" i="4"/>
  <c r="AT135" i="4"/>
  <c r="AT139" i="4"/>
  <c r="AT143" i="4"/>
  <c r="AT147" i="4"/>
  <c r="AT151" i="4"/>
  <c r="AT155" i="4"/>
  <c r="AT159" i="4"/>
  <c r="AT163" i="4"/>
  <c r="AT167" i="4"/>
  <c r="AT171" i="4"/>
  <c r="AT175" i="4"/>
  <c r="AT179" i="4"/>
  <c r="AT183" i="4"/>
  <c r="AT187" i="4"/>
  <c r="AT191" i="4"/>
  <c r="AT195" i="4"/>
  <c r="AT199" i="4"/>
  <c r="AT203" i="4"/>
  <c r="AT207" i="4"/>
  <c r="AT211" i="4"/>
  <c r="AT215" i="4"/>
  <c r="AT219" i="4"/>
  <c r="AT223" i="4"/>
  <c r="AT227" i="4"/>
  <c r="AT231" i="4"/>
  <c r="AT232" i="4"/>
  <c r="AT234" i="4"/>
  <c r="AT236" i="4"/>
  <c r="AT238" i="4"/>
  <c r="AT240" i="4"/>
  <c r="AT242" i="4"/>
  <c r="AT244" i="4"/>
  <c r="AT246" i="4"/>
  <c r="AT248" i="4"/>
  <c r="AT250" i="4"/>
  <c r="AT252" i="4"/>
  <c r="AT254" i="4"/>
  <c r="AT256" i="4"/>
  <c r="AT258" i="4"/>
  <c r="AT260" i="4"/>
  <c r="AT262" i="4"/>
  <c r="AT264" i="4"/>
  <c r="AT266" i="4"/>
  <c r="AT268" i="4"/>
  <c r="AT270" i="4"/>
  <c r="AT334" i="4"/>
  <c r="AT336" i="4"/>
  <c r="AT272" i="4"/>
  <c r="AT274" i="4"/>
  <c r="AT276" i="4"/>
  <c r="AT278" i="4"/>
  <c r="AT280" i="4"/>
  <c r="AT282" i="4"/>
  <c r="AT284" i="4"/>
  <c r="AT286" i="4"/>
  <c r="AT288" i="4"/>
  <c r="AT290" i="4"/>
  <c r="AT292" i="4"/>
  <c r="AT294" i="4"/>
  <c r="AT296" i="4"/>
  <c r="AT298" i="4"/>
  <c r="AT300" i="4"/>
  <c r="AT302" i="4"/>
  <c r="AT304" i="4"/>
  <c r="AT306" i="4"/>
  <c r="AT308" i="4"/>
  <c r="AT310" i="4"/>
  <c r="AT312" i="4"/>
  <c r="AT314" i="4"/>
  <c r="AT316" i="4"/>
  <c r="AT318" i="4"/>
  <c r="AT320" i="4"/>
  <c r="AT322" i="4"/>
  <c r="AT324" i="4"/>
  <c r="AT326" i="4"/>
  <c r="AT328" i="4"/>
  <c r="AT330" i="4"/>
  <c r="AT332" i="4"/>
  <c r="AT338" i="4"/>
  <c r="AT340" i="4"/>
  <c r="AR18" i="4"/>
  <c r="AR59" i="4"/>
  <c r="AR67" i="4"/>
  <c r="AR75" i="4"/>
  <c r="AR15" i="4"/>
  <c r="AR40" i="4"/>
  <c r="AR56" i="4"/>
  <c r="AR83" i="4"/>
  <c r="AR91" i="4"/>
  <c r="AR99" i="4"/>
  <c r="AR107" i="4"/>
  <c r="AR115" i="4"/>
  <c r="AR117" i="4"/>
  <c r="AR125" i="4"/>
  <c r="AR129" i="4"/>
  <c r="AR133" i="4"/>
  <c r="AR137" i="4"/>
  <c r="AR141" i="4"/>
  <c r="AR145" i="4"/>
  <c r="AR149" i="4"/>
  <c r="AR153" i="4"/>
  <c r="AR157" i="4"/>
  <c r="AR161" i="4"/>
  <c r="AR121" i="4"/>
  <c r="AR165" i="4"/>
  <c r="AR169" i="4"/>
  <c r="AR173" i="4"/>
  <c r="AR177" i="4"/>
  <c r="AR181" i="4"/>
  <c r="AR185" i="4"/>
  <c r="AR189" i="4"/>
  <c r="AR193" i="4"/>
  <c r="AR197" i="4"/>
  <c r="AR201" i="4"/>
  <c r="AR205" i="4"/>
  <c r="AR209" i="4"/>
  <c r="AR213" i="4"/>
  <c r="AR217" i="4"/>
  <c r="AR221" i="4"/>
  <c r="AR225" i="4"/>
  <c r="AR229" i="4"/>
  <c r="AR232" i="4"/>
  <c r="AR234" i="4"/>
  <c r="AR236" i="4"/>
  <c r="AR238" i="4"/>
  <c r="AR240" i="4"/>
  <c r="AR242" i="4"/>
  <c r="AR244" i="4"/>
  <c r="AR246" i="4"/>
  <c r="AR248" i="4"/>
  <c r="AR250" i="4"/>
  <c r="AR252" i="4"/>
  <c r="AR254" i="4"/>
  <c r="AR256" i="4"/>
  <c r="AR258" i="4"/>
  <c r="AR260" i="4"/>
  <c r="AR262" i="4"/>
  <c r="AR264" i="4"/>
  <c r="AR266" i="4"/>
  <c r="AR268" i="4"/>
  <c r="AR270" i="4"/>
  <c r="AR272" i="4"/>
  <c r="AR274" i="4"/>
  <c r="AR276" i="4"/>
  <c r="AR278" i="4"/>
  <c r="AR280" i="4"/>
  <c r="AR282" i="4"/>
  <c r="AR284" i="4"/>
  <c r="AR286" i="4"/>
  <c r="AR288" i="4"/>
  <c r="AR290" i="4"/>
  <c r="AR292" i="4"/>
  <c r="AR294" i="4"/>
  <c r="AR296" i="4"/>
  <c r="AR298" i="4"/>
  <c r="AR300" i="4"/>
  <c r="AR302" i="4"/>
  <c r="AR304" i="4"/>
  <c r="AR306" i="4"/>
  <c r="AR308" i="4"/>
  <c r="AR310" i="4"/>
  <c r="AR312" i="4"/>
  <c r="AR314" i="4"/>
  <c r="AR316" i="4"/>
  <c r="AR318" i="4"/>
  <c r="AR320" i="4"/>
  <c r="AR322" i="4"/>
  <c r="AR324" i="4"/>
  <c r="AR326" i="4"/>
  <c r="AR328" i="4"/>
  <c r="AR330" i="4"/>
  <c r="AR332" i="4"/>
  <c r="AR338" i="4"/>
  <c r="AR340" i="4"/>
  <c r="AR334" i="4"/>
  <c r="AR336" i="4"/>
  <c r="AP38" i="4"/>
  <c r="AP54" i="4"/>
  <c r="AP65" i="4"/>
  <c r="AP73" i="4"/>
  <c r="AP81" i="4"/>
  <c r="AP89" i="4"/>
  <c r="AP97" i="4"/>
  <c r="AP105" i="4"/>
  <c r="AP113" i="4"/>
  <c r="AP119" i="4"/>
  <c r="AP123" i="4"/>
  <c r="AP131" i="4"/>
  <c r="AP135" i="4"/>
  <c r="AP139" i="4"/>
  <c r="AP143" i="4"/>
  <c r="AP147" i="4"/>
  <c r="AP151" i="4"/>
  <c r="AP155" i="4"/>
  <c r="AP159" i="4"/>
  <c r="AP127" i="4"/>
  <c r="AP163" i="4"/>
  <c r="AP167" i="4"/>
  <c r="AP171" i="4"/>
  <c r="AP175" i="4"/>
  <c r="AP179" i="4"/>
  <c r="AP183" i="4"/>
  <c r="AP187" i="4"/>
  <c r="AP191" i="4"/>
  <c r="AP195" i="4"/>
  <c r="AP199" i="4"/>
  <c r="AP203" i="4"/>
  <c r="AP207" i="4"/>
  <c r="AP211" i="4"/>
  <c r="AP215" i="4"/>
  <c r="AP219" i="4"/>
  <c r="AP223" i="4"/>
  <c r="AP227" i="4"/>
  <c r="AP231" i="4"/>
  <c r="AP232" i="4"/>
  <c r="AP236" i="4"/>
  <c r="AP238" i="4"/>
  <c r="AP240" i="4"/>
  <c r="AP242" i="4"/>
  <c r="AP244" i="4"/>
  <c r="AP246" i="4"/>
  <c r="AP248" i="4"/>
  <c r="AP250" i="4"/>
  <c r="AP252" i="4"/>
  <c r="AP254" i="4"/>
  <c r="AP256" i="4"/>
  <c r="AP258" i="4"/>
  <c r="AP260" i="4"/>
  <c r="AP262" i="4"/>
  <c r="AP264" i="4"/>
  <c r="AP266" i="4"/>
  <c r="AP268" i="4"/>
  <c r="AP234" i="4"/>
  <c r="AP334" i="4"/>
  <c r="AP336" i="4"/>
  <c r="AP270" i="4"/>
  <c r="AP272" i="4"/>
  <c r="AP274" i="4"/>
  <c r="AP276" i="4"/>
  <c r="AP278" i="4"/>
  <c r="AP280" i="4"/>
  <c r="AP282" i="4"/>
  <c r="AP284" i="4"/>
  <c r="AP286" i="4"/>
  <c r="AP288" i="4"/>
  <c r="AP290" i="4"/>
  <c r="AP292" i="4"/>
  <c r="AP294" i="4"/>
  <c r="AP296" i="4"/>
  <c r="AP298" i="4"/>
  <c r="AP300" i="4"/>
  <c r="AP302" i="4"/>
  <c r="AP304" i="4"/>
  <c r="AP306" i="4"/>
  <c r="AP308" i="4"/>
  <c r="AP310" i="4"/>
  <c r="AP312" i="4"/>
  <c r="AP314" i="4"/>
  <c r="AP316" i="4"/>
  <c r="AP318" i="4"/>
  <c r="AP320" i="4"/>
  <c r="AP322" i="4"/>
  <c r="AP324" i="4"/>
  <c r="AP326" i="4"/>
  <c r="AP328" i="4"/>
  <c r="AP330" i="4"/>
  <c r="AP332" i="4"/>
  <c r="AP338" i="4"/>
  <c r="AP340" i="4"/>
  <c r="BT5" i="4"/>
  <c r="BT11" i="4"/>
  <c r="BT36" i="4"/>
  <c r="BT52" i="4"/>
  <c r="BT117" i="4"/>
  <c r="BT121" i="4"/>
  <c r="BT125" i="4"/>
  <c r="BT63" i="4"/>
  <c r="BT71" i="4"/>
  <c r="BT79" i="4"/>
  <c r="BT87" i="4"/>
  <c r="BT95" i="4"/>
  <c r="BT129" i="4"/>
  <c r="BT111" i="4"/>
  <c r="BT103" i="4"/>
  <c r="BT133" i="4"/>
  <c r="BT137" i="4"/>
  <c r="BT141" i="4"/>
  <c r="BT145" i="4"/>
  <c r="BT149" i="4"/>
  <c r="BT153" i="4"/>
  <c r="BT157" i="4"/>
  <c r="BT232" i="4"/>
  <c r="BT161" i="4"/>
  <c r="BT165" i="4"/>
  <c r="BT169" i="4"/>
  <c r="BT173" i="4"/>
  <c r="BT177" i="4"/>
  <c r="BT181" i="4"/>
  <c r="BT185" i="4"/>
  <c r="BT189" i="4"/>
  <c r="BT193" i="4"/>
  <c r="BT197" i="4"/>
  <c r="BT201" i="4"/>
  <c r="BT205" i="4"/>
  <c r="BT209" i="4"/>
  <c r="BT213" i="4"/>
  <c r="BT217" i="4"/>
  <c r="BT221" i="4"/>
  <c r="BT225" i="4"/>
  <c r="BT229" i="4"/>
  <c r="BT234" i="4"/>
  <c r="BT236" i="4"/>
  <c r="BT238" i="4"/>
  <c r="BT240" i="4"/>
  <c r="BT242" i="4"/>
  <c r="BT244" i="4"/>
  <c r="BT246" i="4"/>
  <c r="BT248" i="4"/>
  <c r="BT250" i="4"/>
  <c r="BT252" i="4"/>
  <c r="BT254" i="4"/>
  <c r="BT256" i="4"/>
  <c r="BT258" i="4"/>
  <c r="BT260" i="4"/>
  <c r="BT262" i="4"/>
  <c r="BT264" i="4"/>
  <c r="BT266" i="4"/>
  <c r="BT268" i="4"/>
  <c r="BT270" i="4"/>
  <c r="BT272" i="4"/>
  <c r="BT274" i="4"/>
  <c r="BT276" i="4"/>
  <c r="BT278" i="4"/>
  <c r="BT280" i="4"/>
  <c r="BT282" i="4"/>
  <c r="BT284" i="4"/>
  <c r="BT286" i="4"/>
  <c r="BT288" i="4"/>
  <c r="BT290" i="4"/>
  <c r="BT292" i="4"/>
  <c r="BT294" i="4"/>
  <c r="BT296" i="4"/>
  <c r="BT298" i="4"/>
  <c r="BT300" i="4"/>
  <c r="BT302" i="4"/>
  <c r="BT304" i="4"/>
  <c r="BT306" i="4"/>
  <c r="BT308" i="4"/>
  <c r="BT310" i="4"/>
  <c r="BT312" i="4"/>
  <c r="BT314" i="4"/>
  <c r="BT316" i="4"/>
  <c r="BT318" i="4"/>
  <c r="BT320" i="4"/>
  <c r="BT322" i="4"/>
  <c r="BT324" i="4"/>
  <c r="BT326" i="4"/>
  <c r="BT328" i="4"/>
  <c r="BT330" i="4"/>
  <c r="BT332" i="4"/>
  <c r="BT338" i="4"/>
  <c r="BT340" i="4"/>
  <c r="BT334" i="4"/>
  <c r="BT336" i="4"/>
  <c r="BR28" i="4"/>
  <c r="BR61" i="4"/>
  <c r="BR69" i="4"/>
  <c r="BR34" i="4"/>
  <c r="BR50" i="4"/>
  <c r="BR77" i="4"/>
  <c r="BR85" i="4"/>
  <c r="BR93" i="4"/>
  <c r="BR101" i="4"/>
  <c r="BR109" i="4"/>
  <c r="BR119" i="4"/>
  <c r="BR123" i="4"/>
  <c r="BR127" i="4"/>
  <c r="BR131" i="4"/>
  <c r="BR135" i="4"/>
  <c r="BR139" i="4"/>
  <c r="BR143" i="4"/>
  <c r="BR147" i="4"/>
  <c r="BR151" i="4"/>
  <c r="BR155" i="4"/>
  <c r="BR159" i="4"/>
  <c r="BR163" i="4"/>
  <c r="BR167" i="4"/>
  <c r="BR171" i="4"/>
  <c r="BR175" i="4"/>
  <c r="BR179" i="4"/>
  <c r="BR183" i="4"/>
  <c r="BR187" i="4"/>
  <c r="BR191" i="4"/>
  <c r="BR195" i="4"/>
  <c r="BR199" i="4"/>
  <c r="BR203" i="4"/>
  <c r="BR207" i="4"/>
  <c r="BR211" i="4"/>
  <c r="BR215" i="4"/>
  <c r="BR219" i="4"/>
  <c r="BR223" i="4"/>
  <c r="BR227" i="4"/>
  <c r="BR231" i="4"/>
  <c r="BR232" i="4"/>
  <c r="BR234" i="4"/>
  <c r="BR236" i="4"/>
  <c r="BR238" i="4"/>
  <c r="BR240" i="4"/>
  <c r="BR242" i="4"/>
  <c r="BR244" i="4"/>
  <c r="BR246" i="4"/>
  <c r="BR248" i="4"/>
  <c r="BR250" i="4"/>
  <c r="BR252" i="4"/>
  <c r="BR254" i="4"/>
  <c r="BR256" i="4"/>
  <c r="BR258" i="4"/>
  <c r="BR260" i="4"/>
  <c r="BR262" i="4"/>
  <c r="BR264" i="4"/>
  <c r="BR266" i="4"/>
  <c r="BR268" i="4"/>
  <c r="BR270" i="4"/>
  <c r="BR334" i="4"/>
  <c r="BR336" i="4"/>
  <c r="BR272" i="4"/>
  <c r="BR274" i="4"/>
  <c r="BR276" i="4"/>
  <c r="BR278" i="4"/>
  <c r="BR280" i="4"/>
  <c r="BR282" i="4"/>
  <c r="BR284" i="4"/>
  <c r="BR286" i="4"/>
  <c r="BR288" i="4"/>
  <c r="BR290" i="4"/>
  <c r="BR292" i="4"/>
  <c r="BR294" i="4"/>
  <c r="BR296" i="4"/>
  <c r="BR298" i="4"/>
  <c r="BR300" i="4"/>
  <c r="BR302" i="4"/>
  <c r="BR304" i="4"/>
  <c r="BR306" i="4"/>
  <c r="BR308" i="4"/>
  <c r="BR310" i="4"/>
  <c r="BR312" i="4"/>
  <c r="BR314" i="4"/>
  <c r="BR316" i="4"/>
  <c r="BR318" i="4"/>
  <c r="BR320" i="4"/>
  <c r="BR322" i="4"/>
  <c r="BR324" i="4"/>
  <c r="BR326" i="4"/>
  <c r="BR328" i="4"/>
  <c r="BR330" i="4"/>
  <c r="BR332" i="4"/>
  <c r="BR338" i="4"/>
  <c r="BR340" i="4"/>
  <c r="BP32" i="4"/>
  <c r="BP48" i="4"/>
  <c r="BP59" i="4"/>
  <c r="BP67" i="4"/>
  <c r="BP75" i="4"/>
  <c r="BP83" i="4"/>
  <c r="BP91" i="4"/>
  <c r="BP99" i="4"/>
  <c r="BP107" i="4"/>
  <c r="BP115" i="4"/>
  <c r="BP117" i="4"/>
  <c r="BP121" i="4"/>
  <c r="BP125" i="4"/>
  <c r="BP133" i="4"/>
  <c r="BP137" i="4"/>
  <c r="BP141" i="4"/>
  <c r="BP145" i="4"/>
  <c r="BP149" i="4"/>
  <c r="BP153" i="4"/>
  <c r="BP157" i="4"/>
  <c r="BP129" i="4"/>
  <c r="BP161" i="4"/>
  <c r="BP165" i="4"/>
  <c r="BP169" i="4"/>
  <c r="BP173" i="4"/>
  <c r="BP177" i="4"/>
  <c r="BP181" i="4"/>
  <c r="BP185" i="4"/>
  <c r="BP189" i="4"/>
  <c r="BP193" i="4"/>
  <c r="BP197" i="4"/>
  <c r="BP201" i="4"/>
  <c r="BP205" i="4"/>
  <c r="BP209" i="4"/>
  <c r="BP213" i="4"/>
  <c r="BP217" i="4"/>
  <c r="BP221" i="4"/>
  <c r="BP225" i="4"/>
  <c r="BP229" i="4"/>
  <c r="BP232" i="4"/>
  <c r="BP234" i="4"/>
  <c r="BP236" i="4"/>
  <c r="BP238" i="4"/>
  <c r="BP240" i="4"/>
  <c r="BP242" i="4"/>
  <c r="BP244" i="4"/>
  <c r="BP246" i="4"/>
  <c r="BP248" i="4"/>
  <c r="BP250" i="4"/>
  <c r="BP252" i="4"/>
  <c r="BP254" i="4"/>
  <c r="BP256" i="4"/>
  <c r="BP258" i="4"/>
  <c r="BP260" i="4"/>
  <c r="BP262" i="4"/>
  <c r="BP264" i="4"/>
  <c r="BP266" i="4"/>
  <c r="BP268" i="4"/>
  <c r="BP270" i="4"/>
  <c r="BP272" i="4"/>
  <c r="BP274" i="4"/>
  <c r="BP276" i="4"/>
  <c r="BP278" i="4"/>
  <c r="BP280" i="4"/>
  <c r="BP282" i="4"/>
  <c r="BP284" i="4"/>
  <c r="BP286" i="4"/>
  <c r="BP288" i="4"/>
  <c r="BP290" i="4"/>
  <c r="BP292" i="4"/>
  <c r="BP294" i="4"/>
  <c r="BP296" i="4"/>
  <c r="BP298" i="4"/>
  <c r="BP300" i="4"/>
  <c r="BP302" i="4"/>
  <c r="BP304" i="4"/>
  <c r="BP306" i="4"/>
  <c r="BP308" i="4"/>
  <c r="BP310" i="4"/>
  <c r="BP312" i="4"/>
  <c r="BP314" i="4"/>
  <c r="BP316" i="4"/>
  <c r="BP318" i="4"/>
  <c r="BP320" i="4"/>
  <c r="BP322" i="4"/>
  <c r="BP324" i="4"/>
  <c r="BP326" i="4"/>
  <c r="BP328" i="4"/>
  <c r="BP330" i="4"/>
  <c r="BP332" i="4"/>
  <c r="BP338" i="4"/>
  <c r="BP340" i="4"/>
  <c r="BP334" i="4"/>
  <c r="BP336" i="4"/>
  <c r="BN24" i="4"/>
  <c r="BN65" i="4"/>
  <c r="BN73" i="4"/>
  <c r="BN30" i="4"/>
  <c r="BN46" i="4"/>
  <c r="BN81" i="4"/>
  <c r="BN89" i="4"/>
  <c r="BN97" i="4"/>
  <c r="BN105" i="4"/>
  <c r="BN113" i="4"/>
  <c r="BN119" i="4"/>
  <c r="BN127" i="4"/>
  <c r="BN131" i="4"/>
  <c r="BN135" i="4"/>
  <c r="BN139" i="4"/>
  <c r="BN143" i="4"/>
  <c r="BN147" i="4"/>
  <c r="BN151" i="4"/>
  <c r="BN155" i="4"/>
  <c r="BN159" i="4"/>
  <c r="BN123" i="4"/>
  <c r="BN163" i="4"/>
  <c r="BN167" i="4"/>
  <c r="BN171" i="4"/>
  <c r="BN175" i="4"/>
  <c r="BN179" i="4"/>
  <c r="BN183" i="4"/>
  <c r="BN187" i="4"/>
  <c r="BN191" i="4"/>
  <c r="BN195" i="4"/>
  <c r="BN199" i="4"/>
  <c r="BN203" i="4"/>
  <c r="BN207" i="4"/>
  <c r="BN211" i="4"/>
  <c r="BN215" i="4"/>
  <c r="BN219" i="4"/>
  <c r="BN223" i="4"/>
  <c r="BN227" i="4"/>
  <c r="BN231" i="4"/>
  <c r="BN234" i="4"/>
  <c r="BN236" i="4"/>
  <c r="BN238" i="4"/>
  <c r="BN240" i="4"/>
  <c r="BN242" i="4"/>
  <c r="BN244" i="4"/>
  <c r="BN246" i="4"/>
  <c r="BN248" i="4"/>
  <c r="BN250" i="4"/>
  <c r="BN252" i="4"/>
  <c r="BN254" i="4"/>
  <c r="BN256" i="4"/>
  <c r="BN258" i="4"/>
  <c r="BN260" i="4"/>
  <c r="BN262" i="4"/>
  <c r="BN264" i="4"/>
  <c r="BN266" i="4"/>
  <c r="BN268" i="4"/>
  <c r="BN232" i="4"/>
  <c r="BN334" i="4"/>
  <c r="BN336" i="4"/>
  <c r="BN270" i="4"/>
  <c r="BN272" i="4"/>
  <c r="BN274" i="4"/>
  <c r="BN276" i="4"/>
  <c r="BN278" i="4"/>
  <c r="BN280" i="4"/>
  <c r="BN282" i="4"/>
  <c r="BN284" i="4"/>
  <c r="BN286" i="4"/>
  <c r="BN288" i="4"/>
  <c r="BN290" i="4"/>
  <c r="BN292" i="4"/>
  <c r="BN294" i="4"/>
  <c r="BN296" i="4"/>
  <c r="BN298" i="4"/>
  <c r="BN300" i="4"/>
  <c r="BN302" i="4"/>
  <c r="BN304" i="4"/>
  <c r="BN306" i="4"/>
  <c r="BN308" i="4"/>
  <c r="BN310" i="4"/>
  <c r="BN312" i="4"/>
  <c r="BN314" i="4"/>
  <c r="BN316" i="4"/>
  <c r="BN318" i="4"/>
  <c r="BN320" i="4"/>
  <c r="BN322" i="4"/>
  <c r="BN324" i="4"/>
  <c r="BN326" i="4"/>
  <c r="BN328" i="4"/>
  <c r="BN330" i="4"/>
  <c r="BN332" i="4"/>
  <c r="BN338" i="4"/>
  <c r="BN340" i="4"/>
  <c r="BL44" i="4"/>
  <c r="BL63" i="4"/>
  <c r="BL71" i="4"/>
  <c r="BL79" i="4"/>
  <c r="BL87" i="4"/>
  <c r="BL95" i="4"/>
  <c r="BL103" i="4"/>
  <c r="BL111" i="4"/>
  <c r="BL117" i="4"/>
  <c r="BL121" i="4"/>
  <c r="BL125" i="4"/>
  <c r="BL129" i="4"/>
  <c r="BL133" i="4"/>
  <c r="BL137" i="4"/>
  <c r="BL141" i="4"/>
  <c r="BL145" i="4"/>
  <c r="BL149" i="4"/>
  <c r="BL153" i="4"/>
  <c r="BL157" i="4"/>
  <c r="BL232" i="4"/>
  <c r="BL161" i="4"/>
  <c r="BL165" i="4"/>
  <c r="BL169" i="4"/>
  <c r="BL173" i="4"/>
  <c r="BL177" i="4"/>
  <c r="BL181" i="4"/>
  <c r="BL185" i="4"/>
  <c r="BL189" i="4"/>
  <c r="BL193" i="4"/>
  <c r="BL197" i="4"/>
  <c r="BL201" i="4"/>
  <c r="BL205" i="4"/>
  <c r="BL209" i="4"/>
  <c r="BL213" i="4"/>
  <c r="BL217" i="4"/>
  <c r="BL221" i="4"/>
  <c r="BL225" i="4"/>
  <c r="BL229" i="4"/>
  <c r="BL234" i="4"/>
  <c r="BL236" i="4"/>
  <c r="BL238" i="4"/>
  <c r="BL240" i="4"/>
  <c r="BL242" i="4"/>
  <c r="BL244" i="4"/>
  <c r="BL246" i="4"/>
  <c r="BL248" i="4"/>
  <c r="BL250" i="4"/>
  <c r="BL252" i="4"/>
  <c r="BL254" i="4"/>
  <c r="BL256" i="4"/>
  <c r="BL258" i="4"/>
  <c r="BL260" i="4"/>
  <c r="BL262" i="4"/>
  <c r="BL264" i="4"/>
  <c r="BL266" i="4"/>
  <c r="BL268" i="4"/>
  <c r="BL270" i="4"/>
  <c r="BL272" i="4"/>
  <c r="BL274" i="4"/>
  <c r="BL276" i="4"/>
  <c r="BL278" i="4"/>
  <c r="BL280" i="4"/>
  <c r="BL282" i="4"/>
  <c r="BL284" i="4"/>
  <c r="BL286" i="4"/>
  <c r="BL288" i="4"/>
  <c r="BL290" i="4"/>
  <c r="BL292" i="4"/>
  <c r="BL294" i="4"/>
  <c r="BL296" i="4"/>
  <c r="BL298" i="4"/>
  <c r="BL300" i="4"/>
  <c r="BL302" i="4"/>
  <c r="BL304" i="4"/>
  <c r="BL306" i="4"/>
  <c r="BL308" i="4"/>
  <c r="BL310" i="4"/>
  <c r="BL312" i="4"/>
  <c r="BL314" i="4"/>
  <c r="BL316" i="4"/>
  <c r="BL318" i="4"/>
  <c r="BL320" i="4"/>
  <c r="BL322" i="4"/>
  <c r="BL324" i="4"/>
  <c r="BL326" i="4"/>
  <c r="BL328" i="4"/>
  <c r="BL330" i="4"/>
  <c r="BL332" i="4"/>
  <c r="BL338" i="4"/>
  <c r="BL340" i="4"/>
  <c r="BL334" i="4"/>
  <c r="BL336" i="4"/>
  <c r="BP2" i="4"/>
  <c r="BH2" i="4"/>
  <c r="AZ2" i="4"/>
  <c r="AR2" i="4"/>
  <c r="BR346" i="4"/>
  <c r="BN346" i="4"/>
  <c r="BJ346" i="4"/>
  <c r="BF346" i="4"/>
  <c r="BB346" i="4"/>
  <c r="AX346" i="4"/>
  <c r="AT346" i="4"/>
  <c r="AP346" i="4"/>
  <c r="AH346" i="4"/>
  <c r="Z346" i="4"/>
  <c r="R346" i="4"/>
  <c r="J346" i="4"/>
  <c r="B346" i="4"/>
  <c r="BM345" i="4"/>
  <c r="BE345" i="4"/>
  <c r="AW345" i="4"/>
  <c r="AO345" i="4"/>
  <c r="AK345" i="4"/>
  <c r="AG345" i="4"/>
  <c r="AC345" i="4"/>
  <c r="Y345" i="4"/>
  <c r="U345" i="4"/>
  <c r="Q345" i="4"/>
  <c r="M345" i="4"/>
  <c r="I345" i="4"/>
  <c r="E345" i="4"/>
  <c r="BT344" i="4"/>
  <c r="BP344" i="4"/>
  <c r="BL344" i="4"/>
  <c r="BH344" i="4"/>
  <c r="BD344" i="4"/>
  <c r="AZ344" i="4"/>
  <c r="AV344" i="4"/>
  <c r="AR344" i="4"/>
  <c r="AN344" i="4"/>
  <c r="AF344" i="4"/>
  <c r="X344" i="4"/>
  <c r="P344" i="4"/>
  <c r="H344" i="4"/>
  <c r="B344" i="4"/>
  <c r="BO343" i="4"/>
  <c r="BG343" i="4"/>
  <c r="AY343" i="4"/>
  <c r="AQ343" i="4"/>
  <c r="AK343" i="4"/>
  <c r="AG343" i="4"/>
  <c r="AC343" i="4"/>
  <c r="Y343" i="4"/>
  <c r="U343" i="4"/>
  <c r="Q343" i="4"/>
  <c r="M343" i="4"/>
  <c r="I343" i="4"/>
  <c r="E343" i="4"/>
  <c r="BT342" i="4"/>
  <c r="BP342" i="4"/>
  <c r="BL342" i="4"/>
  <c r="BH342" i="4"/>
  <c r="BD342" i="4"/>
  <c r="AZ342" i="4"/>
  <c r="AV342" i="4"/>
  <c r="AR342" i="4"/>
  <c r="AL342" i="4"/>
  <c r="AD342" i="4"/>
  <c r="V342" i="4"/>
  <c r="N342" i="4"/>
  <c r="F342" i="4"/>
  <c r="BQ341" i="4"/>
  <c r="BI341" i="4"/>
  <c r="AS341" i="4"/>
  <c r="AI341" i="4"/>
  <c r="J2" i="4"/>
  <c r="J3" i="4"/>
  <c r="J5" i="4"/>
  <c r="J6" i="4"/>
  <c r="J8" i="4"/>
  <c r="J10" i="4"/>
  <c r="J12" i="4"/>
  <c r="J14" i="4"/>
  <c r="J16" i="4"/>
  <c r="J11" i="4"/>
  <c r="J15" i="4"/>
  <c r="J17" i="4"/>
  <c r="J19" i="4"/>
  <c r="J21" i="4"/>
  <c r="J23" i="4"/>
  <c r="J25" i="4"/>
  <c r="J27" i="4"/>
  <c r="J29" i="4"/>
  <c r="J4" i="4"/>
  <c r="J9" i="4"/>
  <c r="J18" i="4"/>
  <c r="J22" i="4"/>
  <c r="J26" i="4"/>
  <c r="J30" i="4"/>
  <c r="J31" i="4"/>
  <c r="J33" i="4"/>
  <c r="J35" i="4"/>
  <c r="J37" i="4"/>
  <c r="J39" i="4"/>
  <c r="J41" i="4"/>
  <c r="J43" i="4"/>
  <c r="J45" i="4"/>
  <c r="J47" i="4"/>
  <c r="J49" i="4"/>
  <c r="J51" i="4"/>
  <c r="J53" i="4"/>
  <c r="J55" i="4"/>
  <c r="J57" i="4"/>
  <c r="J59" i="4"/>
  <c r="J7" i="4"/>
  <c r="J20" i="4"/>
  <c r="J28" i="4"/>
  <c r="J32" i="4"/>
  <c r="J36" i="4"/>
  <c r="J40" i="4"/>
  <c r="J44" i="4"/>
  <c r="J48" i="4"/>
  <c r="J52" i="4"/>
  <c r="J56" i="4"/>
  <c r="J60" i="4"/>
  <c r="J62" i="4"/>
  <c r="J64" i="4"/>
  <c r="J66" i="4"/>
  <c r="J68" i="4"/>
  <c r="J70" i="4"/>
  <c r="J72" i="4"/>
  <c r="J74" i="4"/>
  <c r="J76" i="4"/>
  <c r="J78" i="4"/>
  <c r="J80" i="4"/>
  <c r="J82" i="4"/>
  <c r="J84" i="4"/>
  <c r="J86" i="4"/>
  <c r="J88" i="4"/>
  <c r="J90" i="4"/>
  <c r="J92" i="4"/>
  <c r="J94" i="4"/>
  <c r="J96" i="4"/>
  <c r="J98" i="4"/>
  <c r="J100" i="4"/>
  <c r="J102" i="4"/>
  <c r="J104" i="4"/>
  <c r="J106" i="4"/>
  <c r="J108" i="4"/>
  <c r="J110" i="4"/>
  <c r="J112" i="4"/>
  <c r="J114" i="4"/>
  <c r="J116" i="4"/>
  <c r="J13" i="4"/>
  <c r="J24" i="4"/>
  <c r="J34" i="4"/>
  <c r="J42" i="4"/>
  <c r="J50" i="4"/>
  <c r="J58" i="4"/>
  <c r="J63" i="4"/>
  <c r="J67" i="4"/>
  <c r="J71" i="4"/>
  <c r="J75" i="4"/>
  <c r="J79" i="4"/>
  <c r="J83" i="4"/>
  <c r="J87" i="4"/>
  <c r="J91" i="4"/>
  <c r="J95" i="4"/>
  <c r="J99" i="4"/>
  <c r="J103" i="4"/>
  <c r="J107" i="4"/>
  <c r="J111" i="4"/>
  <c r="J115" i="4"/>
  <c r="J118" i="4"/>
  <c r="J120" i="4"/>
  <c r="J122" i="4"/>
  <c r="J124" i="4"/>
  <c r="J126" i="4"/>
  <c r="J128" i="4"/>
  <c r="J130" i="4"/>
  <c r="J132" i="4"/>
  <c r="J134" i="4"/>
  <c r="J136" i="4"/>
  <c r="J138" i="4"/>
  <c r="J140" i="4"/>
  <c r="J142" i="4"/>
  <c r="J144" i="4"/>
  <c r="J146" i="4"/>
  <c r="J148" i="4"/>
  <c r="J150" i="4"/>
  <c r="J152" i="4"/>
  <c r="J154" i="4"/>
  <c r="J156" i="4"/>
  <c r="J158" i="4"/>
  <c r="J160" i="4"/>
  <c r="J162" i="4"/>
  <c r="J164" i="4"/>
  <c r="J166" i="4"/>
  <c r="J168" i="4"/>
  <c r="J170" i="4"/>
  <c r="J172" i="4"/>
  <c r="J174" i="4"/>
  <c r="J176" i="4"/>
  <c r="J178" i="4"/>
  <c r="J180" i="4"/>
  <c r="J182" i="4"/>
  <c r="J184" i="4"/>
  <c r="J186" i="4"/>
  <c r="J188" i="4"/>
  <c r="J190" i="4"/>
  <c r="J192" i="4"/>
  <c r="J194" i="4"/>
  <c r="J196" i="4"/>
  <c r="J198" i="4"/>
  <c r="J200" i="4"/>
  <c r="J202" i="4"/>
  <c r="J204" i="4"/>
  <c r="J206" i="4"/>
  <c r="J208" i="4"/>
  <c r="J210" i="4"/>
  <c r="J212" i="4"/>
  <c r="J214" i="4"/>
  <c r="J216" i="4"/>
  <c r="J218" i="4"/>
  <c r="J220" i="4"/>
  <c r="J222" i="4"/>
  <c r="J224" i="4"/>
  <c r="J226" i="4"/>
  <c r="J228" i="4"/>
  <c r="J230" i="4"/>
  <c r="J232" i="4"/>
  <c r="J46" i="4"/>
  <c r="J61" i="4"/>
  <c r="J69" i="4"/>
  <c r="J77" i="4"/>
  <c r="J85" i="4"/>
  <c r="J93" i="4"/>
  <c r="J101" i="4"/>
  <c r="J109" i="4"/>
  <c r="J117" i="4"/>
  <c r="J121" i="4"/>
  <c r="J125" i="4"/>
  <c r="J129" i="4"/>
  <c r="J133" i="4"/>
  <c r="J137" i="4"/>
  <c r="J141" i="4"/>
  <c r="J145" i="4"/>
  <c r="J149" i="4"/>
  <c r="J153" i="4"/>
  <c r="J157" i="4"/>
  <c r="J161" i="4"/>
  <c r="J165" i="4"/>
  <c r="J169" i="4"/>
  <c r="J173" i="4"/>
  <c r="J177" i="4"/>
  <c r="J181" i="4"/>
  <c r="J185" i="4"/>
  <c r="J189" i="4"/>
  <c r="J193" i="4"/>
  <c r="J197" i="4"/>
  <c r="J201" i="4"/>
  <c r="J205" i="4"/>
  <c r="J209" i="4"/>
  <c r="J213" i="4"/>
  <c r="J217" i="4"/>
  <c r="J221" i="4"/>
  <c r="J225" i="4"/>
  <c r="J229" i="4"/>
  <c r="J233" i="4"/>
  <c r="J235" i="4"/>
  <c r="J237" i="4"/>
  <c r="J239" i="4"/>
  <c r="J241" i="4"/>
  <c r="J243" i="4"/>
  <c r="J245" i="4"/>
  <c r="J247" i="4"/>
  <c r="J249" i="4"/>
  <c r="J251" i="4"/>
  <c r="J253" i="4"/>
  <c r="J255" i="4"/>
  <c r="J257" i="4"/>
  <c r="J259" i="4"/>
  <c r="J261" i="4"/>
  <c r="J263" i="4"/>
  <c r="J265" i="4"/>
  <c r="J267" i="4"/>
  <c r="J269" i="4"/>
  <c r="J271" i="4"/>
  <c r="J273" i="4"/>
  <c r="J275" i="4"/>
  <c r="J277" i="4"/>
  <c r="J279" i="4"/>
  <c r="J281" i="4"/>
  <c r="J283" i="4"/>
  <c r="J285" i="4"/>
  <c r="J287" i="4"/>
  <c r="J289" i="4"/>
  <c r="J291" i="4"/>
  <c r="J293" i="4"/>
  <c r="J295" i="4"/>
  <c r="J297" i="4"/>
  <c r="J299" i="4"/>
  <c r="J301" i="4"/>
  <c r="J303" i="4"/>
  <c r="J305" i="4"/>
  <c r="J307" i="4"/>
  <c r="J309" i="4"/>
  <c r="J311" i="4"/>
  <c r="J313" i="4"/>
  <c r="J315" i="4"/>
  <c r="J317" i="4"/>
  <c r="J319" i="4"/>
  <c r="J321" i="4"/>
  <c r="J323" i="4"/>
  <c r="J325" i="4"/>
  <c r="J327" i="4"/>
  <c r="J329" i="4"/>
  <c r="J331" i="4"/>
  <c r="J333" i="4"/>
  <c r="J335" i="4"/>
  <c r="J337" i="4"/>
  <c r="J339" i="4"/>
  <c r="J341" i="4"/>
  <c r="J343" i="4"/>
  <c r="J345" i="4"/>
  <c r="J38" i="4"/>
  <c r="J54" i="4"/>
  <c r="J65" i="4"/>
  <c r="J73" i="4"/>
  <c r="J81" i="4"/>
  <c r="J89" i="4"/>
  <c r="J97" i="4"/>
  <c r="J127" i="4"/>
  <c r="J105" i="4"/>
  <c r="J113" i="4"/>
  <c r="J119" i="4"/>
  <c r="J123" i="4"/>
  <c r="J131" i="4"/>
  <c r="J139" i="4"/>
  <c r="J147" i="4"/>
  <c r="J155" i="4"/>
  <c r="J163" i="4"/>
  <c r="J135" i="4"/>
  <c r="J143" i="4"/>
  <c r="J151" i="4"/>
  <c r="J159" i="4"/>
  <c r="J167" i="4"/>
  <c r="J171" i="4"/>
  <c r="J179" i="4"/>
  <c r="J187" i="4"/>
  <c r="J195" i="4"/>
  <c r="J203" i="4"/>
  <c r="J211" i="4"/>
  <c r="J175" i="4"/>
  <c r="J183" i="4"/>
  <c r="J191" i="4"/>
  <c r="J199" i="4"/>
  <c r="J207" i="4"/>
  <c r="J215" i="4"/>
  <c r="J223" i="4"/>
  <c r="J231" i="4"/>
  <c r="J234" i="4"/>
  <c r="J238" i="4"/>
  <c r="J227" i="4"/>
  <c r="J240" i="4"/>
  <c r="J244" i="4"/>
  <c r="J248" i="4"/>
  <c r="J252" i="4"/>
  <c r="J256" i="4"/>
  <c r="J260" i="4"/>
  <c r="J264" i="4"/>
  <c r="J268" i="4"/>
  <c r="J272" i="4"/>
  <c r="J276" i="4"/>
  <c r="J280" i="4"/>
  <c r="J284" i="4"/>
  <c r="J288" i="4"/>
  <c r="J292" i="4"/>
  <c r="J296" i="4"/>
  <c r="J300" i="4"/>
  <c r="J304" i="4"/>
  <c r="J308" i="4"/>
  <c r="J312" i="4"/>
  <c r="J316" i="4"/>
  <c r="J219" i="4"/>
  <c r="J236" i="4"/>
  <c r="J242" i="4"/>
  <c r="J246" i="4"/>
  <c r="J250" i="4"/>
  <c r="J254" i="4"/>
  <c r="J258" i="4"/>
  <c r="J262" i="4"/>
  <c r="J266" i="4"/>
  <c r="J270" i="4"/>
  <c r="J274" i="4"/>
  <c r="J278" i="4"/>
  <c r="J282" i="4"/>
  <c r="J286" i="4"/>
  <c r="J290" i="4"/>
  <c r="J294" i="4"/>
  <c r="J298" i="4"/>
  <c r="J302" i="4"/>
  <c r="J306" i="4"/>
  <c r="J310" i="4"/>
  <c r="H2" i="4"/>
  <c r="H3" i="4"/>
  <c r="H5" i="4"/>
  <c r="H4" i="4"/>
  <c r="H6" i="4"/>
  <c r="H8" i="4"/>
  <c r="H7" i="4"/>
  <c r="H10" i="4"/>
  <c r="H12" i="4"/>
  <c r="H14" i="4"/>
  <c r="H16" i="4"/>
  <c r="H9" i="4"/>
  <c r="H13" i="4"/>
  <c r="H17" i="4"/>
  <c r="H19" i="4"/>
  <c r="H21" i="4"/>
  <c r="H23" i="4"/>
  <c r="H25" i="4"/>
  <c r="H27" i="4"/>
  <c r="H29" i="4"/>
  <c r="H15" i="4"/>
  <c r="H20" i="4"/>
  <c r="H24" i="4"/>
  <c r="H28" i="4"/>
  <c r="H31" i="4"/>
  <c r="H33" i="4"/>
  <c r="H35" i="4"/>
  <c r="H37" i="4"/>
  <c r="H39" i="4"/>
  <c r="H41" i="4"/>
  <c r="H43" i="4"/>
  <c r="H45" i="4"/>
  <c r="H47" i="4"/>
  <c r="H49" i="4"/>
  <c r="H51" i="4"/>
  <c r="H53" i="4"/>
  <c r="H55" i="4"/>
  <c r="H57" i="4"/>
  <c r="H59" i="4"/>
  <c r="H18" i="4"/>
  <c r="H26" i="4"/>
  <c r="H34" i="4"/>
  <c r="H38" i="4"/>
  <c r="H42" i="4"/>
  <c r="H46" i="4"/>
  <c r="H50" i="4"/>
  <c r="H54" i="4"/>
  <c r="H58" i="4"/>
  <c r="H60" i="4"/>
  <c r="H62" i="4"/>
  <c r="H64" i="4"/>
  <c r="H66" i="4"/>
  <c r="H68" i="4"/>
  <c r="H70" i="4"/>
  <c r="H72" i="4"/>
  <c r="H74" i="4"/>
  <c r="H76" i="4"/>
  <c r="H78" i="4"/>
  <c r="H80" i="4"/>
  <c r="H82" i="4"/>
  <c r="H84" i="4"/>
  <c r="H86" i="4"/>
  <c r="H88" i="4"/>
  <c r="H90" i="4"/>
  <c r="H92" i="4"/>
  <c r="H94" i="4"/>
  <c r="H96" i="4"/>
  <c r="H98" i="4"/>
  <c r="H100" i="4"/>
  <c r="H102" i="4"/>
  <c r="H104" i="4"/>
  <c r="H106" i="4"/>
  <c r="H108" i="4"/>
  <c r="H110" i="4"/>
  <c r="H112" i="4"/>
  <c r="H114" i="4"/>
  <c r="H116" i="4"/>
  <c r="H22" i="4"/>
  <c r="H32" i="4"/>
  <c r="H40" i="4"/>
  <c r="H48" i="4"/>
  <c r="H56" i="4"/>
  <c r="H61" i="4"/>
  <c r="H65" i="4"/>
  <c r="H69" i="4"/>
  <c r="H73" i="4"/>
  <c r="H77" i="4"/>
  <c r="H81" i="4"/>
  <c r="H85" i="4"/>
  <c r="H89" i="4"/>
  <c r="H93" i="4"/>
  <c r="H97" i="4"/>
  <c r="H101" i="4"/>
  <c r="H105" i="4"/>
  <c r="H109" i="4"/>
  <c r="H113" i="4"/>
  <c r="H117" i="4"/>
  <c r="H118" i="4"/>
  <c r="H120" i="4"/>
  <c r="H122" i="4"/>
  <c r="H124" i="4"/>
  <c r="H126" i="4"/>
  <c r="H128" i="4"/>
  <c r="H130" i="4"/>
  <c r="H132" i="4"/>
  <c r="H134" i="4"/>
  <c r="H136" i="4"/>
  <c r="H138" i="4"/>
  <c r="H140" i="4"/>
  <c r="H142" i="4"/>
  <c r="H144" i="4"/>
  <c r="H146" i="4"/>
  <c r="H148" i="4"/>
  <c r="H150" i="4"/>
  <c r="H152" i="4"/>
  <c r="H154" i="4"/>
  <c r="H156" i="4"/>
  <c r="H158" i="4"/>
  <c r="H160" i="4"/>
  <c r="H162" i="4"/>
  <c r="H164" i="4"/>
  <c r="H166" i="4"/>
  <c r="H168" i="4"/>
  <c r="H170" i="4"/>
  <c r="H172" i="4"/>
  <c r="H174" i="4"/>
  <c r="H176" i="4"/>
  <c r="H178" i="4"/>
  <c r="H180" i="4"/>
  <c r="H182" i="4"/>
  <c r="H184" i="4"/>
  <c r="H186" i="4"/>
  <c r="H188" i="4"/>
  <c r="H190" i="4"/>
  <c r="H192" i="4"/>
  <c r="H194" i="4"/>
  <c r="H196" i="4"/>
  <c r="H198" i="4"/>
  <c r="H200" i="4"/>
  <c r="H202" i="4"/>
  <c r="H204" i="4"/>
  <c r="H206" i="4"/>
  <c r="H208" i="4"/>
  <c r="H210" i="4"/>
  <c r="H212" i="4"/>
  <c r="H214" i="4"/>
  <c r="H216" i="4"/>
  <c r="H218" i="4"/>
  <c r="H220" i="4"/>
  <c r="H222" i="4"/>
  <c r="H224" i="4"/>
  <c r="H226" i="4"/>
  <c r="H228" i="4"/>
  <c r="H230" i="4"/>
  <c r="H232" i="4"/>
  <c r="H30" i="4"/>
  <c r="H44" i="4"/>
  <c r="H67" i="4"/>
  <c r="H75" i="4"/>
  <c r="H83" i="4"/>
  <c r="H91" i="4"/>
  <c r="H99" i="4"/>
  <c r="H107" i="4"/>
  <c r="H115" i="4"/>
  <c r="H119" i="4"/>
  <c r="H123" i="4"/>
  <c r="H127" i="4"/>
  <c r="H131" i="4"/>
  <c r="H135" i="4"/>
  <c r="H139" i="4"/>
  <c r="H143" i="4"/>
  <c r="H147" i="4"/>
  <c r="H151" i="4"/>
  <c r="H155" i="4"/>
  <c r="H159" i="4"/>
  <c r="H163" i="4"/>
  <c r="H167" i="4"/>
  <c r="H171" i="4"/>
  <c r="H175" i="4"/>
  <c r="H179" i="4"/>
  <c r="H183" i="4"/>
  <c r="H187" i="4"/>
  <c r="H191" i="4"/>
  <c r="H195" i="4"/>
  <c r="H199" i="4"/>
  <c r="H203" i="4"/>
  <c r="H207" i="4"/>
  <c r="H211" i="4"/>
  <c r="H215" i="4"/>
  <c r="H219" i="4"/>
  <c r="H223" i="4"/>
  <c r="H227" i="4"/>
  <c r="H231" i="4"/>
  <c r="H233" i="4"/>
  <c r="H235" i="4"/>
  <c r="H237" i="4"/>
  <c r="H239" i="4"/>
  <c r="H241" i="4"/>
  <c r="H243" i="4"/>
  <c r="H245" i="4"/>
  <c r="H247" i="4"/>
  <c r="H249" i="4"/>
  <c r="H251" i="4"/>
  <c r="H253" i="4"/>
  <c r="H255" i="4"/>
  <c r="H257" i="4"/>
  <c r="H259" i="4"/>
  <c r="H261" i="4"/>
  <c r="H263" i="4"/>
  <c r="H265" i="4"/>
  <c r="H267" i="4"/>
  <c r="H269" i="4"/>
  <c r="H271" i="4"/>
  <c r="H273" i="4"/>
  <c r="H275" i="4"/>
  <c r="H277" i="4"/>
  <c r="H279" i="4"/>
  <c r="H281" i="4"/>
  <c r="H283" i="4"/>
  <c r="H285" i="4"/>
  <c r="H287" i="4"/>
  <c r="H289" i="4"/>
  <c r="H291" i="4"/>
  <c r="H293" i="4"/>
  <c r="H295" i="4"/>
  <c r="H297" i="4"/>
  <c r="H299" i="4"/>
  <c r="H301" i="4"/>
  <c r="H303" i="4"/>
  <c r="H305" i="4"/>
  <c r="H307" i="4"/>
  <c r="H309" i="4"/>
  <c r="H311" i="4"/>
  <c r="H313" i="4"/>
  <c r="H315" i="4"/>
  <c r="H317" i="4"/>
  <c r="H319" i="4"/>
  <c r="H321" i="4"/>
  <c r="H323" i="4"/>
  <c r="H325" i="4"/>
  <c r="H327" i="4"/>
  <c r="H329" i="4"/>
  <c r="H331" i="4"/>
  <c r="H333" i="4"/>
  <c r="H335" i="4"/>
  <c r="H337" i="4"/>
  <c r="H339" i="4"/>
  <c r="H341" i="4"/>
  <c r="H343" i="4"/>
  <c r="H345" i="4"/>
  <c r="H11" i="4"/>
  <c r="H36" i="4"/>
  <c r="H52" i="4"/>
  <c r="H63" i="4"/>
  <c r="H71" i="4"/>
  <c r="H79" i="4"/>
  <c r="H87" i="4"/>
  <c r="H95" i="4"/>
  <c r="H103" i="4"/>
  <c r="H129" i="4"/>
  <c r="H111" i="4"/>
  <c r="H121" i="4"/>
  <c r="H125" i="4"/>
  <c r="H137" i="4"/>
  <c r="H145" i="4"/>
  <c r="H153" i="4"/>
  <c r="H161" i="4"/>
  <c r="H169" i="4"/>
  <c r="H133" i="4"/>
  <c r="H141" i="4"/>
  <c r="H149" i="4"/>
  <c r="H157" i="4"/>
  <c r="H165" i="4"/>
  <c r="H177" i="4"/>
  <c r="H185" i="4"/>
  <c r="H193" i="4"/>
  <c r="H201" i="4"/>
  <c r="H209" i="4"/>
  <c r="H173" i="4"/>
  <c r="H181" i="4"/>
  <c r="H189" i="4"/>
  <c r="H197" i="4"/>
  <c r="H205" i="4"/>
  <c r="H213" i="4"/>
  <c r="H221" i="4"/>
  <c r="H229" i="4"/>
  <c r="H236" i="4"/>
  <c r="H240" i="4"/>
  <c r="H217" i="4"/>
  <c r="H238" i="4"/>
  <c r="H242" i="4"/>
  <c r="H246" i="4"/>
  <c r="H250" i="4"/>
  <c r="H254" i="4"/>
  <c r="H258" i="4"/>
  <c r="H262" i="4"/>
  <c r="H266" i="4"/>
  <c r="H270" i="4"/>
  <c r="H274" i="4"/>
  <c r="H278" i="4"/>
  <c r="H282" i="4"/>
  <c r="H286" i="4"/>
  <c r="H290" i="4"/>
  <c r="H294" i="4"/>
  <c r="H298" i="4"/>
  <c r="H302" i="4"/>
  <c r="H306" i="4"/>
  <c r="H310" i="4"/>
  <c r="H314" i="4"/>
  <c r="H225" i="4"/>
  <c r="H234" i="4"/>
  <c r="H244" i="4"/>
  <c r="H248" i="4"/>
  <c r="H252" i="4"/>
  <c r="H256" i="4"/>
  <c r="H260" i="4"/>
  <c r="H264" i="4"/>
  <c r="H268" i="4"/>
  <c r="H272" i="4"/>
  <c r="H276" i="4"/>
  <c r="H280" i="4"/>
  <c r="H284" i="4"/>
  <c r="H288" i="4"/>
  <c r="H292" i="4"/>
  <c r="H296" i="4"/>
  <c r="H300" i="4"/>
  <c r="H304" i="4"/>
  <c r="H308" i="4"/>
  <c r="F2" i="4"/>
  <c r="F3" i="4"/>
  <c r="F5" i="4"/>
  <c r="F6" i="4"/>
  <c r="F8" i="4"/>
  <c r="F4" i="4"/>
  <c r="F10" i="4"/>
  <c r="F12" i="4"/>
  <c r="F14" i="4"/>
  <c r="F16" i="4"/>
  <c r="F7" i="4"/>
  <c r="F11" i="4"/>
  <c r="F15" i="4"/>
  <c r="F17" i="4"/>
  <c r="F19" i="4"/>
  <c r="F21" i="4"/>
  <c r="F23" i="4"/>
  <c r="F25" i="4"/>
  <c r="F27" i="4"/>
  <c r="F29" i="4"/>
  <c r="F13" i="4"/>
  <c r="F18" i="4"/>
  <c r="F22" i="4"/>
  <c r="F26" i="4"/>
  <c r="F30" i="4"/>
  <c r="F31" i="4"/>
  <c r="F33" i="4"/>
  <c r="F35" i="4"/>
  <c r="F37" i="4"/>
  <c r="F39" i="4"/>
  <c r="F41" i="4"/>
  <c r="F43" i="4"/>
  <c r="F45" i="4"/>
  <c r="F47" i="4"/>
  <c r="F49" i="4"/>
  <c r="F51" i="4"/>
  <c r="F53" i="4"/>
  <c r="F55" i="4"/>
  <c r="F57" i="4"/>
  <c r="F59" i="4"/>
  <c r="F24" i="4"/>
  <c r="F32" i="4"/>
  <c r="F36" i="4"/>
  <c r="F40" i="4"/>
  <c r="F44" i="4"/>
  <c r="F48" i="4"/>
  <c r="F52" i="4"/>
  <c r="F56" i="4"/>
  <c r="F60" i="4"/>
  <c r="F62" i="4"/>
  <c r="F64" i="4"/>
  <c r="F66" i="4"/>
  <c r="F68" i="4"/>
  <c r="F70" i="4"/>
  <c r="F72" i="4"/>
  <c r="F74" i="4"/>
  <c r="F76" i="4"/>
  <c r="F78" i="4"/>
  <c r="F80" i="4"/>
  <c r="F82" i="4"/>
  <c r="F84" i="4"/>
  <c r="F86" i="4"/>
  <c r="F88" i="4"/>
  <c r="F90" i="4"/>
  <c r="F92" i="4"/>
  <c r="F94" i="4"/>
  <c r="F96" i="4"/>
  <c r="F98" i="4"/>
  <c r="F100" i="4"/>
  <c r="F102" i="4"/>
  <c r="F104" i="4"/>
  <c r="F106" i="4"/>
  <c r="F108" i="4"/>
  <c r="F110" i="4"/>
  <c r="F112" i="4"/>
  <c r="F114" i="4"/>
  <c r="F116" i="4"/>
  <c r="F9" i="4"/>
  <c r="F20" i="4"/>
  <c r="F38" i="4"/>
  <c r="F46" i="4"/>
  <c r="F54" i="4"/>
  <c r="F63" i="4"/>
  <c r="F67" i="4"/>
  <c r="F71" i="4"/>
  <c r="F75" i="4"/>
  <c r="F79" i="4"/>
  <c r="F83" i="4"/>
  <c r="F87" i="4"/>
  <c r="F91" i="4"/>
  <c r="F95" i="4"/>
  <c r="F99" i="4"/>
  <c r="F103" i="4"/>
  <c r="F107" i="4"/>
  <c r="F111" i="4"/>
  <c r="F115" i="4"/>
  <c r="F118" i="4"/>
  <c r="F120" i="4"/>
  <c r="F122" i="4"/>
  <c r="F124" i="4"/>
  <c r="F126" i="4"/>
  <c r="F128" i="4"/>
  <c r="F130" i="4"/>
  <c r="F132" i="4"/>
  <c r="F134" i="4"/>
  <c r="F136" i="4"/>
  <c r="F138" i="4"/>
  <c r="F140" i="4"/>
  <c r="F142" i="4"/>
  <c r="F144" i="4"/>
  <c r="F146" i="4"/>
  <c r="F148" i="4"/>
  <c r="F150" i="4"/>
  <c r="F152" i="4"/>
  <c r="F154" i="4"/>
  <c r="F156" i="4"/>
  <c r="F158" i="4"/>
  <c r="F160" i="4"/>
  <c r="F162" i="4"/>
  <c r="F164" i="4"/>
  <c r="F166" i="4"/>
  <c r="F168" i="4"/>
  <c r="F170" i="4"/>
  <c r="F172" i="4"/>
  <c r="F174" i="4"/>
  <c r="F176" i="4"/>
  <c r="F178" i="4"/>
  <c r="F180" i="4"/>
  <c r="F182" i="4"/>
  <c r="F184" i="4"/>
  <c r="F186" i="4"/>
  <c r="F188" i="4"/>
  <c r="F190" i="4"/>
  <c r="F192" i="4"/>
  <c r="F194" i="4"/>
  <c r="F196" i="4"/>
  <c r="F198" i="4"/>
  <c r="F200" i="4"/>
  <c r="F202" i="4"/>
  <c r="F204" i="4"/>
  <c r="F206" i="4"/>
  <c r="F208" i="4"/>
  <c r="F210" i="4"/>
  <c r="F212" i="4"/>
  <c r="F214" i="4"/>
  <c r="F216" i="4"/>
  <c r="F218" i="4"/>
  <c r="F220" i="4"/>
  <c r="F222" i="4"/>
  <c r="F224" i="4"/>
  <c r="F226" i="4"/>
  <c r="F228" i="4"/>
  <c r="F230" i="4"/>
  <c r="F232" i="4"/>
  <c r="F42" i="4"/>
  <c r="F58" i="4"/>
  <c r="F65" i="4"/>
  <c r="F73" i="4"/>
  <c r="F81" i="4"/>
  <c r="F89" i="4"/>
  <c r="F97" i="4"/>
  <c r="F105" i="4"/>
  <c r="F113" i="4"/>
  <c r="F121" i="4"/>
  <c r="F125" i="4"/>
  <c r="F129" i="4"/>
  <c r="F133" i="4"/>
  <c r="F137" i="4"/>
  <c r="F141" i="4"/>
  <c r="F145" i="4"/>
  <c r="F149" i="4"/>
  <c r="F153" i="4"/>
  <c r="F157" i="4"/>
  <c r="F161" i="4"/>
  <c r="F165" i="4"/>
  <c r="F169" i="4"/>
  <c r="F173" i="4"/>
  <c r="F177" i="4"/>
  <c r="F181" i="4"/>
  <c r="F185" i="4"/>
  <c r="F189" i="4"/>
  <c r="F193" i="4"/>
  <c r="F197" i="4"/>
  <c r="F201" i="4"/>
  <c r="F205" i="4"/>
  <c r="F209" i="4"/>
  <c r="F213" i="4"/>
  <c r="F217" i="4"/>
  <c r="F221" i="4"/>
  <c r="F225" i="4"/>
  <c r="F229" i="4"/>
  <c r="F233" i="4"/>
  <c r="F235" i="4"/>
  <c r="F237" i="4"/>
  <c r="F239" i="4"/>
  <c r="F241" i="4"/>
  <c r="F243" i="4"/>
  <c r="F245" i="4"/>
  <c r="F247" i="4"/>
  <c r="F249" i="4"/>
  <c r="F251" i="4"/>
  <c r="F253" i="4"/>
  <c r="F255" i="4"/>
  <c r="F257" i="4"/>
  <c r="F259" i="4"/>
  <c r="F261" i="4"/>
  <c r="F263" i="4"/>
  <c r="F265" i="4"/>
  <c r="F267" i="4"/>
  <c r="F269" i="4"/>
  <c r="F271" i="4"/>
  <c r="F273" i="4"/>
  <c r="F275" i="4"/>
  <c r="F277" i="4"/>
  <c r="F279" i="4"/>
  <c r="F281" i="4"/>
  <c r="F283" i="4"/>
  <c r="F285" i="4"/>
  <c r="F287" i="4"/>
  <c r="F289" i="4"/>
  <c r="F291" i="4"/>
  <c r="F293" i="4"/>
  <c r="F295" i="4"/>
  <c r="F297" i="4"/>
  <c r="F299" i="4"/>
  <c r="F301" i="4"/>
  <c r="F303" i="4"/>
  <c r="F305" i="4"/>
  <c r="F307" i="4"/>
  <c r="F309" i="4"/>
  <c r="F311" i="4"/>
  <c r="F313" i="4"/>
  <c r="F315" i="4"/>
  <c r="F317" i="4"/>
  <c r="F319" i="4"/>
  <c r="F321" i="4"/>
  <c r="F323" i="4"/>
  <c r="F325" i="4"/>
  <c r="F327" i="4"/>
  <c r="F329" i="4"/>
  <c r="F331" i="4"/>
  <c r="F333" i="4"/>
  <c r="F335" i="4"/>
  <c r="F337" i="4"/>
  <c r="F339" i="4"/>
  <c r="F341" i="4"/>
  <c r="F343" i="4"/>
  <c r="F345" i="4"/>
  <c r="F28" i="4"/>
  <c r="F34" i="4"/>
  <c r="F50" i="4"/>
  <c r="F61" i="4"/>
  <c r="F69" i="4"/>
  <c r="F77" i="4"/>
  <c r="F85" i="4"/>
  <c r="F93" i="4"/>
  <c r="F101" i="4"/>
  <c r="F109" i="4"/>
  <c r="F117" i="4"/>
  <c r="F127" i="4"/>
  <c r="F119" i="4"/>
  <c r="F123" i="4"/>
  <c r="F131" i="4"/>
  <c r="F135" i="4"/>
  <c r="F143" i="4"/>
  <c r="F151" i="4"/>
  <c r="F159" i="4"/>
  <c r="F167" i="4"/>
  <c r="F139" i="4"/>
  <c r="F147" i="4"/>
  <c r="F155" i="4"/>
  <c r="F163" i="4"/>
  <c r="F175" i="4"/>
  <c r="F183" i="4"/>
  <c r="F191" i="4"/>
  <c r="F199" i="4"/>
  <c r="F207" i="4"/>
  <c r="F171" i="4"/>
  <c r="F179" i="4"/>
  <c r="F187" i="4"/>
  <c r="F195" i="4"/>
  <c r="F203" i="4"/>
  <c r="F211" i="4"/>
  <c r="F219" i="4"/>
  <c r="F227" i="4"/>
  <c r="F234" i="4"/>
  <c r="F238" i="4"/>
  <c r="F223" i="4"/>
  <c r="F236" i="4"/>
  <c r="F244" i="4"/>
  <c r="F248" i="4"/>
  <c r="F252" i="4"/>
  <c r="F256" i="4"/>
  <c r="F260" i="4"/>
  <c r="F264" i="4"/>
  <c r="F268" i="4"/>
  <c r="F272" i="4"/>
  <c r="F276" i="4"/>
  <c r="F280" i="4"/>
  <c r="F284" i="4"/>
  <c r="F288" i="4"/>
  <c r="F292" i="4"/>
  <c r="F296" i="4"/>
  <c r="F300" i="4"/>
  <c r="F304" i="4"/>
  <c r="F308" i="4"/>
  <c r="F312" i="4"/>
  <c r="F316" i="4"/>
  <c r="F215" i="4"/>
  <c r="F231" i="4"/>
  <c r="F240" i="4"/>
  <c r="F242" i="4"/>
  <c r="F246" i="4"/>
  <c r="F250" i="4"/>
  <c r="F254" i="4"/>
  <c r="F258" i="4"/>
  <c r="F262" i="4"/>
  <c r="F266" i="4"/>
  <c r="F270" i="4"/>
  <c r="F274" i="4"/>
  <c r="F278" i="4"/>
  <c r="F282" i="4"/>
  <c r="F286" i="4"/>
  <c r="F290" i="4"/>
  <c r="F294" i="4"/>
  <c r="F298" i="4"/>
  <c r="F302" i="4"/>
  <c r="F306" i="4"/>
  <c r="F310" i="4"/>
  <c r="D2" i="4"/>
  <c r="D3" i="4"/>
  <c r="D5" i="4"/>
  <c r="D4" i="4"/>
  <c r="D6" i="4"/>
  <c r="D8" i="4"/>
  <c r="D7" i="4"/>
  <c r="D10" i="4"/>
  <c r="D12" i="4"/>
  <c r="D14" i="4"/>
  <c r="D16" i="4"/>
  <c r="D9" i="4"/>
  <c r="D13" i="4"/>
  <c r="D17" i="4"/>
  <c r="D19" i="4"/>
  <c r="D21" i="4"/>
  <c r="D23" i="4"/>
  <c r="D25" i="4"/>
  <c r="D27" i="4"/>
  <c r="D29" i="4"/>
  <c r="D11" i="4"/>
  <c r="D20" i="4"/>
  <c r="D24" i="4"/>
  <c r="D28" i="4"/>
  <c r="D31" i="4"/>
  <c r="D33" i="4"/>
  <c r="D35" i="4"/>
  <c r="D37" i="4"/>
  <c r="D39" i="4"/>
  <c r="D41" i="4"/>
  <c r="D43" i="4"/>
  <c r="D45" i="4"/>
  <c r="D47" i="4"/>
  <c r="D49" i="4"/>
  <c r="D51" i="4"/>
  <c r="D53" i="4"/>
  <c r="D55" i="4"/>
  <c r="D57" i="4"/>
  <c r="D59" i="4"/>
  <c r="D15" i="4"/>
  <c r="D22" i="4"/>
  <c r="D30" i="4"/>
  <c r="D34" i="4"/>
  <c r="D38" i="4"/>
  <c r="D42" i="4"/>
  <c r="D46" i="4"/>
  <c r="D50" i="4"/>
  <c r="D54" i="4"/>
  <c r="D58" i="4"/>
  <c r="D60" i="4"/>
  <c r="D62" i="4"/>
  <c r="D64" i="4"/>
  <c r="D66" i="4"/>
  <c r="D68" i="4"/>
  <c r="D70" i="4"/>
  <c r="D72" i="4"/>
  <c r="D74" i="4"/>
  <c r="D76" i="4"/>
  <c r="D78" i="4"/>
  <c r="D80" i="4"/>
  <c r="D82" i="4"/>
  <c r="D84" i="4"/>
  <c r="D86" i="4"/>
  <c r="D88" i="4"/>
  <c r="D90" i="4"/>
  <c r="D92" i="4"/>
  <c r="D94" i="4"/>
  <c r="D96" i="4"/>
  <c r="D98" i="4"/>
  <c r="D100" i="4"/>
  <c r="D102" i="4"/>
  <c r="D104" i="4"/>
  <c r="D106" i="4"/>
  <c r="D108" i="4"/>
  <c r="D110" i="4"/>
  <c r="D112" i="4"/>
  <c r="D114" i="4"/>
  <c r="D116" i="4"/>
  <c r="D18" i="4"/>
  <c r="D36" i="4"/>
  <c r="D44" i="4"/>
  <c r="D52" i="4"/>
  <c r="D61" i="4"/>
  <c r="D65" i="4"/>
  <c r="D69" i="4"/>
  <c r="D73" i="4"/>
  <c r="D77" i="4"/>
  <c r="D81" i="4"/>
  <c r="D85" i="4"/>
  <c r="D89" i="4"/>
  <c r="D93" i="4"/>
  <c r="D97" i="4"/>
  <c r="D101" i="4"/>
  <c r="D105" i="4"/>
  <c r="D109" i="4"/>
  <c r="D113" i="4"/>
  <c r="D117" i="4"/>
  <c r="D118" i="4"/>
  <c r="D120" i="4"/>
  <c r="D122" i="4"/>
  <c r="D124" i="4"/>
  <c r="D126" i="4"/>
  <c r="D128" i="4"/>
  <c r="D130" i="4"/>
  <c r="D132" i="4"/>
  <c r="D134" i="4"/>
  <c r="D136" i="4"/>
  <c r="D138" i="4"/>
  <c r="D140" i="4"/>
  <c r="D142" i="4"/>
  <c r="D144" i="4"/>
  <c r="D146" i="4"/>
  <c r="D148" i="4"/>
  <c r="D150" i="4"/>
  <c r="D152" i="4"/>
  <c r="D154" i="4"/>
  <c r="D156" i="4"/>
  <c r="D158" i="4"/>
  <c r="D160" i="4"/>
  <c r="D162" i="4"/>
  <c r="D164" i="4"/>
  <c r="D166" i="4"/>
  <c r="D168" i="4"/>
  <c r="D170" i="4"/>
  <c r="D172" i="4"/>
  <c r="D174" i="4"/>
  <c r="D176" i="4"/>
  <c r="D178" i="4"/>
  <c r="D180" i="4"/>
  <c r="D182" i="4"/>
  <c r="D184" i="4"/>
  <c r="D186" i="4"/>
  <c r="D188" i="4"/>
  <c r="D190" i="4"/>
  <c r="D192" i="4"/>
  <c r="D194" i="4"/>
  <c r="D196" i="4"/>
  <c r="D198" i="4"/>
  <c r="D200" i="4"/>
  <c r="D202" i="4"/>
  <c r="D204" i="4"/>
  <c r="D206" i="4"/>
  <c r="D208" i="4"/>
  <c r="D210" i="4"/>
  <c r="D212" i="4"/>
  <c r="D214" i="4"/>
  <c r="D216" i="4"/>
  <c r="D218" i="4"/>
  <c r="D220" i="4"/>
  <c r="D222" i="4"/>
  <c r="D224" i="4"/>
  <c r="D226" i="4"/>
  <c r="D228" i="4"/>
  <c r="D230" i="4"/>
  <c r="D232" i="4"/>
  <c r="D26" i="4"/>
  <c r="D40" i="4"/>
  <c r="D56" i="4"/>
  <c r="D63" i="4"/>
  <c r="D71" i="4"/>
  <c r="D79" i="4"/>
  <c r="D87" i="4"/>
  <c r="D95" i="4"/>
  <c r="D103" i="4"/>
  <c r="D111" i="4"/>
  <c r="D119" i="4"/>
  <c r="D123" i="4"/>
  <c r="D127" i="4"/>
  <c r="D131" i="4"/>
  <c r="D135" i="4"/>
  <c r="D139" i="4"/>
  <c r="D143" i="4"/>
  <c r="D147" i="4"/>
  <c r="D151" i="4"/>
  <c r="D155" i="4"/>
  <c r="D159" i="4"/>
  <c r="D163" i="4"/>
  <c r="D167" i="4"/>
  <c r="D171" i="4"/>
  <c r="D175" i="4"/>
  <c r="D179" i="4"/>
  <c r="D183" i="4"/>
  <c r="D187" i="4"/>
  <c r="D191" i="4"/>
  <c r="D195" i="4"/>
  <c r="D199" i="4"/>
  <c r="D203" i="4"/>
  <c r="D207" i="4"/>
  <c r="D211" i="4"/>
  <c r="D215" i="4"/>
  <c r="D219" i="4"/>
  <c r="D223" i="4"/>
  <c r="D227" i="4"/>
  <c r="D231" i="4"/>
  <c r="D233" i="4"/>
  <c r="D235" i="4"/>
  <c r="D237" i="4"/>
  <c r="D239" i="4"/>
  <c r="D241" i="4"/>
  <c r="D243" i="4"/>
  <c r="D245" i="4"/>
  <c r="D247" i="4"/>
  <c r="D249" i="4"/>
  <c r="D251" i="4"/>
  <c r="D253" i="4"/>
  <c r="D255" i="4"/>
  <c r="D257" i="4"/>
  <c r="D259" i="4"/>
  <c r="D261" i="4"/>
  <c r="D263" i="4"/>
  <c r="D265" i="4"/>
  <c r="D267" i="4"/>
  <c r="D269" i="4"/>
  <c r="D271" i="4"/>
  <c r="D273" i="4"/>
  <c r="D275" i="4"/>
  <c r="D277" i="4"/>
  <c r="D279" i="4"/>
  <c r="D281" i="4"/>
  <c r="D283" i="4"/>
  <c r="D285" i="4"/>
  <c r="D287" i="4"/>
  <c r="D289" i="4"/>
  <c r="D291" i="4"/>
  <c r="D293" i="4"/>
  <c r="D295" i="4"/>
  <c r="D297" i="4"/>
  <c r="D299" i="4"/>
  <c r="D301" i="4"/>
  <c r="D303" i="4"/>
  <c r="D305" i="4"/>
  <c r="D307" i="4"/>
  <c r="D309" i="4"/>
  <c r="D311" i="4"/>
  <c r="D313" i="4"/>
  <c r="D315" i="4"/>
  <c r="D317" i="4"/>
  <c r="D319" i="4"/>
  <c r="D321" i="4"/>
  <c r="D323" i="4"/>
  <c r="D325" i="4"/>
  <c r="D327" i="4"/>
  <c r="D329" i="4"/>
  <c r="D331" i="4"/>
  <c r="D333" i="4"/>
  <c r="D335" i="4"/>
  <c r="D337" i="4"/>
  <c r="D339" i="4"/>
  <c r="D341" i="4"/>
  <c r="D343" i="4"/>
  <c r="D345" i="4"/>
  <c r="D32" i="4"/>
  <c r="D48" i="4"/>
  <c r="D67" i="4"/>
  <c r="D75" i="4"/>
  <c r="D83" i="4"/>
  <c r="D91" i="4"/>
  <c r="D99" i="4"/>
  <c r="D107" i="4"/>
  <c r="D115" i="4"/>
  <c r="D129" i="4"/>
  <c r="D121" i="4"/>
  <c r="D125" i="4"/>
  <c r="D133" i="4"/>
  <c r="D141" i="4"/>
  <c r="D149" i="4"/>
  <c r="D157" i="4"/>
  <c r="D165" i="4"/>
  <c r="D137" i="4"/>
  <c r="D145" i="4"/>
  <c r="D153" i="4"/>
  <c r="D161" i="4"/>
  <c r="D169" i="4"/>
  <c r="D173" i="4"/>
  <c r="D181" i="4"/>
  <c r="D189" i="4"/>
  <c r="D197" i="4"/>
  <c r="D205" i="4"/>
  <c r="D213" i="4"/>
  <c r="D177" i="4"/>
  <c r="D185" i="4"/>
  <c r="D193" i="4"/>
  <c r="D201" i="4"/>
  <c r="D209" i="4"/>
  <c r="D217" i="4"/>
  <c r="D225" i="4"/>
  <c r="D236" i="4"/>
  <c r="D240" i="4"/>
  <c r="D229" i="4"/>
  <c r="D234" i="4"/>
  <c r="D242" i="4"/>
  <c r="D246" i="4"/>
  <c r="D250" i="4"/>
  <c r="D254" i="4"/>
  <c r="D258" i="4"/>
  <c r="D262" i="4"/>
  <c r="D266" i="4"/>
  <c r="D270" i="4"/>
  <c r="D274" i="4"/>
  <c r="D278" i="4"/>
  <c r="D282" i="4"/>
  <c r="D286" i="4"/>
  <c r="D290" i="4"/>
  <c r="D294" i="4"/>
  <c r="D298" i="4"/>
  <c r="D302" i="4"/>
  <c r="D306" i="4"/>
  <c r="D310" i="4"/>
  <c r="D314" i="4"/>
  <c r="D221" i="4"/>
  <c r="D238" i="4"/>
  <c r="D244" i="4"/>
  <c r="D248" i="4"/>
  <c r="D252" i="4"/>
  <c r="D256" i="4"/>
  <c r="D260" i="4"/>
  <c r="D264" i="4"/>
  <c r="D268" i="4"/>
  <c r="D272" i="4"/>
  <c r="D276" i="4"/>
  <c r="D280" i="4"/>
  <c r="D284" i="4"/>
  <c r="D288" i="4"/>
  <c r="D292" i="4"/>
  <c r="D296" i="4"/>
  <c r="D300" i="4"/>
  <c r="D304" i="4"/>
  <c r="D308" i="4"/>
  <c r="AN2" i="4"/>
  <c r="AN3" i="4"/>
  <c r="AN4" i="4"/>
  <c r="AN6" i="4"/>
  <c r="AN8" i="4"/>
  <c r="AN7" i="4"/>
  <c r="AN10" i="4"/>
  <c r="AN12" i="4"/>
  <c r="AN14" i="4"/>
  <c r="AN9" i="4"/>
  <c r="AN13" i="4"/>
  <c r="AN17" i="4"/>
  <c r="AN19" i="4"/>
  <c r="AN21" i="4"/>
  <c r="AN23" i="4"/>
  <c r="AN25" i="4"/>
  <c r="AN27" i="4"/>
  <c r="AN29" i="4"/>
  <c r="AN15" i="4"/>
  <c r="AN16" i="4"/>
  <c r="AN20" i="4"/>
  <c r="AN24" i="4"/>
  <c r="AN28" i="4"/>
  <c r="AN31" i="4"/>
  <c r="AN33" i="4"/>
  <c r="AN35" i="4"/>
  <c r="AN37" i="4"/>
  <c r="AN39" i="4"/>
  <c r="AN41" i="4"/>
  <c r="AN43" i="4"/>
  <c r="AN45" i="4"/>
  <c r="AN47" i="4"/>
  <c r="AN49" i="4"/>
  <c r="AN51" i="4"/>
  <c r="AN53" i="4"/>
  <c r="AN55" i="4"/>
  <c r="AN57" i="4"/>
  <c r="AN18" i="4"/>
  <c r="AN26" i="4"/>
  <c r="AN34" i="4"/>
  <c r="AN38" i="4"/>
  <c r="AN42" i="4"/>
  <c r="AN46" i="4"/>
  <c r="AN50" i="4"/>
  <c r="AN54" i="4"/>
  <c r="AN58" i="4"/>
  <c r="AN60" i="4"/>
  <c r="AN62" i="4"/>
  <c r="AN64" i="4"/>
  <c r="AN66" i="4"/>
  <c r="AN68" i="4"/>
  <c r="AN70" i="4"/>
  <c r="AN72" i="4"/>
  <c r="AN74" i="4"/>
  <c r="AN76" i="4"/>
  <c r="AN78" i="4"/>
  <c r="AN80" i="4"/>
  <c r="AN82" i="4"/>
  <c r="AN84" i="4"/>
  <c r="AN86" i="4"/>
  <c r="AN88" i="4"/>
  <c r="AN90" i="4"/>
  <c r="AN92" i="4"/>
  <c r="AN94" i="4"/>
  <c r="AN96" i="4"/>
  <c r="AN98" i="4"/>
  <c r="AN100" i="4"/>
  <c r="AN102" i="4"/>
  <c r="AN104" i="4"/>
  <c r="AN106" i="4"/>
  <c r="AN108" i="4"/>
  <c r="AN110" i="4"/>
  <c r="AN112" i="4"/>
  <c r="AN114" i="4"/>
  <c r="AN116" i="4"/>
  <c r="AN5" i="4"/>
  <c r="AN22" i="4"/>
  <c r="AN32" i="4"/>
  <c r="AN40" i="4"/>
  <c r="AN48" i="4"/>
  <c r="AN56" i="4"/>
  <c r="AN61" i="4"/>
  <c r="AN65" i="4"/>
  <c r="AN69" i="4"/>
  <c r="AN73" i="4"/>
  <c r="AN77" i="4"/>
  <c r="AN81" i="4"/>
  <c r="AN85" i="4"/>
  <c r="AN89" i="4"/>
  <c r="AN93" i="4"/>
  <c r="AN97" i="4"/>
  <c r="AN101" i="4"/>
  <c r="AN105" i="4"/>
  <c r="AN109" i="4"/>
  <c r="AN113" i="4"/>
  <c r="AN118" i="4"/>
  <c r="AN120" i="4"/>
  <c r="AN122" i="4"/>
  <c r="AN124" i="4"/>
  <c r="AN126" i="4"/>
  <c r="AN128" i="4"/>
  <c r="AN130" i="4"/>
  <c r="AN132" i="4"/>
  <c r="AN134" i="4"/>
  <c r="AN136" i="4"/>
  <c r="AN138" i="4"/>
  <c r="AN140" i="4"/>
  <c r="AN142" i="4"/>
  <c r="AN144" i="4"/>
  <c r="AN146" i="4"/>
  <c r="AN148" i="4"/>
  <c r="AN150" i="4"/>
  <c r="AN152" i="4"/>
  <c r="AN154" i="4"/>
  <c r="AN156" i="4"/>
  <c r="AN158" i="4"/>
  <c r="AN160" i="4"/>
  <c r="AN162" i="4"/>
  <c r="AN164" i="4"/>
  <c r="AN166" i="4"/>
  <c r="AN168" i="4"/>
  <c r="AN170" i="4"/>
  <c r="AN172" i="4"/>
  <c r="AN174" i="4"/>
  <c r="AN176" i="4"/>
  <c r="AN178" i="4"/>
  <c r="AN180" i="4"/>
  <c r="AN182" i="4"/>
  <c r="AN184" i="4"/>
  <c r="AN186" i="4"/>
  <c r="AN188" i="4"/>
  <c r="AN190" i="4"/>
  <c r="AN192" i="4"/>
  <c r="AN194" i="4"/>
  <c r="AN196" i="4"/>
  <c r="AN198" i="4"/>
  <c r="AN200" i="4"/>
  <c r="AN202" i="4"/>
  <c r="AN204" i="4"/>
  <c r="AN206" i="4"/>
  <c r="AN208" i="4"/>
  <c r="AN210" i="4"/>
  <c r="AN212" i="4"/>
  <c r="AN214" i="4"/>
  <c r="AN216" i="4"/>
  <c r="AN218" i="4"/>
  <c r="AN220" i="4"/>
  <c r="AN222" i="4"/>
  <c r="AN224" i="4"/>
  <c r="AN226" i="4"/>
  <c r="AN228" i="4"/>
  <c r="AN230" i="4"/>
  <c r="AN11" i="4"/>
  <c r="AN30" i="4"/>
  <c r="AN44" i="4"/>
  <c r="AN59" i="4"/>
  <c r="AN67" i="4"/>
  <c r="AN75" i="4"/>
  <c r="AN83" i="4"/>
  <c r="AN91" i="4"/>
  <c r="AN99" i="4"/>
  <c r="AN107" i="4"/>
  <c r="AN115" i="4"/>
  <c r="AN119" i="4"/>
  <c r="AN123" i="4"/>
  <c r="AN127" i="4"/>
  <c r="AN131" i="4"/>
  <c r="AN135" i="4"/>
  <c r="AN139" i="4"/>
  <c r="AN143" i="4"/>
  <c r="AN147" i="4"/>
  <c r="AN151" i="4"/>
  <c r="AN155" i="4"/>
  <c r="AN159" i="4"/>
  <c r="AN163" i="4"/>
  <c r="AN167" i="4"/>
  <c r="AN171" i="4"/>
  <c r="AN175" i="4"/>
  <c r="AN179" i="4"/>
  <c r="AN183" i="4"/>
  <c r="AN187" i="4"/>
  <c r="AN191" i="4"/>
  <c r="AN195" i="4"/>
  <c r="AN199" i="4"/>
  <c r="AN203" i="4"/>
  <c r="AN207" i="4"/>
  <c r="AN211" i="4"/>
  <c r="AN215" i="4"/>
  <c r="AN219" i="4"/>
  <c r="AN223" i="4"/>
  <c r="AN227" i="4"/>
  <c r="AN231" i="4"/>
  <c r="AN233" i="4"/>
  <c r="AN235" i="4"/>
  <c r="AN237" i="4"/>
  <c r="AN239" i="4"/>
  <c r="AN241" i="4"/>
  <c r="AN243" i="4"/>
  <c r="AN245" i="4"/>
  <c r="AN247" i="4"/>
  <c r="AN249" i="4"/>
  <c r="AN251" i="4"/>
  <c r="AN253" i="4"/>
  <c r="AN255" i="4"/>
  <c r="AN257" i="4"/>
  <c r="AN259" i="4"/>
  <c r="AN261" i="4"/>
  <c r="AN263" i="4"/>
  <c r="AN265" i="4"/>
  <c r="AN267" i="4"/>
  <c r="AN269" i="4"/>
  <c r="AN271" i="4"/>
  <c r="AN273" i="4"/>
  <c r="AN275" i="4"/>
  <c r="AN277" i="4"/>
  <c r="AN279" i="4"/>
  <c r="AN281" i="4"/>
  <c r="AN283" i="4"/>
  <c r="AN285" i="4"/>
  <c r="AN287" i="4"/>
  <c r="AN289" i="4"/>
  <c r="AN291" i="4"/>
  <c r="AN293" i="4"/>
  <c r="AN295" i="4"/>
  <c r="AN297" i="4"/>
  <c r="AN299" i="4"/>
  <c r="AN301" i="4"/>
  <c r="AN303" i="4"/>
  <c r="AN305" i="4"/>
  <c r="AN307" i="4"/>
  <c r="AN309" i="4"/>
  <c r="AN311" i="4"/>
  <c r="AN313" i="4"/>
  <c r="AN315" i="4"/>
  <c r="AN317" i="4"/>
  <c r="AN319" i="4"/>
  <c r="AN321" i="4"/>
  <c r="AN323" i="4"/>
  <c r="AN325" i="4"/>
  <c r="AN327" i="4"/>
  <c r="AN329" i="4"/>
  <c r="AN331" i="4"/>
  <c r="AN333" i="4"/>
  <c r="AN335" i="4"/>
  <c r="AN337" i="4"/>
  <c r="AN339" i="4"/>
  <c r="AN341" i="4"/>
  <c r="AN343" i="4"/>
  <c r="AN345" i="4"/>
  <c r="AN36" i="4"/>
  <c r="AN52" i="4"/>
  <c r="AN63" i="4"/>
  <c r="AN71" i="4"/>
  <c r="AN79" i="4"/>
  <c r="AN87" i="4"/>
  <c r="AN95" i="4"/>
  <c r="AN103" i="4"/>
  <c r="AN117" i="4"/>
  <c r="AN129" i="4"/>
  <c r="AN111" i="4"/>
  <c r="AN121" i="4"/>
  <c r="AN125" i="4"/>
  <c r="AN137" i="4"/>
  <c r="AN145" i="4"/>
  <c r="AN153" i="4"/>
  <c r="AN161" i="4"/>
  <c r="AN169" i="4"/>
  <c r="AN133" i="4"/>
  <c r="AN141" i="4"/>
  <c r="AN149" i="4"/>
  <c r="AN157" i="4"/>
  <c r="AN165" i="4"/>
  <c r="AN177" i="4"/>
  <c r="AN185" i="4"/>
  <c r="AN193" i="4"/>
  <c r="AN201" i="4"/>
  <c r="AN209" i="4"/>
  <c r="AN173" i="4"/>
  <c r="AN181" i="4"/>
  <c r="AN189" i="4"/>
  <c r="AN197" i="4"/>
  <c r="AN205" i="4"/>
  <c r="AN213" i="4"/>
  <c r="AN221" i="4"/>
  <c r="AN229" i="4"/>
  <c r="AN232" i="4"/>
  <c r="AN236" i="4"/>
  <c r="AN240" i="4"/>
  <c r="AN217" i="4"/>
  <c r="AN238" i="4"/>
  <c r="AN242" i="4"/>
  <c r="AN246" i="4"/>
  <c r="AN250" i="4"/>
  <c r="AN254" i="4"/>
  <c r="AN258" i="4"/>
  <c r="AN262" i="4"/>
  <c r="AN266" i="4"/>
  <c r="AN270" i="4"/>
  <c r="AN274" i="4"/>
  <c r="AN278" i="4"/>
  <c r="AN282" i="4"/>
  <c r="AN286" i="4"/>
  <c r="AN290" i="4"/>
  <c r="AN294" i="4"/>
  <c r="AN298" i="4"/>
  <c r="AN302" i="4"/>
  <c r="AN306" i="4"/>
  <c r="AN310" i="4"/>
  <c r="AN314" i="4"/>
  <c r="AN225" i="4"/>
  <c r="AN234" i="4"/>
  <c r="AN244" i="4"/>
  <c r="AN248" i="4"/>
  <c r="AN252" i="4"/>
  <c r="AN256" i="4"/>
  <c r="AN260" i="4"/>
  <c r="AN264" i="4"/>
  <c r="AN268" i="4"/>
  <c r="AN272" i="4"/>
  <c r="AN276" i="4"/>
  <c r="AN280" i="4"/>
  <c r="AN284" i="4"/>
  <c r="AN288" i="4"/>
  <c r="AN292" i="4"/>
  <c r="AN296" i="4"/>
  <c r="AN300" i="4"/>
  <c r="AN304" i="4"/>
  <c r="AN308" i="4"/>
  <c r="AL2" i="4"/>
  <c r="AL3" i="4"/>
  <c r="AL6" i="4"/>
  <c r="AL8" i="4"/>
  <c r="AL4" i="4"/>
  <c r="AL5" i="4"/>
  <c r="AL10" i="4"/>
  <c r="AL12" i="4"/>
  <c r="AL14" i="4"/>
  <c r="AL7" i="4"/>
  <c r="AL11" i="4"/>
  <c r="AL15" i="4"/>
  <c r="AL17" i="4"/>
  <c r="AL19" i="4"/>
  <c r="AL21" i="4"/>
  <c r="AL23" i="4"/>
  <c r="AL25" i="4"/>
  <c r="AL27" i="4"/>
  <c r="AL29" i="4"/>
  <c r="AL13" i="4"/>
  <c r="AL18" i="4"/>
  <c r="AL22" i="4"/>
  <c r="AL26" i="4"/>
  <c r="AL30" i="4"/>
  <c r="AL31" i="4"/>
  <c r="AL33" i="4"/>
  <c r="AL35" i="4"/>
  <c r="AL37" i="4"/>
  <c r="AL39" i="4"/>
  <c r="AL41" i="4"/>
  <c r="AL43" i="4"/>
  <c r="AL45" i="4"/>
  <c r="AL47" i="4"/>
  <c r="AL49" i="4"/>
  <c r="AL51" i="4"/>
  <c r="AL53" i="4"/>
  <c r="AL55" i="4"/>
  <c r="AL57" i="4"/>
  <c r="AL16" i="4"/>
  <c r="AL24" i="4"/>
  <c r="AL32" i="4"/>
  <c r="AL36" i="4"/>
  <c r="AL40" i="4"/>
  <c r="AL44" i="4"/>
  <c r="AL48" i="4"/>
  <c r="AL52" i="4"/>
  <c r="AL56" i="4"/>
  <c r="AL60" i="4"/>
  <c r="AL62" i="4"/>
  <c r="AL64" i="4"/>
  <c r="AL66" i="4"/>
  <c r="AL68" i="4"/>
  <c r="AL70" i="4"/>
  <c r="AL72" i="4"/>
  <c r="AL74" i="4"/>
  <c r="AL76" i="4"/>
  <c r="AL78" i="4"/>
  <c r="AL80" i="4"/>
  <c r="AL82" i="4"/>
  <c r="AL84" i="4"/>
  <c r="AL86" i="4"/>
  <c r="AL88" i="4"/>
  <c r="AL90" i="4"/>
  <c r="AL92" i="4"/>
  <c r="AL94" i="4"/>
  <c r="AL96" i="4"/>
  <c r="AL98" i="4"/>
  <c r="AL100" i="4"/>
  <c r="AL102" i="4"/>
  <c r="AL104" i="4"/>
  <c r="AL106" i="4"/>
  <c r="AL108" i="4"/>
  <c r="AL110" i="4"/>
  <c r="AL112" i="4"/>
  <c r="AL114" i="4"/>
  <c r="AL116" i="4"/>
  <c r="AL9" i="4"/>
  <c r="AL20" i="4"/>
  <c r="AL38" i="4"/>
  <c r="AL46" i="4"/>
  <c r="AL54" i="4"/>
  <c r="AL59" i="4"/>
  <c r="AL63" i="4"/>
  <c r="AL67" i="4"/>
  <c r="AL71" i="4"/>
  <c r="AL75" i="4"/>
  <c r="AL79" i="4"/>
  <c r="AL83" i="4"/>
  <c r="AL87" i="4"/>
  <c r="AL91" i="4"/>
  <c r="AL95" i="4"/>
  <c r="AL99" i="4"/>
  <c r="AL103" i="4"/>
  <c r="AL107" i="4"/>
  <c r="AL111" i="4"/>
  <c r="AL115" i="4"/>
  <c r="AL118" i="4"/>
  <c r="AL120" i="4"/>
  <c r="AL122" i="4"/>
  <c r="AL124" i="4"/>
  <c r="AL126" i="4"/>
  <c r="AL128" i="4"/>
  <c r="AL130" i="4"/>
  <c r="AL132" i="4"/>
  <c r="AL134" i="4"/>
  <c r="AL136" i="4"/>
  <c r="AL138" i="4"/>
  <c r="AL140" i="4"/>
  <c r="AL142" i="4"/>
  <c r="AL144" i="4"/>
  <c r="AL146" i="4"/>
  <c r="AL148" i="4"/>
  <c r="AL150" i="4"/>
  <c r="AL152" i="4"/>
  <c r="AL154" i="4"/>
  <c r="AL156" i="4"/>
  <c r="AL158" i="4"/>
  <c r="AL160" i="4"/>
  <c r="AL162" i="4"/>
  <c r="AL164" i="4"/>
  <c r="AL166" i="4"/>
  <c r="AL168" i="4"/>
  <c r="AL170" i="4"/>
  <c r="AL172" i="4"/>
  <c r="AL174" i="4"/>
  <c r="AL176" i="4"/>
  <c r="AL178" i="4"/>
  <c r="AL180" i="4"/>
  <c r="AL182" i="4"/>
  <c r="AL184" i="4"/>
  <c r="AL186" i="4"/>
  <c r="AL188" i="4"/>
  <c r="AL190" i="4"/>
  <c r="AL192" i="4"/>
  <c r="AL194" i="4"/>
  <c r="AL196" i="4"/>
  <c r="AL198" i="4"/>
  <c r="AL200" i="4"/>
  <c r="AL202" i="4"/>
  <c r="AL204" i="4"/>
  <c r="AL206" i="4"/>
  <c r="AL208" i="4"/>
  <c r="AL210" i="4"/>
  <c r="AL212" i="4"/>
  <c r="AL214" i="4"/>
  <c r="AL216" i="4"/>
  <c r="AL218" i="4"/>
  <c r="AL220" i="4"/>
  <c r="AL222" i="4"/>
  <c r="AL224" i="4"/>
  <c r="AL226" i="4"/>
  <c r="AL228" i="4"/>
  <c r="AL230" i="4"/>
  <c r="AL42" i="4"/>
  <c r="AL58" i="4"/>
  <c r="AL65" i="4"/>
  <c r="AL73" i="4"/>
  <c r="AL81" i="4"/>
  <c r="AL89" i="4"/>
  <c r="AL97" i="4"/>
  <c r="AL105" i="4"/>
  <c r="AL113" i="4"/>
  <c r="AL117" i="4"/>
  <c r="AL121" i="4"/>
  <c r="AL125" i="4"/>
  <c r="AL129" i="4"/>
  <c r="AL133" i="4"/>
  <c r="AL137" i="4"/>
  <c r="AL141" i="4"/>
  <c r="AL145" i="4"/>
  <c r="AL149" i="4"/>
  <c r="AL153" i="4"/>
  <c r="AL157" i="4"/>
  <c r="AL161" i="4"/>
  <c r="AL165" i="4"/>
  <c r="AL169" i="4"/>
  <c r="AL173" i="4"/>
  <c r="AL177" i="4"/>
  <c r="AL181" i="4"/>
  <c r="AL185" i="4"/>
  <c r="AL189" i="4"/>
  <c r="AL193" i="4"/>
  <c r="AL197" i="4"/>
  <c r="AL201" i="4"/>
  <c r="AL205" i="4"/>
  <c r="AL209" i="4"/>
  <c r="AL213" i="4"/>
  <c r="AL217" i="4"/>
  <c r="AL221" i="4"/>
  <c r="AL225" i="4"/>
  <c r="AL229" i="4"/>
  <c r="AL233" i="4"/>
  <c r="AL235" i="4"/>
  <c r="AL237" i="4"/>
  <c r="AL239" i="4"/>
  <c r="AL241" i="4"/>
  <c r="AL243" i="4"/>
  <c r="AL245" i="4"/>
  <c r="AL247" i="4"/>
  <c r="AL249" i="4"/>
  <c r="AL251" i="4"/>
  <c r="AL253" i="4"/>
  <c r="AL255" i="4"/>
  <c r="AL257" i="4"/>
  <c r="AL259" i="4"/>
  <c r="AL261" i="4"/>
  <c r="AL263" i="4"/>
  <c r="AL265" i="4"/>
  <c r="AL267" i="4"/>
  <c r="AL269" i="4"/>
  <c r="AL271" i="4"/>
  <c r="AL273" i="4"/>
  <c r="AL275" i="4"/>
  <c r="AL277" i="4"/>
  <c r="AL279" i="4"/>
  <c r="AL281" i="4"/>
  <c r="AL283" i="4"/>
  <c r="AL285" i="4"/>
  <c r="AL287" i="4"/>
  <c r="AL289" i="4"/>
  <c r="AL291" i="4"/>
  <c r="AL293" i="4"/>
  <c r="AL295" i="4"/>
  <c r="AL297" i="4"/>
  <c r="AL299" i="4"/>
  <c r="AL301" i="4"/>
  <c r="AL303" i="4"/>
  <c r="AL305" i="4"/>
  <c r="AL307" i="4"/>
  <c r="AL309" i="4"/>
  <c r="AL311" i="4"/>
  <c r="AL313" i="4"/>
  <c r="AL315" i="4"/>
  <c r="AL317" i="4"/>
  <c r="AL319" i="4"/>
  <c r="AL321" i="4"/>
  <c r="AL323" i="4"/>
  <c r="AL325" i="4"/>
  <c r="AL327" i="4"/>
  <c r="AL329" i="4"/>
  <c r="AL331" i="4"/>
  <c r="AL333" i="4"/>
  <c r="AL335" i="4"/>
  <c r="AL337" i="4"/>
  <c r="AL339" i="4"/>
  <c r="AL341" i="4"/>
  <c r="AL343" i="4"/>
  <c r="AL345" i="4"/>
  <c r="AL28" i="4"/>
  <c r="AL34" i="4"/>
  <c r="AL50" i="4"/>
  <c r="AL61" i="4"/>
  <c r="AL69" i="4"/>
  <c r="AL77" i="4"/>
  <c r="AL85" i="4"/>
  <c r="AL93" i="4"/>
  <c r="AL101" i="4"/>
  <c r="AL109" i="4"/>
  <c r="AL127" i="4"/>
  <c r="AL119" i="4"/>
  <c r="AL123" i="4"/>
  <c r="AL135" i="4"/>
  <c r="AL143" i="4"/>
  <c r="AL151" i="4"/>
  <c r="AL159" i="4"/>
  <c r="AL167" i="4"/>
  <c r="AL131" i="4"/>
  <c r="AL139" i="4"/>
  <c r="AL147" i="4"/>
  <c r="AL155" i="4"/>
  <c r="AL163" i="4"/>
  <c r="AL175" i="4"/>
  <c r="AL183" i="4"/>
  <c r="AL191" i="4"/>
  <c r="AL199" i="4"/>
  <c r="AL207" i="4"/>
  <c r="AL171" i="4"/>
  <c r="AL179" i="4"/>
  <c r="AL187" i="4"/>
  <c r="AL195" i="4"/>
  <c r="AL203" i="4"/>
  <c r="AL211" i="4"/>
  <c r="AL219" i="4"/>
  <c r="AL227" i="4"/>
  <c r="AL234" i="4"/>
  <c r="AL238" i="4"/>
  <c r="AL223" i="4"/>
  <c r="AL236" i="4"/>
  <c r="AL244" i="4"/>
  <c r="AL248" i="4"/>
  <c r="AL252" i="4"/>
  <c r="AL256" i="4"/>
  <c r="AL260" i="4"/>
  <c r="AL264" i="4"/>
  <c r="AL268" i="4"/>
  <c r="AL272" i="4"/>
  <c r="AL276" i="4"/>
  <c r="AL280" i="4"/>
  <c r="AL284" i="4"/>
  <c r="AL288" i="4"/>
  <c r="AL292" i="4"/>
  <c r="AL296" i="4"/>
  <c r="AL300" i="4"/>
  <c r="AL304" i="4"/>
  <c r="AL308" i="4"/>
  <c r="AL312" i="4"/>
  <c r="AL316" i="4"/>
  <c r="AL215" i="4"/>
  <c r="AL231" i="4"/>
  <c r="AL232" i="4"/>
  <c r="AL240" i="4"/>
  <c r="AL242" i="4"/>
  <c r="AL246" i="4"/>
  <c r="AL250" i="4"/>
  <c r="AL254" i="4"/>
  <c r="AL258" i="4"/>
  <c r="AL262" i="4"/>
  <c r="AL266" i="4"/>
  <c r="AL270" i="4"/>
  <c r="AL274" i="4"/>
  <c r="AL278" i="4"/>
  <c r="AL282" i="4"/>
  <c r="AL286" i="4"/>
  <c r="AL290" i="4"/>
  <c r="AL294" i="4"/>
  <c r="AL298" i="4"/>
  <c r="AL302" i="4"/>
  <c r="AL306" i="4"/>
  <c r="AJ2" i="4"/>
  <c r="AJ3" i="4"/>
  <c r="AJ4" i="4"/>
  <c r="AJ6" i="4"/>
  <c r="AJ8" i="4"/>
  <c r="AJ7" i="4"/>
  <c r="AJ10" i="4"/>
  <c r="AJ12" i="4"/>
  <c r="AJ14" i="4"/>
  <c r="AJ5" i="4"/>
  <c r="AJ9" i="4"/>
  <c r="AJ13" i="4"/>
  <c r="AJ17" i="4"/>
  <c r="AJ19" i="4"/>
  <c r="AJ21" i="4"/>
  <c r="AJ23" i="4"/>
  <c r="AJ25" i="4"/>
  <c r="AJ27" i="4"/>
  <c r="AJ29" i="4"/>
  <c r="AJ11" i="4"/>
  <c r="AJ16" i="4"/>
  <c r="AJ20" i="4"/>
  <c r="AJ24" i="4"/>
  <c r="AJ28" i="4"/>
  <c r="AJ31" i="4"/>
  <c r="AJ33" i="4"/>
  <c r="AJ35" i="4"/>
  <c r="AJ37" i="4"/>
  <c r="AJ39" i="4"/>
  <c r="AJ41" i="4"/>
  <c r="AJ43" i="4"/>
  <c r="AJ45" i="4"/>
  <c r="AJ47" i="4"/>
  <c r="AJ49" i="4"/>
  <c r="AJ51" i="4"/>
  <c r="AJ53" i="4"/>
  <c r="AJ55" i="4"/>
  <c r="AJ57" i="4"/>
  <c r="AJ15" i="4"/>
  <c r="AJ22" i="4"/>
  <c r="AJ30" i="4"/>
  <c r="AJ34" i="4"/>
  <c r="AJ38" i="4"/>
  <c r="AJ42" i="4"/>
  <c r="AJ46" i="4"/>
  <c r="AJ50" i="4"/>
  <c r="AJ54" i="4"/>
  <c r="AJ58" i="4"/>
  <c r="AJ60" i="4"/>
  <c r="AJ62" i="4"/>
  <c r="AJ64" i="4"/>
  <c r="AJ66" i="4"/>
  <c r="AJ68" i="4"/>
  <c r="AJ70" i="4"/>
  <c r="AJ72" i="4"/>
  <c r="AJ74" i="4"/>
  <c r="AJ76" i="4"/>
  <c r="AJ78" i="4"/>
  <c r="AJ80" i="4"/>
  <c r="AJ82" i="4"/>
  <c r="AJ84" i="4"/>
  <c r="AJ86" i="4"/>
  <c r="AJ88" i="4"/>
  <c r="AJ90" i="4"/>
  <c r="AJ92" i="4"/>
  <c r="AJ94" i="4"/>
  <c r="AJ96" i="4"/>
  <c r="AJ98" i="4"/>
  <c r="AJ100" i="4"/>
  <c r="AJ102" i="4"/>
  <c r="AJ104" i="4"/>
  <c r="AJ106" i="4"/>
  <c r="AJ108" i="4"/>
  <c r="AJ110" i="4"/>
  <c r="AJ112" i="4"/>
  <c r="AJ114" i="4"/>
  <c r="AJ116" i="4"/>
  <c r="AJ18" i="4"/>
  <c r="AJ36" i="4"/>
  <c r="AJ44" i="4"/>
  <c r="AJ52" i="4"/>
  <c r="AJ61" i="4"/>
  <c r="AJ65" i="4"/>
  <c r="AJ69" i="4"/>
  <c r="AJ73" i="4"/>
  <c r="AJ77" i="4"/>
  <c r="AJ81" i="4"/>
  <c r="AJ85" i="4"/>
  <c r="AJ89" i="4"/>
  <c r="AJ93" i="4"/>
  <c r="AJ97" i="4"/>
  <c r="AJ101" i="4"/>
  <c r="AJ105" i="4"/>
  <c r="AJ109" i="4"/>
  <c r="AJ113" i="4"/>
  <c r="AJ118" i="4"/>
  <c r="AJ120" i="4"/>
  <c r="AJ122" i="4"/>
  <c r="AJ124" i="4"/>
  <c r="AJ126" i="4"/>
  <c r="AJ128" i="4"/>
  <c r="AJ130" i="4"/>
  <c r="AJ132" i="4"/>
  <c r="AJ134" i="4"/>
  <c r="AJ136" i="4"/>
  <c r="AJ138" i="4"/>
  <c r="AJ140" i="4"/>
  <c r="AJ142" i="4"/>
  <c r="AJ144" i="4"/>
  <c r="AJ146" i="4"/>
  <c r="AJ148" i="4"/>
  <c r="AJ150" i="4"/>
  <c r="AJ152" i="4"/>
  <c r="AJ154" i="4"/>
  <c r="AJ156" i="4"/>
  <c r="AJ158" i="4"/>
  <c r="AJ160" i="4"/>
  <c r="AJ162" i="4"/>
  <c r="AJ164" i="4"/>
  <c r="AJ166" i="4"/>
  <c r="AJ168" i="4"/>
  <c r="AJ170" i="4"/>
  <c r="AJ172" i="4"/>
  <c r="AJ174" i="4"/>
  <c r="AJ176" i="4"/>
  <c r="AJ178" i="4"/>
  <c r="AJ180" i="4"/>
  <c r="AJ182" i="4"/>
  <c r="AJ184" i="4"/>
  <c r="AJ186" i="4"/>
  <c r="AJ188" i="4"/>
  <c r="AJ190" i="4"/>
  <c r="AJ192" i="4"/>
  <c r="AJ194" i="4"/>
  <c r="AJ196" i="4"/>
  <c r="AJ198" i="4"/>
  <c r="AJ200" i="4"/>
  <c r="AJ202" i="4"/>
  <c r="AJ204" i="4"/>
  <c r="AJ206" i="4"/>
  <c r="AJ208" i="4"/>
  <c r="AJ210" i="4"/>
  <c r="AJ212" i="4"/>
  <c r="AJ214" i="4"/>
  <c r="AJ216" i="4"/>
  <c r="AJ218" i="4"/>
  <c r="AJ220" i="4"/>
  <c r="AJ222" i="4"/>
  <c r="AJ224" i="4"/>
  <c r="AJ226" i="4"/>
  <c r="AJ228" i="4"/>
  <c r="AJ230" i="4"/>
  <c r="AJ232" i="4"/>
  <c r="AJ26" i="4"/>
  <c r="AJ40" i="4"/>
  <c r="AJ56" i="4"/>
  <c r="AJ63" i="4"/>
  <c r="AJ71" i="4"/>
  <c r="AJ79" i="4"/>
  <c r="AJ87" i="4"/>
  <c r="AJ95" i="4"/>
  <c r="AJ103" i="4"/>
  <c r="AJ111" i="4"/>
  <c r="AJ119" i="4"/>
  <c r="AJ123" i="4"/>
  <c r="AJ127" i="4"/>
  <c r="AJ131" i="4"/>
  <c r="AJ135" i="4"/>
  <c r="AJ139" i="4"/>
  <c r="AJ143" i="4"/>
  <c r="AJ147" i="4"/>
  <c r="AJ151" i="4"/>
  <c r="AJ155" i="4"/>
  <c r="AJ159" i="4"/>
  <c r="AJ163" i="4"/>
  <c r="AJ167" i="4"/>
  <c r="AJ171" i="4"/>
  <c r="AJ175" i="4"/>
  <c r="AJ179" i="4"/>
  <c r="AJ183" i="4"/>
  <c r="AJ187" i="4"/>
  <c r="AJ191" i="4"/>
  <c r="AJ195" i="4"/>
  <c r="AJ199" i="4"/>
  <c r="AJ203" i="4"/>
  <c r="AJ207" i="4"/>
  <c r="AJ211" i="4"/>
  <c r="AJ215" i="4"/>
  <c r="AJ219" i="4"/>
  <c r="AJ223" i="4"/>
  <c r="AJ227" i="4"/>
  <c r="AJ231" i="4"/>
  <c r="AJ233" i="4"/>
  <c r="AJ235" i="4"/>
  <c r="AJ237" i="4"/>
  <c r="AJ239" i="4"/>
  <c r="AJ241" i="4"/>
  <c r="AJ243" i="4"/>
  <c r="AJ245" i="4"/>
  <c r="AJ247" i="4"/>
  <c r="AJ249" i="4"/>
  <c r="AJ251" i="4"/>
  <c r="AJ253" i="4"/>
  <c r="AJ255" i="4"/>
  <c r="AJ257" i="4"/>
  <c r="AJ259" i="4"/>
  <c r="AJ261" i="4"/>
  <c r="AJ263" i="4"/>
  <c r="AJ265" i="4"/>
  <c r="AJ267" i="4"/>
  <c r="AJ269" i="4"/>
  <c r="AJ271" i="4"/>
  <c r="AJ273" i="4"/>
  <c r="AJ275" i="4"/>
  <c r="AJ277" i="4"/>
  <c r="AJ279" i="4"/>
  <c r="AJ281" i="4"/>
  <c r="AJ283" i="4"/>
  <c r="AJ285" i="4"/>
  <c r="AJ287" i="4"/>
  <c r="AJ289" i="4"/>
  <c r="AJ291" i="4"/>
  <c r="AJ293" i="4"/>
  <c r="AJ295" i="4"/>
  <c r="AJ297" i="4"/>
  <c r="AJ299" i="4"/>
  <c r="AJ301" i="4"/>
  <c r="AJ303" i="4"/>
  <c r="AJ305" i="4"/>
  <c r="AJ307" i="4"/>
  <c r="AJ309" i="4"/>
  <c r="AJ311" i="4"/>
  <c r="AJ313" i="4"/>
  <c r="AJ315" i="4"/>
  <c r="AJ317" i="4"/>
  <c r="AJ319" i="4"/>
  <c r="AJ321" i="4"/>
  <c r="AJ323" i="4"/>
  <c r="AJ325" i="4"/>
  <c r="AJ327" i="4"/>
  <c r="AJ329" i="4"/>
  <c r="AJ331" i="4"/>
  <c r="AJ333" i="4"/>
  <c r="AJ335" i="4"/>
  <c r="AJ337" i="4"/>
  <c r="AJ339" i="4"/>
  <c r="AJ341" i="4"/>
  <c r="AJ343" i="4"/>
  <c r="AJ345" i="4"/>
  <c r="AJ32" i="4"/>
  <c r="AJ48" i="4"/>
  <c r="AJ59" i="4"/>
  <c r="AJ67" i="4"/>
  <c r="AJ75" i="4"/>
  <c r="AJ83" i="4"/>
  <c r="AJ91" i="4"/>
  <c r="AJ99" i="4"/>
  <c r="AJ107" i="4"/>
  <c r="AJ115" i="4"/>
  <c r="AJ117" i="4"/>
  <c r="AJ129" i="4"/>
  <c r="AJ121" i="4"/>
  <c r="AJ125" i="4"/>
  <c r="AJ133" i="4"/>
  <c r="AJ141" i="4"/>
  <c r="AJ149" i="4"/>
  <c r="AJ157" i="4"/>
  <c r="AJ165" i="4"/>
  <c r="AJ137" i="4"/>
  <c r="AJ145" i="4"/>
  <c r="AJ153" i="4"/>
  <c r="AJ161" i="4"/>
  <c r="AJ169" i="4"/>
  <c r="AJ173" i="4"/>
  <c r="AJ181" i="4"/>
  <c r="AJ189" i="4"/>
  <c r="AJ197" i="4"/>
  <c r="AJ205" i="4"/>
  <c r="AJ213" i="4"/>
  <c r="AJ177" i="4"/>
  <c r="AJ185" i="4"/>
  <c r="AJ193" i="4"/>
  <c r="AJ201" i="4"/>
  <c r="AJ209" i="4"/>
  <c r="AJ217" i="4"/>
  <c r="AJ225" i="4"/>
  <c r="AJ236" i="4"/>
  <c r="AJ240" i="4"/>
  <c r="AJ229" i="4"/>
  <c r="AJ234" i="4"/>
  <c r="AJ242" i="4"/>
  <c r="AJ246" i="4"/>
  <c r="AJ250" i="4"/>
  <c r="AJ254" i="4"/>
  <c r="AJ258" i="4"/>
  <c r="AJ262" i="4"/>
  <c r="AJ266" i="4"/>
  <c r="AJ270" i="4"/>
  <c r="AJ274" i="4"/>
  <c r="AJ278" i="4"/>
  <c r="AJ282" i="4"/>
  <c r="AJ286" i="4"/>
  <c r="AJ290" i="4"/>
  <c r="AJ294" i="4"/>
  <c r="AJ298" i="4"/>
  <c r="AJ302" i="4"/>
  <c r="AJ306" i="4"/>
  <c r="AJ310" i="4"/>
  <c r="AJ314" i="4"/>
  <c r="AJ221" i="4"/>
  <c r="AJ238" i="4"/>
  <c r="AJ244" i="4"/>
  <c r="AJ248" i="4"/>
  <c r="AJ252" i="4"/>
  <c r="AJ256" i="4"/>
  <c r="AJ260" i="4"/>
  <c r="AJ264" i="4"/>
  <c r="AJ268" i="4"/>
  <c r="AJ272" i="4"/>
  <c r="AJ276" i="4"/>
  <c r="AJ280" i="4"/>
  <c r="AJ284" i="4"/>
  <c r="AJ288" i="4"/>
  <c r="AJ292" i="4"/>
  <c r="AJ296" i="4"/>
  <c r="AJ300" i="4"/>
  <c r="AJ304" i="4"/>
  <c r="AJ308" i="4"/>
  <c r="AH2" i="4"/>
  <c r="AH3" i="4"/>
  <c r="AH6" i="4"/>
  <c r="AH8" i="4"/>
  <c r="AH5" i="4"/>
  <c r="AH10" i="4"/>
  <c r="AH12" i="4"/>
  <c r="AH14" i="4"/>
  <c r="AH4" i="4"/>
  <c r="AH11" i="4"/>
  <c r="AH15" i="4"/>
  <c r="AH17" i="4"/>
  <c r="AH19" i="4"/>
  <c r="AH21" i="4"/>
  <c r="AH23" i="4"/>
  <c r="AH25" i="4"/>
  <c r="AH27" i="4"/>
  <c r="AH29" i="4"/>
  <c r="AH7" i="4"/>
  <c r="AH9" i="4"/>
  <c r="AH18" i="4"/>
  <c r="AH22" i="4"/>
  <c r="AH26" i="4"/>
  <c r="AH30" i="4"/>
  <c r="AH31" i="4"/>
  <c r="AH33" i="4"/>
  <c r="AH35" i="4"/>
  <c r="AH37" i="4"/>
  <c r="AH39" i="4"/>
  <c r="AH41" i="4"/>
  <c r="AH43" i="4"/>
  <c r="AH45" i="4"/>
  <c r="AH47" i="4"/>
  <c r="AH49" i="4"/>
  <c r="AH51" i="4"/>
  <c r="AH53" i="4"/>
  <c r="AH55" i="4"/>
  <c r="AH57" i="4"/>
  <c r="AH13" i="4"/>
  <c r="AH20" i="4"/>
  <c r="AH28" i="4"/>
  <c r="AH32" i="4"/>
  <c r="AH36" i="4"/>
  <c r="AH40" i="4"/>
  <c r="AH44" i="4"/>
  <c r="AH48" i="4"/>
  <c r="AH52" i="4"/>
  <c r="AH56" i="4"/>
  <c r="AH60" i="4"/>
  <c r="AH62" i="4"/>
  <c r="AH64" i="4"/>
  <c r="AH66" i="4"/>
  <c r="AH68" i="4"/>
  <c r="AH70" i="4"/>
  <c r="AH72" i="4"/>
  <c r="AH74" i="4"/>
  <c r="AH76" i="4"/>
  <c r="AH78" i="4"/>
  <c r="AH80" i="4"/>
  <c r="AH82" i="4"/>
  <c r="AH84" i="4"/>
  <c r="AH86" i="4"/>
  <c r="AH88" i="4"/>
  <c r="AH90" i="4"/>
  <c r="AH92" i="4"/>
  <c r="AH94" i="4"/>
  <c r="AH96" i="4"/>
  <c r="AH98" i="4"/>
  <c r="AH100" i="4"/>
  <c r="AH102" i="4"/>
  <c r="AH104" i="4"/>
  <c r="AH106" i="4"/>
  <c r="AH108" i="4"/>
  <c r="AH110" i="4"/>
  <c r="AH112" i="4"/>
  <c r="AH114" i="4"/>
  <c r="AH116" i="4"/>
  <c r="AH16" i="4"/>
  <c r="AH34" i="4"/>
  <c r="AH42" i="4"/>
  <c r="AH50" i="4"/>
  <c r="AH58" i="4"/>
  <c r="AH59" i="4"/>
  <c r="AH63" i="4"/>
  <c r="AH67" i="4"/>
  <c r="AH71" i="4"/>
  <c r="AH75" i="4"/>
  <c r="AH79" i="4"/>
  <c r="AH83" i="4"/>
  <c r="AH87" i="4"/>
  <c r="AH91" i="4"/>
  <c r="AH95" i="4"/>
  <c r="AH99" i="4"/>
  <c r="AH103" i="4"/>
  <c r="AH107" i="4"/>
  <c r="AH111" i="4"/>
  <c r="AH115" i="4"/>
  <c r="AH118" i="4"/>
  <c r="AH120" i="4"/>
  <c r="AH122" i="4"/>
  <c r="AH124" i="4"/>
  <c r="AH126" i="4"/>
  <c r="AH128" i="4"/>
  <c r="AH130" i="4"/>
  <c r="AH132" i="4"/>
  <c r="AH134" i="4"/>
  <c r="AH136" i="4"/>
  <c r="AH138" i="4"/>
  <c r="AH140" i="4"/>
  <c r="AH142" i="4"/>
  <c r="AH144" i="4"/>
  <c r="AH146" i="4"/>
  <c r="AH148" i="4"/>
  <c r="AH150" i="4"/>
  <c r="AH152" i="4"/>
  <c r="AH154" i="4"/>
  <c r="AH156" i="4"/>
  <c r="AH158" i="4"/>
  <c r="AH160" i="4"/>
  <c r="AH162" i="4"/>
  <c r="AH164" i="4"/>
  <c r="AH166" i="4"/>
  <c r="AH168" i="4"/>
  <c r="AH170" i="4"/>
  <c r="AH172" i="4"/>
  <c r="AH174" i="4"/>
  <c r="AH176" i="4"/>
  <c r="AH178" i="4"/>
  <c r="AH180" i="4"/>
  <c r="AH182" i="4"/>
  <c r="AH184" i="4"/>
  <c r="AH186" i="4"/>
  <c r="AH188" i="4"/>
  <c r="AH190" i="4"/>
  <c r="AH192" i="4"/>
  <c r="AH194" i="4"/>
  <c r="AH196" i="4"/>
  <c r="AH198" i="4"/>
  <c r="AH200" i="4"/>
  <c r="AH202" i="4"/>
  <c r="AH204" i="4"/>
  <c r="AH206" i="4"/>
  <c r="AH208" i="4"/>
  <c r="AH210" i="4"/>
  <c r="AH212" i="4"/>
  <c r="AH214" i="4"/>
  <c r="AH216" i="4"/>
  <c r="AH218" i="4"/>
  <c r="AH220" i="4"/>
  <c r="AH222" i="4"/>
  <c r="AH224" i="4"/>
  <c r="AH226" i="4"/>
  <c r="AH228" i="4"/>
  <c r="AH230" i="4"/>
  <c r="AH232" i="4"/>
  <c r="AH38" i="4"/>
  <c r="AH54" i="4"/>
  <c r="AH61" i="4"/>
  <c r="AH69" i="4"/>
  <c r="AH77" i="4"/>
  <c r="AH85" i="4"/>
  <c r="AH93" i="4"/>
  <c r="AH101" i="4"/>
  <c r="AH109" i="4"/>
  <c r="AH117" i="4"/>
  <c r="AH121" i="4"/>
  <c r="AH125" i="4"/>
  <c r="AH129" i="4"/>
  <c r="AH133" i="4"/>
  <c r="AH137" i="4"/>
  <c r="AH141" i="4"/>
  <c r="AH145" i="4"/>
  <c r="AH149" i="4"/>
  <c r="AH153" i="4"/>
  <c r="AH157" i="4"/>
  <c r="AH161" i="4"/>
  <c r="AH165" i="4"/>
  <c r="AH169" i="4"/>
  <c r="AH173" i="4"/>
  <c r="AH177" i="4"/>
  <c r="AH181" i="4"/>
  <c r="AH185" i="4"/>
  <c r="AH189" i="4"/>
  <c r="AH193" i="4"/>
  <c r="AH197" i="4"/>
  <c r="AH201" i="4"/>
  <c r="AH205" i="4"/>
  <c r="AH209" i="4"/>
  <c r="AH213" i="4"/>
  <c r="AH217" i="4"/>
  <c r="AH221" i="4"/>
  <c r="AH225" i="4"/>
  <c r="AH229" i="4"/>
  <c r="AH233" i="4"/>
  <c r="AH235" i="4"/>
  <c r="AH237" i="4"/>
  <c r="AH239" i="4"/>
  <c r="AH241" i="4"/>
  <c r="AH243" i="4"/>
  <c r="AH245" i="4"/>
  <c r="AH247" i="4"/>
  <c r="AH249" i="4"/>
  <c r="AH251" i="4"/>
  <c r="AH253" i="4"/>
  <c r="AH255" i="4"/>
  <c r="AH257" i="4"/>
  <c r="AH259" i="4"/>
  <c r="AH261" i="4"/>
  <c r="AH263" i="4"/>
  <c r="AH265" i="4"/>
  <c r="AH267" i="4"/>
  <c r="AH269" i="4"/>
  <c r="AH271" i="4"/>
  <c r="AH273" i="4"/>
  <c r="AH275" i="4"/>
  <c r="AH277" i="4"/>
  <c r="AH279" i="4"/>
  <c r="AH281" i="4"/>
  <c r="AH283" i="4"/>
  <c r="AH285" i="4"/>
  <c r="AH287" i="4"/>
  <c r="AH289" i="4"/>
  <c r="AH291" i="4"/>
  <c r="AH293" i="4"/>
  <c r="AH295" i="4"/>
  <c r="AH297" i="4"/>
  <c r="AH299" i="4"/>
  <c r="AH301" i="4"/>
  <c r="AH303" i="4"/>
  <c r="AH305" i="4"/>
  <c r="AH307" i="4"/>
  <c r="AH309" i="4"/>
  <c r="AH311" i="4"/>
  <c r="AH313" i="4"/>
  <c r="AH315" i="4"/>
  <c r="AH317" i="4"/>
  <c r="AH319" i="4"/>
  <c r="AH321" i="4"/>
  <c r="AH323" i="4"/>
  <c r="AH325" i="4"/>
  <c r="AH327" i="4"/>
  <c r="AH329" i="4"/>
  <c r="AH331" i="4"/>
  <c r="AH333" i="4"/>
  <c r="AH335" i="4"/>
  <c r="AH337" i="4"/>
  <c r="AH339" i="4"/>
  <c r="AH341" i="4"/>
  <c r="AH343" i="4"/>
  <c r="AH345" i="4"/>
  <c r="AH24" i="4"/>
  <c r="AH46" i="4"/>
  <c r="AH65" i="4"/>
  <c r="AH73" i="4"/>
  <c r="AH81" i="4"/>
  <c r="AH89" i="4"/>
  <c r="AH97" i="4"/>
  <c r="AH127" i="4"/>
  <c r="AH105" i="4"/>
  <c r="AH113" i="4"/>
  <c r="AH119" i="4"/>
  <c r="AH123" i="4"/>
  <c r="AH131" i="4"/>
  <c r="AH139" i="4"/>
  <c r="AH147" i="4"/>
  <c r="AH155" i="4"/>
  <c r="AH163" i="4"/>
  <c r="AH135" i="4"/>
  <c r="AH143" i="4"/>
  <c r="AH151" i="4"/>
  <c r="AH159" i="4"/>
  <c r="AH167" i="4"/>
  <c r="AH171" i="4"/>
  <c r="AH179" i="4"/>
  <c r="AH187" i="4"/>
  <c r="AH195" i="4"/>
  <c r="AH203" i="4"/>
  <c r="AH211" i="4"/>
  <c r="AH175" i="4"/>
  <c r="AH183" i="4"/>
  <c r="AH191" i="4"/>
  <c r="AH199" i="4"/>
  <c r="AH207" i="4"/>
  <c r="AH215" i="4"/>
  <c r="AH223" i="4"/>
  <c r="AH231" i="4"/>
  <c r="AH234" i="4"/>
  <c r="AH238" i="4"/>
  <c r="AH219" i="4"/>
  <c r="AH240" i="4"/>
  <c r="AH244" i="4"/>
  <c r="AH248" i="4"/>
  <c r="AH252" i="4"/>
  <c r="AH256" i="4"/>
  <c r="AH260" i="4"/>
  <c r="AH264" i="4"/>
  <c r="AH268" i="4"/>
  <c r="AH272" i="4"/>
  <c r="AH276" i="4"/>
  <c r="AH280" i="4"/>
  <c r="AH284" i="4"/>
  <c r="AH288" i="4"/>
  <c r="AH292" i="4"/>
  <c r="AH296" i="4"/>
  <c r="AH300" i="4"/>
  <c r="AH304" i="4"/>
  <c r="AH308" i="4"/>
  <c r="AH312" i="4"/>
  <c r="AH316" i="4"/>
  <c r="AH227" i="4"/>
  <c r="AH236" i="4"/>
  <c r="AH242" i="4"/>
  <c r="AH246" i="4"/>
  <c r="AH250" i="4"/>
  <c r="AH254" i="4"/>
  <c r="AH258" i="4"/>
  <c r="AH262" i="4"/>
  <c r="AH266" i="4"/>
  <c r="AH270" i="4"/>
  <c r="AH274" i="4"/>
  <c r="AH278" i="4"/>
  <c r="AH282" i="4"/>
  <c r="AH286" i="4"/>
  <c r="AH290" i="4"/>
  <c r="AH294" i="4"/>
  <c r="AH298" i="4"/>
  <c r="AH302" i="4"/>
  <c r="AH306" i="4"/>
  <c r="AF2" i="4"/>
  <c r="AF3" i="4"/>
  <c r="AF4" i="4"/>
  <c r="AF6" i="4"/>
  <c r="AF8" i="4"/>
  <c r="AF7" i="4"/>
  <c r="AF10" i="4"/>
  <c r="AF12" i="4"/>
  <c r="AF14" i="4"/>
  <c r="AF9" i="4"/>
  <c r="AF13" i="4"/>
  <c r="AF17" i="4"/>
  <c r="AF19" i="4"/>
  <c r="AF21" i="4"/>
  <c r="AF23" i="4"/>
  <c r="AF25" i="4"/>
  <c r="AF27" i="4"/>
  <c r="AF29" i="4"/>
  <c r="AF5" i="4"/>
  <c r="AF15" i="4"/>
  <c r="AF16" i="4"/>
  <c r="AF20" i="4"/>
  <c r="AF24" i="4"/>
  <c r="AF28" i="4"/>
  <c r="AF31" i="4"/>
  <c r="AF33" i="4"/>
  <c r="AF35" i="4"/>
  <c r="AF37" i="4"/>
  <c r="AF39" i="4"/>
  <c r="AF41" i="4"/>
  <c r="AF43" i="4"/>
  <c r="AF45" i="4"/>
  <c r="AF47" i="4"/>
  <c r="AF49" i="4"/>
  <c r="AF51" i="4"/>
  <c r="AF53" i="4"/>
  <c r="AF55" i="4"/>
  <c r="AF57" i="4"/>
  <c r="AF59" i="4"/>
  <c r="AF11" i="4"/>
  <c r="AF18" i="4"/>
  <c r="AF26" i="4"/>
  <c r="AF34" i="4"/>
  <c r="AF38" i="4"/>
  <c r="AF42" i="4"/>
  <c r="AF46" i="4"/>
  <c r="AF50" i="4"/>
  <c r="AF54" i="4"/>
  <c r="AF58" i="4"/>
  <c r="AF60" i="4"/>
  <c r="AF62" i="4"/>
  <c r="AF64" i="4"/>
  <c r="AF66" i="4"/>
  <c r="AF68" i="4"/>
  <c r="AF70" i="4"/>
  <c r="AF72" i="4"/>
  <c r="AF74" i="4"/>
  <c r="AF76" i="4"/>
  <c r="AF78" i="4"/>
  <c r="AF80" i="4"/>
  <c r="AF82" i="4"/>
  <c r="AF84" i="4"/>
  <c r="AF86" i="4"/>
  <c r="AF88" i="4"/>
  <c r="AF90" i="4"/>
  <c r="AF92" i="4"/>
  <c r="AF94" i="4"/>
  <c r="AF96" i="4"/>
  <c r="AF98" i="4"/>
  <c r="AF100" i="4"/>
  <c r="AF102" i="4"/>
  <c r="AF104" i="4"/>
  <c r="AF106" i="4"/>
  <c r="AF108" i="4"/>
  <c r="AF110" i="4"/>
  <c r="AF112" i="4"/>
  <c r="AF114" i="4"/>
  <c r="AF116" i="4"/>
  <c r="AF30" i="4"/>
  <c r="AF32" i="4"/>
  <c r="AF40" i="4"/>
  <c r="AF48" i="4"/>
  <c r="AF56" i="4"/>
  <c r="AF61" i="4"/>
  <c r="AF65" i="4"/>
  <c r="AF69" i="4"/>
  <c r="AF73" i="4"/>
  <c r="AF77" i="4"/>
  <c r="AF81" i="4"/>
  <c r="AF85" i="4"/>
  <c r="AF89" i="4"/>
  <c r="AF93" i="4"/>
  <c r="AF97" i="4"/>
  <c r="AF101" i="4"/>
  <c r="AF105" i="4"/>
  <c r="AF109" i="4"/>
  <c r="AF113" i="4"/>
  <c r="AF118" i="4"/>
  <c r="AF120" i="4"/>
  <c r="AF122" i="4"/>
  <c r="AF124" i="4"/>
  <c r="AF126" i="4"/>
  <c r="AF128" i="4"/>
  <c r="AF130" i="4"/>
  <c r="AF132" i="4"/>
  <c r="AF134" i="4"/>
  <c r="AF136" i="4"/>
  <c r="AF138" i="4"/>
  <c r="AF140" i="4"/>
  <c r="AF142" i="4"/>
  <c r="AF144" i="4"/>
  <c r="AF146" i="4"/>
  <c r="AF148" i="4"/>
  <c r="AF150" i="4"/>
  <c r="AF152" i="4"/>
  <c r="AF154" i="4"/>
  <c r="AF156" i="4"/>
  <c r="AF158" i="4"/>
  <c r="AF160" i="4"/>
  <c r="AF162" i="4"/>
  <c r="AF164" i="4"/>
  <c r="AF166" i="4"/>
  <c r="AF168" i="4"/>
  <c r="AF170" i="4"/>
  <c r="AF172" i="4"/>
  <c r="AF174" i="4"/>
  <c r="AF176" i="4"/>
  <c r="AF178" i="4"/>
  <c r="AF180" i="4"/>
  <c r="AF182" i="4"/>
  <c r="AF184" i="4"/>
  <c r="AF186" i="4"/>
  <c r="AF188" i="4"/>
  <c r="AF190" i="4"/>
  <c r="AF192" i="4"/>
  <c r="AF194" i="4"/>
  <c r="AF196" i="4"/>
  <c r="AF198" i="4"/>
  <c r="AF200" i="4"/>
  <c r="AF202" i="4"/>
  <c r="AF204" i="4"/>
  <c r="AF206" i="4"/>
  <c r="AF208" i="4"/>
  <c r="AF210" i="4"/>
  <c r="AF212" i="4"/>
  <c r="AF214" i="4"/>
  <c r="AF216" i="4"/>
  <c r="AF218" i="4"/>
  <c r="AF220" i="4"/>
  <c r="AF222" i="4"/>
  <c r="AF224" i="4"/>
  <c r="AF226" i="4"/>
  <c r="AF228" i="4"/>
  <c r="AF230" i="4"/>
  <c r="AF232" i="4"/>
  <c r="AF22" i="4"/>
  <c r="AF36" i="4"/>
  <c r="AF52" i="4"/>
  <c r="AF67" i="4"/>
  <c r="AF75" i="4"/>
  <c r="AF83" i="4"/>
  <c r="AF91" i="4"/>
  <c r="AF99" i="4"/>
  <c r="AF107" i="4"/>
  <c r="AF115" i="4"/>
  <c r="AF119" i="4"/>
  <c r="AF123" i="4"/>
  <c r="AF127" i="4"/>
  <c r="AF131" i="4"/>
  <c r="AF135" i="4"/>
  <c r="AF139" i="4"/>
  <c r="AF143" i="4"/>
  <c r="AF147" i="4"/>
  <c r="AF151" i="4"/>
  <c r="AF155" i="4"/>
  <c r="AF159" i="4"/>
  <c r="AF163" i="4"/>
  <c r="AF167" i="4"/>
  <c r="AF171" i="4"/>
  <c r="AF175" i="4"/>
  <c r="AF179" i="4"/>
  <c r="AF183" i="4"/>
  <c r="AF187" i="4"/>
  <c r="AF191" i="4"/>
  <c r="AF195" i="4"/>
  <c r="AF199" i="4"/>
  <c r="AF203" i="4"/>
  <c r="AF207" i="4"/>
  <c r="AF211" i="4"/>
  <c r="AF215" i="4"/>
  <c r="AF219" i="4"/>
  <c r="AF223" i="4"/>
  <c r="AF227" i="4"/>
  <c r="AF231" i="4"/>
  <c r="AF233" i="4"/>
  <c r="AF235" i="4"/>
  <c r="AF237" i="4"/>
  <c r="AF239" i="4"/>
  <c r="AF241" i="4"/>
  <c r="AF243" i="4"/>
  <c r="AF245" i="4"/>
  <c r="AF247" i="4"/>
  <c r="AF249" i="4"/>
  <c r="AF251" i="4"/>
  <c r="AF253" i="4"/>
  <c r="AF255" i="4"/>
  <c r="AF257" i="4"/>
  <c r="AF259" i="4"/>
  <c r="AF261" i="4"/>
  <c r="AF263" i="4"/>
  <c r="AF265" i="4"/>
  <c r="AF267" i="4"/>
  <c r="AF269" i="4"/>
  <c r="AF271" i="4"/>
  <c r="AF273" i="4"/>
  <c r="AF275" i="4"/>
  <c r="AF277" i="4"/>
  <c r="AF279" i="4"/>
  <c r="AF281" i="4"/>
  <c r="AF283" i="4"/>
  <c r="AF285" i="4"/>
  <c r="AF287" i="4"/>
  <c r="AF289" i="4"/>
  <c r="AF291" i="4"/>
  <c r="AF293" i="4"/>
  <c r="AF295" i="4"/>
  <c r="AF297" i="4"/>
  <c r="AF299" i="4"/>
  <c r="AF301" i="4"/>
  <c r="AF303" i="4"/>
  <c r="AF305" i="4"/>
  <c r="AF307" i="4"/>
  <c r="AF309" i="4"/>
  <c r="AF311" i="4"/>
  <c r="AF313" i="4"/>
  <c r="AF315" i="4"/>
  <c r="AF317" i="4"/>
  <c r="AF319" i="4"/>
  <c r="AF321" i="4"/>
  <c r="AF323" i="4"/>
  <c r="AF325" i="4"/>
  <c r="AF327" i="4"/>
  <c r="AF329" i="4"/>
  <c r="AF331" i="4"/>
  <c r="AF333" i="4"/>
  <c r="AF335" i="4"/>
  <c r="AF337" i="4"/>
  <c r="AF339" i="4"/>
  <c r="AF341" i="4"/>
  <c r="AF343" i="4"/>
  <c r="AF345" i="4"/>
  <c r="AF44" i="4"/>
  <c r="AF63" i="4"/>
  <c r="AF71" i="4"/>
  <c r="AF79" i="4"/>
  <c r="AF87" i="4"/>
  <c r="AF95" i="4"/>
  <c r="AF103" i="4"/>
  <c r="AF117" i="4"/>
  <c r="AF129" i="4"/>
  <c r="AF111" i="4"/>
  <c r="AF121" i="4"/>
  <c r="AF125" i="4"/>
  <c r="AF137" i="4"/>
  <c r="AF145" i="4"/>
  <c r="AF153" i="4"/>
  <c r="AF161" i="4"/>
  <c r="AF169" i="4"/>
  <c r="AF133" i="4"/>
  <c r="AF141" i="4"/>
  <c r="AF149" i="4"/>
  <c r="AF157" i="4"/>
  <c r="AF165" i="4"/>
  <c r="AF177" i="4"/>
  <c r="AF185" i="4"/>
  <c r="AF193" i="4"/>
  <c r="AF201" i="4"/>
  <c r="AF209" i="4"/>
  <c r="AF173" i="4"/>
  <c r="AF181" i="4"/>
  <c r="AF189" i="4"/>
  <c r="AF197" i="4"/>
  <c r="AF205" i="4"/>
  <c r="AF213" i="4"/>
  <c r="AF221" i="4"/>
  <c r="AF229" i="4"/>
  <c r="AF236" i="4"/>
  <c r="AF240" i="4"/>
  <c r="AF225" i="4"/>
  <c r="AF238" i="4"/>
  <c r="AF242" i="4"/>
  <c r="AF246" i="4"/>
  <c r="AF250" i="4"/>
  <c r="AF254" i="4"/>
  <c r="AF258" i="4"/>
  <c r="AF262" i="4"/>
  <c r="AF266" i="4"/>
  <c r="AF270" i="4"/>
  <c r="AF274" i="4"/>
  <c r="AF278" i="4"/>
  <c r="AF282" i="4"/>
  <c r="AF286" i="4"/>
  <c r="AF290" i="4"/>
  <c r="AF294" i="4"/>
  <c r="AF298" i="4"/>
  <c r="AF302" i="4"/>
  <c r="AF306" i="4"/>
  <c r="AF310" i="4"/>
  <c r="AF314" i="4"/>
  <c r="AF217" i="4"/>
  <c r="AF234" i="4"/>
  <c r="AF244" i="4"/>
  <c r="AF248" i="4"/>
  <c r="AF252" i="4"/>
  <c r="AF256" i="4"/>
  <c r="AF260" i="4"/>
  <c r="AF264" i="4"/>
  <c r="AF268" i="4"/>
  <c r="AF272" i="4"/>
  <c r="AF276" i="4"/>
  <c r="AF280" i="4"/>
  <c r="AF284" i="4"/>
  <c r="AF288" i="4"/>
  <c r="AF292" i="4"/>
  <c r="AF296" i="4"/>
  <c r="AF300" i="4"/>
  <c r="AF304" i="4"/>
  <c r="AF308" i="4"/>
  <c r="AD2" i="4"/>
  <c r="AD3" i="4"/>
  <c r="AD6" i="4"/>
  <c r="AD8" i="4"/>
  <c r="AD4" i="4"/>
  <c r="AD5" i="4"/>
  <c r="AD10" i="4"/>
  <c r="AD12" i="4"/>
  <c r="AD14" i="4"/>
  <c r="AD7" i="4"/>
  <c r="AD11" i="4"/>
  <c r="AD15" i="4"/>
  <c r="AD17" i="4"/>
  <c r="AD19" i="4"/>
  <c r="AD21" i="4"/>
  <c r="AD23" i="4"/>
  <c r="AD25" i="4"/>
  <c r="AD27" i="4"/>
  <c r="AD29" i="4"/>
  <c r="AD13" i="4"/>
  <c r="AD18" i="4"/>
  <c r="AD22" i="4"/>
  <c r="AD26" i="4"/>
  <c r="AD30" i="4"/>
  <c r="AD31" i="4"/>
  <c r="AD33" i="4"/>
  <c r="AD35" i="4"/>
  <c r="AD37" i="4"/>
  <c r="AD39" i="4"/>
  <c r="AD41" i="4"/>
  <c r="AD43" i="4"/>
  <c r="AD45" i="4"/>
  <c r="AD47" i="4"/>
  <c r="AD49" i="4"/>
  <c r="AD51" i="4"/>
  <c r="AD53" i="4"/>
  <c r="AD55" i="4"/>
  <c r="AD57" i="4"/>
  <c r="AD59" i="4"/>
  <c r="AD9" i="4"/>
  <c r="AD16" i="4"/>
  <c r="AD24" i="4"/>
  <c r="AD32" i="4"/>
  <c r="AD36" i="4"/>
  <c r="AD40" i="4"/>
  <c r="AD44" i="4"/>
  <c r="AD48" i="4"/>
  <c r="AD52" i="4"/>
  <c r="AD56" i="4"/>
  <c r="AD60" i="4"/>
  <c r="AD62" i="4"/>
  <c r="AD64" i="4"/>
  <c r="AD66" i="4"/>
  <c r="AD68" i="4"/>
  <c r="AD70" i="4"/>
  <c r="AD72" i="4"/>
  <c r="AD74" i="4"/>
  <c r="AD76" i="4"/>
  <c r="AD78" i="4"/>
  <c r="AD80" i="4"/>
  <c r="AD82" i="4"/>
  <c r="AD84" i="4"/>
  <c r="AD86" i="4"/>
  <c r="AD88" i="4"/>
  <c r="AD90" i="4"/>
  <c r="AD92" i="4"/>
  <c r="AD94" i="4"/>
  <c r="AD96" i="4"/>
  <c r="AD98" i="4"/>
  <c r="AD100" i="4"/>
  <c r="AD102" i="4"/>
  <c r="AD104" i="4"/>
  <c r="AD106" i="4"/>
  <c r="AD108" i="4"/>
  <c r="AD110" i="4"/>
  <c r="AD112" i="4"/>
  <c r="AD114" i="4"/>
  <c r="AD116" i="4"/>
  <c r="AD28" i="4"/>
  <c r="AD38" i="4"/>
  <c r="AD46" i="4"/>
  <c r="AD54" i="4"/>
  <c r="AD63" i="4"/>
  <c r="AD67" i="4"/>
  <c r="AD71" i="4"/>
  <c r="AD75" i="4"/>
  <c r="AD79" i="4"/>
  <c r="AD83" i="4"/>
  <c r="AD87" i="4"/>
  <c r="AD91" i="4"/>
  <c r="AD95" i="4"/>
  <c r="AD99" i="4"/>
  <c r="AD103" i="4"/>
  <c r="AD107" i="4"/>
  <c r="AD111" i="4"/>
  <c r="AD115" i="4"/>
  <c r="AD118" i="4"/>
  <c r="AD120" i="4"/>
  <c r="AD122" i="4"/>
  <c r="AD124" i="4"/>
  <c r="AD126" i="4"/>
  <c r="AD128" i="4"/>
  <c r="AD130" i="4"/>
  <c r="AD132" i="4"/>
  <c r="AD134" i="4"/>
  <c r="AD136" i="4"/>
  <c r="AD138" i="4"/>
  <c r="AD140" i="4"/>
  <c r="AD142" i="4"/>
  <c r="AD144" i="4"/>
  <c r="AD146" i="4"/>
  <c r="AD148" i="4"/>
  <c r="AD150" i="4"/>
  <c r="AD152" i="4"/>
  <c r="AD154" i="4"/>
  <c r="AD156" i="4"/>
  <c r="AD158" i="4"/>
  <c r="AD160" i="4"/>
  <c r="AD162" i="4"/>
  <c r="AD164" i="4"/>
  <c r="AD166" i="4"/>
  <c r="AD168" i="4"/>
  <c r="AD170" i="4"/>
  <c r="AD172" i="4"/>
  <c r="AD174" i="4"/>
  <c r="AD176" i="4"/>
  <c r="AD178" i="4"/>
  <c r="AD180" i="4"/>
  <c r="AD182" i="4"/>
  <c r="AD184" i="4"/>
  <c r="AD186" i="4"/>
  <c r="AD188" i="4"/>
  <c r="AD190" i="4"/>
  <c r="AD192" i="4"/>
  <c r="AD194" i="4"/>
  <c r="AD196" i="4"/>
  <c r="AD198" i="4"/>
  <c r="AD200" i="4"/>
  <c r="AD202" i="4"/>
  <c r="AD204" i="4"/>
  <c r="AD206" i="4"/>
  <c r="AD208" i="4"/>
  <c r="AD210" i="4"/>
  <c r="AD212" i="4"/>
  <c r="AD214" i="4"/>
  <c r="AD216" i="4"/>
  <c r="AD218" i="4"/>
  <c r="AD220" i="4"/>
  <c r="AD222" i="4"/>
  <c r="AD224" i="4"/>
  <c r="AD226" i="4"/>
  <c r="AD228" i="4"/>
  <c r="AD230" i="4"/>
  <c r="AD232" i="4"/>
  <c r="AD34" i="4"/>
  <c r="AD50" i="4"/>
  <c r="AD65" i="4"/>
  <c r="AD73" i="4"/>
  <c r="AD81" i="4"/>
  <c r="AD89" i="4"/>
  <c r="AD97" i="4"/>
  <c r="AD105" i="4"/>
  <c r="AD113" i="4"/>
  <c r="AD117" i="4"/>
  <c r="AD121" i="4"/>
  <c r="AD125" i="4"/>
  <c r="AD129" i="4"/>
  <c r="AD133" i="4"/>
  <c r="AD137" i="4"/>
  <c r="AD141" i="4"/>
  <c r="AD145" i="4"/>
  <c r="AD149" i="4"/>
  <c r="AD153" i="4"/>
  <c r="AD157" i="4"/>
  <c r="AD161" i="4"/>
  <c r="AD165" i="4"/>
  <c r="AD169" i="4"/>
  <c r="AD173" i="4"/>
  <c r="AD177" i="4"/>
  <c r="AD181" i="4"/>
  <c r="AD185" i="4"/>
  <c r="AD189" i="4"/>
  <c r="AD193" i="4"/>
  <c r="AD197" i="4"/>
  <c r="AD201" i="4"/>
  <c r="AD205" i="4"/>
  <c r="AD209" i="4"/>
  <c r="AD213" i="4"/>
  <c r="AD217" i="4"/>
  <c r="AD221" i="4"/>
  <c r="AD225" i="4"/>
  <c r="AD229" i="4"/>
  <c r="AD233" i="4"/>
  <c r="AD235" i="4"/>
  <c r="AD237" i="4"/>
  <c r="AD239" i="4"/>
  <c r="AD241" i="4"/>
  <c r="AD243" i="4"/>
  <c r="AD245" i="4"/>
  <c r="AD247" i="4"/>
  <c r="AD249" i="4"/>
  <c r="AD251" i="4"/>
  <c r="AD253" i="4"/>
  <c r="AD255" i="4"/>
  <c r="AD257" i="4"/>
  <c r="AD259" i="4"/>
  <c r="AD261" i="4"/>
  <c r="AD263" i="4"/>
  <c r="AD265" i="4"/>
  <c r="AD267" i="4"/>
  <c r="AD269" i="4"/>
  <c r="AD271" i="4"/>
  <c r="AD273" i="4"/>
  <c r="AD275" i="4"/>
  <c r="AD277" i="4"/>
  <c r="AD279" i="4"/>
  <c r="AD281" i="4"/>
  <c r="AD283" i="4"/>
  <c r="AD285" i="4"/>
  <c r="AD287" i="4"/>
  <c r="AD289" i="4"/>
  <c r="AD291" i="4"/>
  <c r="AD293" i="4"/>
  <c r="AD295" i="4"/>
  <c r="AD297" i="4"/>
  <c r="AD299" i="4"/>
  <c r="AD301" i="4"/>
  <c r="AD303" i="4"/>
  <c r="AD305" i="4"/>
  <c r="AD307" i="4"/>
  <c r="AD309" i="4"/>
  <c r="AD311" i="4"/>
  <c r="AD313" i="4"/>
  <c r="AD315" i="4"/>
  <c r="AD317" i="4"/>
  <c r="AD319" i="4"/>
  <c r="AD321" i="4"/>
  <c r="AD323" i="4"/>
  <c r="AD325" i="4"/>
  <c r="AD327" i="4"/>
  <c r="AD329" i="4"/>
  <c r="AD331" i="4"/>
  <c r="AD333" i="4"/>
  <c r="AD335" i="4"/>
  <c r="AD337" i="4"/>
  <c r="AD339" i="4"/>
  <c r="AD341" i="4"/>
  <c r="AD343" i="4"/>
  <c r="AD345" i="4"/>
  <c r="AD20" i="4"/>
  <c r="AD42" i="4"/>
  <c r="AD58" i="4"/>
  <c r="AD61" i="4"/>
  <c r="AD69" i="4"/>
  <c r="AD77" i="4"/>
  <c r="AD85" i="4"/>
  <c r="AD93" i="4"/>
  <c r="AD101" i="4"/>
  <c r="AD109" i="4"/>
  <c r="AD127" i="4"/>
  <c r="AD119" i="4"/>
  <c r="AD123" i="4"/>
  <c r="AD135" i="4"/>
  <c r="AD143" i="4"/>
  <c r="AD151" i="4"/>
  <c r="AD159" i="4"/>
  <c r="AD167" i="4"/>
  <c r="AD131" i="4"/>
  <c r="AD139" i="4"/>
  <c r="AD147" i="4"/>
  <c r="AD155" i="4"/>
  <c r="AD163" i="4"/>
  <c r="AD175" i="4"/>
  <c r="AD183" i="4"/>
  <c r="AD191" i="4"/>
  <c r="AD199" i="4"/>
  <c r="AD207" i="4"/>
  <c r="AD171" i="4"/>
  <c r="AD179" i="4"/>
  <c r="AD187" i="4"/>
  <c r="AD195" i="4"/>
  <c r="AD203" i="4"/>
  <c r="AD211" i="4"/>
  <c r="AD219" i="4"/>
  <c r="AD227" i="4"/>
  <c r="AD234" i="4"/>
  <c r="AD238" i="4"/>
  <c r="AD215" i="4"/>
  <c r="AD231" i="4"/>
  <c r="AD236" i="4"/>
  <c r="AD244" i="4"/>
  <c r="AD248" i="4"/>
  <c r="AD252" i="4"/>
  <c r="AD256" i="4"/>
  <c r="AD260" i="4"/>
  <c r="AD264" i="4"/>
  <c r="AD268" i="4"/>
  <c r="AD272" i="4"/>
  <c r="AD276" i="4"/>
  <c r="AD280" i="4"/>
  <c r="AD284" i="4"/>
  <c r="AD288" i="4"/>
  <c r="AD292" i="4"/>
  <c r="AD296" i="4"/>
  <c r="AD300" i="4"/>
  <c r="AD304" i="4"/>
  <c r="AD308" i="4"/>
  <c r="AD312" i="4"/>
  <c r="AD316" i="4"/>
  <c r="AD223" i="4"/>
  <c r="AD240" i="4"/>
  <c r="AD242" i="4"/>
  <c r="AD246" i="4"/>
  <c r="AD250" i="4"/>
  <c r="AD254" i="4"/>
  <c r="AD258" i="4"/>
  <c r="AD262" i="4"/>
  <c r="AD266" i="4"/>
  <c r="AD270" i="4"/>
  <c r="AD274" i="4"/>
  <c r="AD278" i="4"/>
  <c r="AD282" i="4"/>
  <c r="AD286" i="4"/>
  <c r="AD290" i="4"/>
  <c r="AD294" i="4"/>
  <c r="AD298" i="4"/>
  <c r="AD302" i="4"/>
  <c r="AD306" i="4"/>
  <c r="AB2" i="4"/>
  <c r="AB3" i="4"/>
  <c r="AB5" i="4"/>
  <c r="AB4" i="4"/>
  <c r="AB6" i="4"/>
  <c r="AB8" i="4"/>
  <c r="AB7" i="4"/>
  <c r="AB10" i="4"/>
  <c r="AB12" i="4"/>
  <c r="AB14" i="4"/>
  <c r="AB9" i="4"/>
  <c r="AB13" i="4"/>
  <c r="AB17" i="4"/>
  <c r="AB19" i="4"/>
  <c r="AB21" i="4"/>
  <c r="AB23" i="4"/>
  <c r="AB25" i="4"/>
  <c r="AB27" i="4"/>
  <c r="AB29" i="4"/>
  <c r="AB11" i="4"/>
  <c r="AB16" i="4"/>
  <c r="AB20" i="4"/>
  <c r="AB24" i="4"/>
  <c r="AB28" i="4"/>
  <c r="AB31" i="4"/>
  <c r="AB33" i="4"/>
  <c r="AB35" i="4"/>
  <c r="AB37" i="4"/>
  <c r="AB39" i="4"/>
  <c r="AB41" i="4"/>
  <c r="AB43" i="4"/>
  <c r="AB45" i="4"/>
  <c r="AB47" i="4"/>
  <c r="AB49" i="4"/>
  <c r="AB51" i="4"/>
  <c r="AB53" i="4"/>
  <c r="AB55" i="4"/>
  <c r="AB57" i="4"/>
  <c r="AB59" i="4"/>
  <c r="AB22" i="4"/>
  <c r="AB30" i="4"/>
  <c r="AB34" i="4"/>
  <c r="AB38" i="4"/>
  <c r="AB42" i="4"/>
  <c r="AB46" i="4"/>
  <c r="AB50" i="4"/>
  <c r="AB54" i="4"/>
  <c r="AB58" i="4"/>
  <c r="AB60" i="4"/>
  <c r="AB62" i="4"/>
  <c r="AB64" i="4"/>
  <c r="AB66" i="4"/>
  <c r="AB68" i="4"/>
  <c r="AB70" i="4"/>
  <c r="AB72" i="4"/>
  <c r="AB74" i="4"/>
  <c r="AB76" i="4"/>
  <c r="AB78" i="4"/>
  <c r="AB80" i="4"/>
  <c r="AB82" i="4"/>
  <c r="AB84" i="4"/>
  <c r="AB86" i="4"/>
  <c r="AB88" i="4"/>
  <c r="AB90" i="4"/>
  <c r="AB92" i="4"/>
  <c r="AB94" i="4"/>
  <c r="AB96" i="4"/>
  <c r="AB98" i="4"/>
  <c r="AB100" i="4"/>
  <c r="AB102" i="4"/>
  <c r="AB104" i="4"/>
  <c r="AB106" i="4"/>
  <c r="AB108" i="4"/>
  <c r="AB110" i="4"/>
  <c r="AB112" i="4"/>
  <c r="AB114" i="4"/>
  <c r="AB116" i="4"/>
  <c r="AB15" i="4"/>
  <c r="AB26" i="4"/>
  <c r="AB36" i="4"/>
  <c r="AB44" i="4"/>
  <c r="AB52" i="4"/>
  <c r="AB61" i="4"/>
  <c r="AB65" i="4"/>
  <c r="AB69" i="4"/>
  <c r="AB73" i="4"/>
  <c r="AB77" i="4"/>
  <c r="AB81" i="4"/>
  <c r="AB85" i="4"/>
  <c r="AB89" i="4"/>
  <c r="AB93" i="4"/>
  <c r="AB97" i="4"/>
  <c r="AB101" i="4"/>
  <c r="AB105" i="4"/>
  <c r="AB109" i="4"/>
  <c r="AB113" i="4"/>
  <c r="AB118" i="4"/>
  <c r="AB120" i="4"/>
  <c r="AB122" i="4"/>
  <c r="AB124" i="4"/>
  <c r="AB126" i="4"/>
  <c r="AB128" i="4"/>
  <c r="AB130" i="4"/>
  <c r="AB132" i="4"/>
  <c r="AB134" i="4"/>
  <c r="AB136" i="4"/>
  <c r="AB138" i="4"/>
  <c r="AB140" i="4"/>
  <c r="AB142" i="4"/>
  <c r="AB144" i="4"/>
  <c r="AB146" i="4"/>
  <c r="AB148" i="4"/>
  <c r="AB150" i="4"/>
  <c r="AB152" i="4"/>
  <c r="AB154" i="4"/>
  <c r="AB156" i="4"/>
  <c r="AB158" i="4"/>
  <c r="AB160" i="4"/>
  <c r="AB162" i="4"/>
  <c r="AB164" i="4"/>
  <c r="AB166" i="4"/>
  <c r="AB168" i="4"/>
  <c r="AB170" i="4"/>
  <c r="AB172" i="4"/>
  <c r="AB174" i="4"/>
  <c r="AB176" i="4"/>
  <c r="AB178" i="4"/>
  <c r="AB180" i="4"/>
  <c r="AB182" i="4"/>
  <c r="AB184" i="4"/>
  <c r="AB186" i="4"/>
  <c r="AB188" i="4"/>
  <c r="AB190" i="4"/>
  <c r="AB192" i="4"/>
  <c r="AB194" i="4"/>
  <c r="AB196" i="4"/>
  <c r="AB198" i="4"/>
  <c r="AB200" i="4"/>
  <c r="AB202" i="4"/>
  <c r="AB204" i="4"/>
  <c r="AB206" i="4"/>
  <c r="AB208" i="4"/>
  <c r="AB210" i="4"/>
  <c r="AB212" i="4"/>
  <c r="AB214" i="4"/>
  <c r="AB216" i="4"/>
  <c r="AB218" i="4"/>
  <c r="AB220" i="4"/>
  <c r="AB222" i="4"/>
  <c r="AB224" i="4"/>
  <c r="AB226" i="4"/>
  <c r="AB228" i="4"/>
  <c r="AB230" i="4"/>
  <c r="AB232" i="4"/>
  <c r="AB18" i="4"/>
  <c r="AB32" i="4"/>
  <c r="AB48" i="4"/>
  <c r="AB63" i="4"/>
  <c r="AB71" i="4"/>
  <c r="AB79" i="4"/>
  <c r="AB87" i="4"/>
  <c r="AB95" i="4"/>
  <c r="AB103" i="4"/>
  <c r="AB111" i="4"/>
  <c r="AB119" i="4"/>
  <c r="AB123" i="4"/>
  <c r="AB127" i="4"/>
  <c r="AB131" i="4"/>
  <c r="AB135" i="4"/>
  <c r="AB139" i="4"/>
  <c r="AB143" i="4"/>
  <c r="AB147" i="4"/>
  <c r="AB151" i="4"/>
  <c r="AB155" i="4"/>
  <c r="AB159" i="4"/>
  <c r="AB163" i="4"/>
  <c r="AB167" i="4"/>
  <c r="AB171" i="4"/>
  <c r="AB175" i="4"/>
  <c r="AB179" i="4"/>
  <c r="AB183" i="4"/>
  <c r="AB187" i="4"/>
  <c r="AB191" i="4"/>
  <c r="AB195" i="4"/>
  <c r="AB199" i="4"/>
  <c r="AB203" i="4"/>
  <c r="AB207" i="4"/>
  <c r="AB211" i="4"/>
  <c r="AB215" i="4"/>
  <c r="AB219" i="4"/>
  <c r="AB223" i="4"/>
  <c r="AB227" i="4"/>
  <c r="AB231" i="4"/>
  <c r="AB233" i="4"/>
  <c r="AB235" i="4"/>
  <c r="AB237" i="4"/>
  <c r="AB239" i="4"/>
  <c r="AB241" i="4"/>
  <c r="AB243" i="4"/>
  <c r="AB245" i="4"/>
  <c r="AB247" i="4"/>
  <c r="AB249" i="4"/>
  <c r="AB251" i="4"/>
  <c r="AB253" i="4"/>
  <c r="AB255" i="4"/>
  <c r="AB257" i="4"/>
  <c r="AB259" i="4"/>
  <c r="AB261" i="4"/>
  <c r="AB263" i="4"/>
  <c r="AB265" i="4"/>
  <c r="AB267" i="4"/>
  <c r="AB269" i="4"/>
  <c r="AB271" i="4"/>
  <c r="AB273" i="4"/>
  <c r="AB275" i="4"/>
  <c r="AB277" i="4"/>
  <c r="AB279" i="4"/>
  <c r="AB281" i="4"/>
  <c r="AB283" i="4"/>
  <c r="AB285" i="4"/>
  <c r="AB287" i="4"/>
  <c r="AB289" i="4"/>
  <c r="AB291" i="4"/>
  <c r="AB293" i="4"/>
  <c r="AB295" i="4"/>
  <c r="AB297" i="4"/>
  <c r="AB299" i="4"/>
  <c r="AB301" i="4"/>
  <c r="AB303" i="4"/>
  <c r="AB305" i="4"/>
  <c r="AB307" i="4"/>
  <c r="AB309" i="4"/>
  <c r="AB311" i="4"/>
  <c r="AB313" i="4"/>
  <c r="AB315" i="4"/>
  <c r="AB317" i="4"/>
  <c r="AB319" i="4"/>
  <c r="AB321" i="4"/>
  <c r="AB323" i="4"/>
  <c r="AB325" i="4"/>
  <c r="AB327" i="4"/>
  <c r="AB329" i="4"/>
  <c r="AB331" i="4"/>
  <c r="AB333" i="4"/>
  <c r="AB335" i="4"/>
  <c r="AB337" i="4"/>
  <c r="AB339" i="4"/>
  <c r="AB341" i="4"/>
  <c r="AB343" i="4"/>
  <c r="AB345" i="4"/>
  <c r="AB40" i="4"/>
  <c r="AB56" i="4"/>
  <c r="AB67" i="4"/>
  <c r="AB75" i="4"/>
  <c r="AB83" i="4"/>
  <c r="AB91" i="4"/>
  <c r="AB99" i="4"/>
  <c r="AB107" i="4"/>
  <c r="AB115" i="4"/>
  <c r="AB117" i="4"/>
  <c r="AB129" i="4"/>
  <c r="AB121" i="4"/>
  <c r="AB125" i="4"/>
  <c r="AB133" i="4"/>
  <c r="AB141" i="4"/>
  <c r="AB149" i="4"/>
  <c r="AB157" i="4"/>
  <c r="AB165" i="4"/>
  <c r="AB137" i="4"/>
  <c r="AB145" i="4"/>
  <c r="AB153" i="4"/>
  <c r="AB161" i="4"/>
  <c r="AB169" i="4"/>
  <c r="AB173" i="4"/>
  <c r="AB181" i="4"/>
  <c r="AB189" i="4"/>
  <c r="AB197" i="4"/>
  <c r="AB205" i="4"/>
  <c r="AB213" i="4"/>
  <c r="AB177" i="4"/>
  <c r="AB185" i="4"/>
  <c r="AB193" i="4"/>
  <c r="AB201" i="4"/>
  <c r="AB209" i="4"/>
  <c r="AB217" i="4"/>
  <c r="AB225" i="4"/>
  <c r="AB236" i="4"/>
  <c r="AB240" i="4"/>
  <c r="AB221" i="4"/>
  <c r="AB234" i="4"/>
  <c r="AB242" i="4"/>
  <c r="AB246" i="4"/>
  <c r="AB250" i="4"/>
  <c r="AB254" i="4"/>
  <c r="AB258" i="4"/>
  <c r="AB262" i="4"/>
  <c r="AB266" i="4"/>
  <c r="AB270" i="4"/>
  <c r="AB274" i="4"/>
  <c r="AB278" i="4"/>
  <c r="AB282" i="4"/>
  <c r="AB286" i="4"/>
  <c r="AB290" i="4"/>
  <c r="AB294" i="4"/>
  <c r="AB298" i="4"/>
  <c r="AB302" i="4"/>
  <c r="AB306" i="4"/>
  <c r="AB310" i="4"/>
  <c r="AB314" i="4"/>
  <c r="AB229" i="4"/>
  <c r="AB238" i="4"/>
  <c r="AB244" i="4"/>
  <c r="AB248" i="4"/>
  <c r="AB252" i="4"/>
  <c r="AB256" i="4"/>
  <c r="AB260" i="4"/>
  <c r="AB264" i="4"/>
  <c r="AB268" i="4"/>
  <c r="AB272" i="4"/>
  <c r="AB276" i="4"/>
  <c r="AB280" i="4"/>
  <c r="AB284" i="4"/>
  <c r="AB288" i="4"/>
  <c r="AB292" i="4"/>
  <c r="AB296" i="4"/>
  <c r="AB300" i="4"/>
  <c r="AB304" i="4"/>
  <c r="AB308" i="4"/>
  <c r="Z2" i="4"/>
  <c r="Z3" i="4"/>
  <c r="Z5" i="4"/>
  <c r="Z6" i="4"/>
  <c r="Z8" i="4"/>
  <c r="Z10" i="4"/>
  <c r="Z12" i="4"/>
  <c r="Z14" i="4"/>
  <c r="Z11" i="4"/>
  <c r="Z15" i="4"/>
  <c r="Z17" i="4"/>
  <c r="Z19" i="4"/>
  <c r="Z21" i="4"/>
  <c r="Z23" i="4"/>
  <c r="Z25" i="4"/>
  <c r="Z27" i="4"/>
  <c r="Z29" i="4"/>
  <c r="Z9" i="4"/>
  <c r="Z18" i="4"/>
  <c r="Z22" i="4"/>
  <c r="Z26" i="4"/>
  <c r="Z30" i="4"/>
  <c r="Z31" i="4"/>
  <c r="Z33" i="4"/>
  <c r="Z35" i="4"/>
  <c r="Z37" i="4"/>
  <c r="Z39" i="4"/>
  <c r="Z41" i="4"/>
  <c r="Z43" i="4"/>
  <c r="Z45" i="4"/>
  <c r="Z47" i="4"/>
  <c r="Z49" i="4"/>
  <c r="Z51" i="4"/>
  <c r="Z53" i="4"/>
  <c r="Z55" i="4"/>
  <c r="Z57" i="4"/>
  <c r="Z59" i="4"/>
  <c r="Z4" i="4"/>
  <c r="Z20" i="4"/>
  <c r="Z28" i="4"/>
  <c r="Z32" i="4"/>
  <c r="Z36" i="4"/>
  <c r="Z40" i="4"/>
  <c r="Z44" i="4"/>
  <c r="Z48" i="4"/>
  <c r="Z52" i="4"/>
  <c r="Z56" i="4"/>
  <c r="Z60" i="4"/>
  <c r="Z62" i="4"/>
  <c r="Z64" i="4"/>
  <c r="Z66" i="4"/>
  <c r="Z68" i="4"/>
  <c r="Z70" i="4"/>
  <c r="Z72" i="4"/>
  <c r="Z74" i="4"/>
  <c r="Z76" i="4"/>
  <c r="Z78" i="4"/>
  <c r="Z80" i="4"/>
  <c r="Z82" i="4"/>
  <c r="Z84" i="4"/>
  <c r="Z86" i="4"/>
  <c r="Z88" i="4"/>
  <c r="Z90" i="4"/>
  <c r="Z92" i="4"/>
  <c r="Z94" i="4"/>
  <c r="Z96" i="4"/>
  <c r="Z98" i="4"/>
  <c r="Z100" i="4"/>
  <c r="Z102" i="4"/>
  <c r="Z104" i="4"/>
  <c r="Z106" i="4"/>
  <c r="Z108" i="4"/>
  <c r="Z110" i="4"/>
  <c r="Z112" i="4"/>
  <c r="Z114" i="4"/>
  <c r="Z116" i="4"/>
  <c r="Z7" i="4"/>
  <c r="Z24" i="4"/>
  <c r="Z34" i="4"/>
  <c r="Z42" i="4"/>
  <c r="Z50" i="4"/>
  <c r="Z58" i="4"/>
  <c r="Z63" i="4"/>
  <c r="Z67" i="4"/>
  <c r="Z71" i="4"/>
  <c r="Z75" i="4"/>
  <c r="Z79" i="4"/>
  <c r="Z83" i="4"/>
  <c r="Z87" i="4"/>
  <c r="Z91" i="4"/>
  <c r="Z95" i="4"/>
  <c r="Z99" i="4"/>
  <c r="Z103" i="4"/>
  <c r="Z107" i="4"/>
  <c r="Z111" i="4"/>
  <c r="Z115" i="4"/>
  <c r="Z118" i="4"/>
  <c r="Z120" i="4"/>
  <c r="Z122" i="4"/>
  <c r="Z124" i="4"/>
  <c r="Z126" i="4"/>
  <c r="Z128" i="4"/>
  <c r="Z130" i="4"/>
  <c r="Z132" i="4"/>
  <c r="Z134" i="4"/>
  <c r="Z136" i="4"/>
  <c r="Z138" i="4"/>
  <c r="Z140" i="4"/>
  <c r="Z142" i="4"/>
  <c r="Z144" i="4"/>
  <c r="Z146" i="4"/>
  <c r="Z148" i="4"/>
  <c r="Z150" i="4"/>
  <c r="Z152" i="4"/>
  <c r="Z154" i="4"/>
  <c r="Z156" i="4"/>
  <c r="Z158" i="4"/>
  <c r="Z160" i="4"/>
  <c r="Z162" i="4"/>
  <c r="Z164" i="4"/>
  <c r="Z166" i="4"/>
  <c r="Z168" i="4"/>
  <c r="Z170" i="4"/>
  <c r="Z172" i="4"/>
  <c r="Z174" i="4"/>
  <c r="Z176" i="4"/>
  <c r="Z178" i="4"/>
  <c r="Z180" i="4"/>
  <c r="Z182" i="4"/>
  <c r="Z184" i="4"/>
  <c r="Z186" i="4"/>
  <c r="Z188" i="4"/>
  <c r="Z190" i="4"/>
  <c r="Z192" i="4"/>
  <c r="Z194" i="4"/>
  <c r="Z196" i="4"/>
  <c r="Z198" i="4"/>
  <c r="Z200" i="4"/>
  <c r="Z202" i="4"/>
  <c r="Z204" i="4"/>
  <c r="Z206" i="4"/>
  <c r="Z208" i="4"/>
  <c r="Z210" i="4"/>
  <c r="Z212" i="4"/>
  <c r="Z214" i="4"/>
  <c r="Z216" i="4"/>
  <c r="Z218" i="4"/>
  <c r="Z220" i="4"/>
  <c r="Z222" i="4"/>
  <c r="Z224" i="4"/>
  <c r="Z226" i="4"/>
  <c r="Z228" i="4"/>
  <c r="Z230" i="4"/>
  <c r="Z232" i="4"/>
  <c r="Z13" i="4"/>
  <c r="Z46" i="4"/>
  <c r="Z61" i="4"/>
  <c r="Z69" i="4"/>
  <c r="Z77" i="4"/>
  <c r="Z85" i="4"/>
  <c r="Z93" i="4"/>
  <c r="Z101" i="4"/>
  <c r="Z109" i="4"/>
  <c r="Z117" i="4"/>
  <c r="Z121" i="4"/>
  <c r="Z125" i="4"/>
  <c r="Z129" i="4"/>
  <c r="Z133" i="4"/>
  <c r="Z137" i="4"/>
  <c r="Z141" i="4"/>
  <c r="Z145" i="4"/>
  <c r="Z149" i="4"/>
  <c r="Z153" i="4"/>
  <c r="Z157" i="4"/>
  <c r="Z161" i="4"/>
  <c r="Z165" i="4"/>
  <c r="Z169" i="4"/>
  <c r="Z173" i="4"/>
  <c r="Z177" i="4"/>
  <c r="Z181" i="4"/>
  <c r="Z185" i="4"/>
  <c r="Z189" i="4"/>
  <c r="Z193" i="4"/>
  <c r="Z197" i="4"/>
  <c r="Z201" i="4"/>
  <c r="Z205" i="4"/>
  <c r="Z209" i="4"/>
  <c r="Z213" i="4"/>
  <c r="Z217" i="4"/>
  <c r="Z221" i="4"/>
  <c r="Z225" i="4"/>
  <c r="Z229" i="4"/>
  <c r="Z233" i="4"/>
  <c r="Z235" i="4"/>
  <c r="Z237" i="4"/>
  <c r="Z239" i="4"/>
  <c r="Z241" i="4"/>
  <c r="Z243" i="4"/>
  <c r="Z245" i="4"/>
  <c r="Z247" i="4"/>
  <c r="Z249" i="4"/>
  <c r="Z251" i="4"/>
  <c r="Z253" i="4"/>
  <c r="Z255" i="4"/>
  <c r="Z257" i="4"/>
  <c r="Z259" i="4"/>
  <c r="Z261" i="4"/>
  <c r="Z263" i="4"/>
  <c r="Z265" i="4"/>
  <c r="Z267" i="4"/>
  <c r="Z269" i="4"/>
  <c r="Z271" i="4"/>
  <c r="Z273" i="4"/>
  <c r="Z275" i="4"/>
  <c r="Z277" i="4"/>
  <c r="Z279" i="4"/>
  <c r="Z281" i="4"/>
  <c r="Z283" i="4"/>
  <c r="Z285" i="4"/>
  <c r="Z287" i="4"/>
  <c r="Z289" i="4"/>
  <c r="Z291" i="4"/>
  <c r="Z293" i="4"/>
  <c r="Z295" i="4"/>
  <c r="Z297" i="4"/>
  <c r="Z299" i="4"/>
  <c r="Z301" i="4"/>
  <c r="Z303" i="4"/>
  <c r="Z305" i="4"/>
  <c r="Z307" i="4"/>
  <c r="Z309" i="4"/>
  <c r="Z311" i="4"/>
  <c r="Z313" i="4"/>
  <c r="Z315" i="4"/>
  <c r="Z317" i="4"/>
  <c r="Z319" i="4"/>
  <c r="Z321" i="4"/>
  <c r="Z323" i="4"/>
  <c r="Z325" i="4"/>
  <c r="Z327" i="4"/>
  <c r="Z329" i="4"/>
  <c r="Z331" i="4"/>
  <c r="Z333" i="4"/>
  <c r="Z335" i="4"/>
  <c r="Z337" i="4"/>
  <c r="Z339" i="4"/>
  <c r="Z341" i="4"/>
  <c r="Z343" i="4"/>
  <c r="Z345" i="4"/>
  <c r="Z16" i="4"/>
  <c r="Z38" i="4"/>
  <c r="Z54" i="4"/>
  <c r="Z65" i="4"/>
  <c r="Z73" i="4"/>
  <c r="Z81" i="4"/>
  <c r="Z89" i="4"/>
  <c r="Z97" i="4"/>
  <c r="Z127" i="4"/>
  <c r="Z105" i="4"/>
  <c r="Z113" i="4"/>
  <c r="Z119" i="4"/>
  <c r="Z123" i="4"/>
  <c r="Z131" i="4"/>
  <c r="Z139" i="4"/>
  <c r="Z147" i="4"/>
  <c r="Z155" i="4"/>
  <c r="Z163" i="4"/>
  <c r="Z135" i="4"/>
  <c r="Z143" i="4"/>
  <c r="Z151" i="4"/>
  <c r="Z159" i="4"/>
  <c r="Z167" i="4"/>
  <c r="Z171" i="4"/>
  <c r="Z179" i="4"/>
  <c r="Z187" i="4"/>
  <c r="Z195" i="4"/>
  <c r="Z203" i="4"/>
  <c r="Z211" i="4"/>
  <c r="Z175" i="4"/>
  <c r="Z183" i="4"/>
  <c r="Z191" i="4"/>
  <c r="Z199" i="4"/>
  <c r="Z207" i="4"/>
  <c r="Z215" i="4"/>
  <c r="Z223" i="4"/>
  <c r="Z231" i="4"/>
  <c r="Z234" i="4"/>
  <c r="Z238" i="4"/>
  <c r="Z227" i="4"/>
  <c r="Z240" i="4"/>
  <c r="Z244" i="4"/>
  <c r="Z248" i="4"/>
  <c r="Z252" i="4"/>
  <c r="Z256" i="4"/>
  <c r="Z260" i="4"/>
  <c r="Z264" i="4"/>
  <c r="Z268" i="4"/>
  <c r="Z272" i="4"/>
  <c r="Z276" i="4"/>
  <c r="Z280" i="4"/>
  <c r="Z284" i="4"/>
  <c r="Z288" i="4"/>
  <c r="Z292" i="4"/>
  <c r="Z296" i="4"/>
  <c r="Z300" i="4"/>
  <c r="Z304" i="4"/>
  <c r="Z308" i="4"/>
  <c r="Z312" i="4"/>
  <c r="Z316" i="4"/>
  <c r="Z219" i="4"/>
  <c r="Z236" i="4"/>
  <c r="Z242" i="4"/>
  <c r="Z246" i="4"/>
  <c r="Z250" i="4"/>
  <c r="Z254" i="4"/>
  <c r="Z258" i="4"/>
  <c r="Z262" i="4"/>
  <c r="Z266" i="4"/>
  <c r="Z270" i="4"/>
  <c r="Z274" i="4"/>
  <c r="Z278" i="4"/>
  <c r="Z282" i="4"/>
  <c r="Z286" i="4"/>
  <c r="Z290" i="4"/>
  <c r="Z294" i="4"/>
  <c r="Z298" i="4"/>
  <c r="Z302" i="4"/>
  <c r="Z306" i="4"/>
  <c r="X2" i="4"/>
  <c r="X3" i="4"/>
  <c r="X5" i="4"/>
  <c r="X4" i="4"/>
  <c r="X6" i="4"/>
  <c r="X8" i="4"/>
  <c r="X7" i="4"/>
  <c r="X10" i="4"/>
  <c r="X12" i="4"/>
  <c r="X14" i="4"/>
  <c r="X9" i="4"/>
  <c r="X13" i="4"/>
  <c r="X17" i="4"/>
  <c r="X19" i="4"/>
  <c r="X21" i="4"/>
  <c r="X23" i="4"/>
  <c r="X25" i="4"/>
  <c r="X27" i="4"/>
  <c r="X29" i="4"/>
  <c r="X15" i="4"/>
  <c r="X16" i="4"/>
  <c r="X20" i="4"/>
  <c r="X24" i="4"/>
  <c r="X28" i="4"/>
  <c r="X31" i="4"/>
  <c r="X33" i="4"/>
  <c r="X35" i="4"/>
  <c r="X37" i="4"/>
  <c r="X39" i="4"/>
  <c r="X41" i="4"/>
  <c r="X43" i="4"/>
  <c r="X45" i="4"/>
  <c r="X47" i="4"/>
  <c r="X49" i="4"/>
  <c r="X51" i="4"/>
  <c r="X53" i="4"/>
  <c r="X55" i="4"/>
  <c r="X57" i="4"/>
  <c r="X59" i="4"/>
  <c r="X18" i="4"/>
  <c r="X26" i="4"/>
  <c r="X34" i="4"/>
  <c r="X38" i="4"/>
  <c r="X42" i="4"/>
  <c r="X46" i="4"/>
  <c r="X50" i="4"/>
  <c r="X54" i="4"/>
  <c r="X58" i="4"/>
  <c r="X60" i="4"/>
  <c r="X62" i="4"/>
  <c r="X64" i="4"/>
  <c r="X66" i="4"/>
  <c r="X68" i="4"/>
  <c r="X70" i="4"/>
  <c r="X72" i="4"/>
  <c r="X74" i="4"/>
  <c r="X76" i="4"/>
  <c r="X78" i="4"/>
  <c r="X80" i="4"/>
  <c r="X82" i="4"/>
  <c r="X84" i="4"/>
  <c r="X86" i="4"/>
  <c r="X88" i="4"/>
  <c r="X90" i="4"/>
  <c r="X92" i="4"/>
  <c r="X94" i="4"/>
  <c r="X96" i="4"/>
  <c r="X98" i="4"/>
  <c r="X100" i="4"/>
  <c r="X102" i="4"/>
  <c r="X104" i="4"/>
  <c r="X106" i="4"/>
  <c r="X108" i="4"/>
  <c r="X110" i="4"/>
  <c r="X112" i="4"/>
  <c r="X114" i="4"/>
  <c r="X116" i="4"/>
  <c r="X11" i="4"/>
  <c r="X22" i="4"/>
  <c r="X32" i="4"/>
  <c r="X40" i="4"/>
  <c r="X48" i="4"/>
  <c r="X56" i="4"/>
  <c r="X61" i="4"/>
  <c r="X65" i="4"/>
  <c r="X69" i="4"/>
  <c r="X73" i="4"/>
  <c r="X77" i="4"/>
  <c r="X81" i="4"/>
  <c r="X85" i="4"/>
  <c r="X89" i="4"/>
  <c r="X93" i="4"/>
  <c r="X97" i="4"/>
  <c r="X101" i="4"/>
  <c r="X105" i="4"/>
  <c r="X109" i="4"/>
  <c r="X113" i="4"/>
  <c r="X118" i="4"/>
  <c r="X120" i="4"/>
  <c r="X122" i="4"/>
  <c r="X124" i="4"/>
  <c r="X126" i="4"/>
  <c r="X128" i="4"/>
  <c r="X130" i="4"/>
  <c r="X132" i="4"/>
  <c r="X134" i="4"/>
  <c r="X136" i="4"/>
  <c r="X138" i="4"/>
  <c r="X140" i="4"/>
  <c r="X142" i="4"/>
  <c r="X144" i="4"/>
  <c r="X146" i="4"/>
  <c r="X148" i="4"/>
  <c r="X150" i="4"/>
  <c r="X152" i="4"/>
  <c r="X154" i="4"/>
  <c r="X156" i="4"/>
  <c r="X158" i="4"/>
  <c r="X160" i="4"/>
  <c r="X162" i="4"/>
  <c r="X164" i="4"/>
  <c r="X166" i="4"/>
  <c r="X168" i="4"/>
  <c r="X170" i="4"/>
  <c r="X172" i="4"/>
  <c r="X174" i="4"/>
  <c r="X176" i="4"/>
  <c r="X178" i="4"/>
  <c r="X180" i="4"/>
  <c r="X182" i="4"/>
  <c r="X184" i="4"/>
  <c r="X186" i="4"/>
  <c r="X188" i="4"/>
  <c r="X190" i="4"/>
  <c r="X192" i="4"/>
  <c r="X194" i="4"/>
  <c r="X196" i="4"/>
  <c r="X198" i="4"/>
  <c r="X200" i="4"/>
  <c r="X202" i="4"/>
  <c r="X204" i="4"/>
  <c r="X206" i="4"/>
  <c r="X208" i="4"/>
  <c r="X210" i="4"/>
  <c r="X212" i="4"/>
  <c r="X214" i="4"/>
  <c r="X216" i="4"/>
  <c r="X218" i="4"/>
  <c r="X220" i="4"/>
  <c r="X222" i="4"/>
  <c r="X224" i="4"/>
  <c r="X226" i="4"/>
  <c r="X228" i="4"/>
  <c r="X230" i="4"/>
  <c r="X232" i="4"/>
  <c r="X44" i="4"/>
  <c r="X67" i="4"/>
  <c r="X75" i="4"/>
  <c r="X83" i="4"/>
  <c r="X91" i="4"/>
  <c r="X99" i="4"/>
  <c r="X107" i="4"/>
  <c r="X115" i="4"/>
  <c r="X119" i="4"/>
  <c r="X123" i="4"/>
  <c r="X127" i="4"/>
  <c r="X131" i="4"/>
  <c r="X135" i="4"/>
  <c r="X139" i="4"/>
  <c r="X143" i="4"/>
  <c r="X147" i="4"/>
  <c r="X151" i="4"/>
  <c r="X155" i="4"/>
  <c r="X159" i="4"/>
  <c r="X163" i="4"/>
  <c r="X167" i="4"/>
  <c r="X171" i="4"/>
  <c r="X175" i="4"/>
  <c r="X179" i="4"/>
  <c r="X183" i="4"/>
  <c r="X187" i="4"/>
  <c r="X191" i="4"/>
  <c r="X195" i="4"/>
  <c r="X199" i="4"/>
  <c r="X203" i="4"/>
  <c r="X207" i="4"/>
  <c r="X211" i="4"/>
  <c r="X215" i="4"/>
  <c r="X219" i="4"/>
  <c r="X223" i="4"/>
  <c r="X227" i="4"/>
  <c r="X231" i="4"/>
  <c r="X233" i="4"/>
  <c r="X235" i="4"/>
  <c r="X237" i="4"/>
  <c r="X239" i="4"/>
  <c r="X241" i="4"/>
  <c r="X243" i="4"/>
  <c r="X245" i="4"/>
  <c r="X247" i="4"/>
  <c r="X249" i="4"/>
  <c r="X251" i="4"/>
  <c r="X253" i="4"/>
  <c r="X255" i="4"/>
  <c r="X257" i="4"/>
  <c r="X259" i="4"/>
  <c r="X261" i="4"/>
  <c r="X263" i="4"/>
  <c r="X265" i="4"/>
  <c r="X267" i="4"/>
  <c r="X269" i="4"/>
  <c r="X271" i="4"/>
  <c r="X273" i="4"/>
  <c r="X275" i="4"/>
  <c r="X277" i="4"/>
  <c r="X279" i="4"/>
  <c r="X281" i="4"/>
  <c r="X283" i="4"/>
  <c r="X285" i="4"/>
  <c r="X287" i="4"/>
  <c r="X289" i="4"/>
  <c r="X291" i="4"/>
  <c r="X293" i="4"/>
  <c r="X295" i="4"/>
  <c r="X297" i="4"/>
  <c r="X299" i="4"/>
  <c r="X301" i="4"/>
  <c r="X303" i="4"/>
  <c r="X305" i="4"/>
  <c r="X307" i="4"/>
  <c r="X309" i="4"/>
  <c r="X311" i="4"/>
  <c r="X313" i="4"/>
  <c r="X315" i="4"/>
  <c r="X317" i="4"/>
  <c r="X319" i="4"/>
  <c r="X321" i="4"/>
  <c r="X323" i="4"/>
  <c r="X325" i="4"/>
  <c r="X327" i="4"/>
  <c r="X329" i="4"/>
  <c r="X331" i="4"/>
  <c r="X333" i="4"/>
  <c r="X335" i="4"/>
  <c r="X337" i="4"/>
  <c r="X339" i="4"/>
  <c r="X341" i="4"/>
  <c r="X343" i="4"/>
  <c r="X345" i="4"/>
  <c r="X30" i="4"/>
  <c r="X36" i="4"/>
  <c r="X52" i="4"/>
  <c r="X63" i="4"/>
  <c r="X71" i="4"/>
  <c r="X79" i="4"/>
  <c r="X87" i="4"/>
  <c r="X95" i="4"/>
  <c r="X103" i="4"/>
  <c r="X117" i="4"/>
  <c r="X129" i="4"/>
  <c r="X111" i="4"/>
  <c r="X121" i="4"/>
  <c r="X125" i="4"/>
  <c r="X137" i="4"/>
  <c r="X145" i="4"/>
  <c r="X153" i="4"/>
  <c r="X161" i="4"/>
  <c r="X169" i="4"/>
  <c r="X133" i="4"/>
  <c r="X141" i="4"/>
  <c r="X149" i="4"/>
  <c r="X157" i="4"/>
  <c r="X165" i="4"/>
  <c r="X177" i="4"/>
  <c r="X185" i="4"/>
  <c r="X193" i="4"/>
  <c r="X201" i="4"/>
  <c r="X209" i="4"/>
  <c r="X173" i="4"/>
  <c r="X181" i="4"/>
  <c r="X189" i="4"/>
  <c r="X197" i="4"/>
  <c r="X205" i="4"/>
  <c r="X213" i="4"/>
  <c r="X221" i="4"/>
  <c r="X229" i="4"/>
  <c r="X236" i="4"/>
  <c r="X240" i="4"/>
  <c r="X217" i="4"/>
  <c r="X238" i="4"/>
  <c r="X242" i="4"/>
  <c r="X246" i="4"/>
  <c r="X250" i="4"/>
  <c r="X254" i="4"/>
  <c r="X258" i="4"/>
  <c r="X262" i="4"/>
  <c r="X266" i="4"/>
  <c r="X270" i="4"/>
  <c r="X274" i="4"/>
  <c r="X278" i="4"/>
  <c r="X282" i="4"/>
  <c r="X286" i="4"/>
  <c r="X290" i="4"/>
  <c r="X294" i="4"/>
  <c r="X298" i="4"/>
  <c r="X302" i="4"/>
  <c r="X306" i="4"/>
  <c r="X310" i="4"/>
  <c r="X314" i="4"/>
  <c r="X225" i="4"/>
  <c r="X234" i="4"/>
  <c r="X244" i="4"/>
  <c r="X248" i="4"/>
  <c r="X252" i="4"/>
  <c r="X256" i="4"/>
  <c r="X260" i="4"/>
  <c r="X264" i="4"/>
  <c r="X268" i="4"/>
  <c r="X272" i="4"/>
  <c r="X276" i="4"/>
  <c r="X280" i="4"/>
  <c r="X284" i="4"/>
  <c r="X288" i="4"/>
  <c r="X292" i="4"/>
  <c r="X296" i="4"/>
  <c r="X300" i="4"/>
  <c r="X304" i="4"/>
  <c r="X308" i="4"/>
  <c r="V2" i="4"/>
  <c r="V3" i="4"/>
  <c r="V5" i="4"/>
  <c r="V6" i="4"/>
  <c r="V8" i="4"/>
  <c r="V4" i="4"/>
  <c r="V10" i="4"/>
  <c r="V12" i="4"/>
  <c r="V14" i="4"/>
  <c r="V7" i="4"/>
  <c r="V11" i="4"/>
  <c r="V15" i="4"/>
  <c r="V17" i="4"/>
  <c r="V19" i="4"/>
  <c r="V21" i="4"/>
  <c r="V23" i="4"/>
  <c r="V25" i="4"/>
  <c r="V27" i="4"/>
  <c r="V29" i="4"/>
  <c r="V13" i="4"/>
  <c r="V18" i="4"/>
  <c r="V22" i="4"/>
  <c r="V26" i="4"/>
  <c r="V30" i="4"/>
  <c r="V31" i="4"/>
  <c r="V33" i="4"/>
  <c r="V35" i="4"/>
  <c r="V37" i="4"/>
  <c r="V39" i="4"/>
  <c r="V41" i="4"/>
  <c r="V43" i="4"/>
  <c r="V45" i="4"/>
  <c r="V47" i="4"/>
  <c r="V49" i="4"/>
  <c r="V51" i="4"/>
  <c r="V53" i="4"/>
  <c r="V55" i="4"/>
  <c r="V57" i="4"/>
  <c r="V59" i="4"/>
  <c r="V16" i="4"/>
  <c r="V24" i="4"/>
  <c r="V32" i="4"/>
  <c r="V36" i="4"/>
  <c r="V40" i="4"/>
  <c r="V44" i="4"/>
  <c r="V48" i="4"/>
  <c r="V52" i="4"/>
  <c r="V56" i="4"/>
  <c r="V60" i="4"/>
  <c r="V62" i="4"/>
  <c r="V64" i="4"/>
  <c r="V66" i="4"/>
  <c r="V68" i="4"/>
  <c r="V70" i="4"/>
  <c r="V72" i="4"/>
  <c r="V74" i="4"/>
  <c r="V76" i="4"/>
  <c r="V78" i="4"/>
  <c r="V80" i="4"/>
  <c r="V82" i="4"/>
  <c r="V84" i="4"/>
  <c r="V86" i="4"/>
  <c r="V88" i="4"/>
  <c r="V90" i="4"/>
  <c r="V92" i="4"/>
  <c r="V94" i="4"/>
  <c r="V96" i="4"/>
  <c r="V98" i="4"/>
  <c r="V100" i="4"/>
  <c r="V102" i="4"/>
  <c r="V104" i="4"/>
  <c r="V106" i="4"/>
  <c r="V108" i="4"/>
  <c r="V110" i="4"/>
  <c r="V112" i="4"/>
  <c r="V114" i="4"/>
  <c r="V116" i="4"/>
  <c r="V20" i="4"/>
  <c r="V38" i="4"/>
  <c r="V46" i="4"/>
  <c r="V54" i="4"/>
  <c r="V63" i="4"/>
  <c r="V67" i="4"/>
  <c r="V71" i="4"/>
  <c r="V75" i="4"/>
  <c r="V79" i="4"/>
  <c r="V83" i="4"/>
  <c r="V87" i="4"/>
  <c r="V91" i="4"/>
  <c r="V95" i="4"/>
  <c r="V99" i="4"/>
  <c r="V103" i="4"/>
  <c r="V107" i="4"/>
  <c r="V111" i="4"/>
  <c r="V115" i="4"/>
  <c r="V118" i="4"/>
  <c r="V120" i="4"/>
  <c r="V122" i="4"/>
  <c r="V124" i="4"/>
  <c r="V126" i="4"/>
  <c r="V128" i="4"/>
  <c r="V130" i="4"/>
  <c r="V132" i="4"/>
  <c r="V134" i="4"/>
  <c r="V136" i="4"/>
  <c r="V138" i="4"/>
  <c r="V140" i="4"/>
  <c r="V142" i="4"/>
  <c r="V144" i="4"/>
  <c r="V146" i="4"/>
  <c r="V148" i="4"/>
  <c r="V150" i="4"/>
  <c r="V152" i="4"/>
  <c r="V154" i="4"/>
  <c r="V156" i="4"/>
  <c r="V158" i="4"/>
  <c r="V160" i="4"/>
  <c r="V162" i="4"/>
  <c r="V164" i="4"/>
  <c r="V166" i="4"/>
  <c r="V168" i="4"/>
  <c r="V170" i="4"/>
  <c r="V172" i="4"/>
  <c r="V174" i="4"/>
  <c r="V176" i="4"/>
  <c r="V178" i="4"/>
  <c r="V180" i="4"/>
  <c r="V182" i="4"/>
  <c r="V184" i="4"/>
  <c r="V186" i="4"/>
  <c r="V188" i="4"/>
  <c r="V190" i="4"/>
  <c r="V192" i="4"/>
  <c r="V194" i="4"/>
  <c r="V196" i="4"/>
  <c r="V198" i="4"/>
  <c r="V200" i="4"/>
  <c r="V202" i="4"/>
  <c r="V204" i="4"/>
  <c r="V206" i="4"/>
  <c r="V208" i="4"/>
  <c r="V210" i="4"/>
  <c r="V212" i="4"/>
  <c r="V214" i="4"/>
  <c r="V216" i="4"/>
  <c r="V218" i="4"/>
  <c r="V220" i="4"/>
  <c r="V222" i="4"/>
  <c r="V224" i="4"/>
  <c r="V226" i="4"/>
  <c r="V228" i="4"/>
  <c r="V230" i="4"/>
  <c r="V232" i="4"/>
  <c r="V28" i="4"/>
  <c r="V42" i="4"/>
  <c r="V58" i="4"/>
  <c r="V65" i="4"/>
  <c r="V73" i="4"/>
  <c r="V81" i="4"/>
  <c r="V89" i="4"/>
  <c r="V97" i="4"/>
  <c r="V105" i="4"/>
  <c r="V113" i="4"/>
  <c r="V117" i="4"/>
  <c r="V121" i="4"/>
  <c r="V125" i="4"/>
  <c r="V129" i="4"/>
  <c r="V133" i="4"/>
  <c r="V137" i="4"/>
  <c r="V141" i="4"/>
  <c r="V145" i="4"/>
  <c r="V149" i="4"/>
  <c r="V153" i="4"/>
  <c r="V157" i="4"/>
  <c r="V161" i="4"/>
  <c r="V165" i="4"/>
  <c r="V169" i="4"/>
  <c r="V173" i="4"/>
  <c r="V177" i="4"/>
  <c r="V181" i="4"/>
  <c r="V185" i="4"/>
  <c r="V189" i="4"/>
  <c r="V193" i="4"/>
  <c r="V197" i="4"/>
  <c r="V201" i="4"/>
  <c r="V205" i="4"/>
  <c r="V209" i="4"/>
  <c r="V213" i="4"/>
  <c r="V217" i="4"/>
  <c r="V221" i="4"/>
  <c r="V225" i="4"/>
  <c r="V229" i="4"/>
  <c r="V233" i="4"/>
  <c r="V235" i="4"/>
  <c r="V237" i="4"/>
  <c r="V239" i="4"/>
  <c r="V241" i="4"/>
  <c r="V243" i="4"/>
  <c r="V245" i="4"/>
  <c r="V247" i="4"/>
  <c r="V249" i="4"/>
  <c r="V251" i="4"/>
  <c r="V253" i="4"/>
  <c r="V255" i="4"/>
  <c r="V257" i="4"/>
  <c r="V259" i="4"/>
  <c r="V261" i="4"/>
  <c r="V263" i="4"/>
  <c r="V265" i="4"/>
  <c r="V267" i="4"/>
  <c r="V269" i="4"/>
  <c r="V271" i="4"/>
  <c r="V273" i="4"/>
  <c r="V275" i="4"/>
  <c r="V277" i="4"/>
  <c r="V279" i="4"/>
  <c r="V281" i="4"/>
  <c r="V283" i="4"/>
  <c r="V285" i="4"/>
  <c r="V287" i="4"/>
  <c r="V289" i="4"/>
  <c r="V291" i="4"/>
  <c r="V293" i="4"/>
  <c r="V295" i="4"/>
  <c r="V297" i="4"/>
  <c r="V299" i="4"/>
  <c r="V301" i="4"/>
  <c r="V303" i="4"/>
  <c r="V305" i="4"/>
  <c r="V307" i="4"/>
  <c r="V309" i="4"/>
  <c r="V311" i="4"/>
  <c r="V313" i="4"/>
  <c r="V315" i="4"/>
  <c r="V317" i="4"/>
  <c r="V319" i="4"/>
  <c r="V321" i="4"/>
  <c r="V323" i="4"/>
  <c r="V325" i="4"/>
  <c r="V327" i="4"/>
  <c r="V329" i="4"/>
  <c r="V331" i="4"/>
  <c r="V333" i="4"/>
  <c r="V335" i="4"/>
  <c r="V337" i="4"/>
  <c r="V339" i="4"/>
  <c r="V341" i="4"/>
  <c r="V343" i="4"/>
  <c r="V345" i="4"/>
  <c r="V9" i="4"/>
  <c r="V34" i="4"/>
  <c r="V50" i="4"/>
  <c r="V61" i="4"/>
  <c r="V69" i="4"/>
  <c r="V77" i="4"/>
  <c r="V85" i="4"/>
  <c r="V93" i="4"/>
  <c r="V101" i="4"/>
  <c r="V109" i="4"/>
  <c r="V127" i="4"/>
  <c r="V119" i="4"/>
  <c r="V123" i="4"/>
  <c r="V131" i="4"/>
  <c r="V135" i="4"/>
  <c r="V143" i="4"/>
  <c r="V151" i="4"/>
  <c r="V159" i="4"/>
  <c r="V167" i="4"/>
  <c r="V139" i="4"/>
  <c r="V147" i="4"/>
  <c r="V155" i="4"/>
  <c r="V163" i="4"/>
  <c r="V175" i="4"/>
  <c r="V183" i="4"/>
  <c r="V191" i="4"/>
  <c r="V199" i="4"/>
  <c r="V207" i="4"/>
  <c r="V171" i="4"/>
  <c r="V179" i="4"/>
  <c r="V187" i="4"/>
  <c r="V195" i="4"/>
  <c r="V203" i="4"/>
  <c r="V211" i="4"/>
  <c r="V219" i="4"/>
  <c r="V227" i="4"/>
  <c r="V234" i="4"/>
  <c r="V238" i="4"/>
  <c r="V223" i="4"/>
  <c r="V236" i="4"/>
  <c r="V244" i="4"/>
  <c r="V248" i="4"/>
  <c r="V252" i="4"/>
  <c r="V256" i="4"/>
  <c r="V260" i="4"/>
  <c r="V264" i="4"/>
  <c r="V268" i="4"/>
  <c r="V272" i="4"/>
  <c r="V276" i="4"/>
  <c r="V280" i="4"/>
  <c r="V284" i="4"/>
  <c r="V288" i="4"/>
  <c r="V292" i="4"/>
  <c r="V296" i="4"/>
  <c r="V300" i="4"/>
  <c r="V304" i="4"/>
  <c r="V308" i="4"/>
  <c r="V312" i="4"/>
  <c r="V316" i="4"/>
  <c r="V215" i="4"/>
  <c r="V231" i="4"/>
  <c r="V240" i="4"/>
  <c r="V242" i="4"/>
  <c r="V246" i="4"/>
  <c r="V250" i="4"/>
  <c r="V254" i="4"/>
  <c r="V258" i="4"/>
  <c r="V262" i="4"/>
  <c r="V266" i="4"/>
  <c r="V270" i="4"/>
  <c r="V274" i="4"/>
  <c r="V278" i="4"/>
  <c r="V282" i="4"/>
  <c r="V286" i="4"/>
  <c r="V290" i="4"/>
  <c r="V294" i="4"/>
  <c r="V298" i="4"/>
  <c r="V302" i="4"/>
  <c r="V306" i="4"/>
  <c r="T2" i="4"/>
  <c r="T3" i="4"/>
  <c r="T5" i="4"/>
  <c r="T4" i="4"/>
  <c r="T6" i="4"/>
  <c r="T8" i="4"/>
  <c r="T7" i="4"/>
  <c r="T10" i="4"/>
  <c r="T12" i="4"/>
  <c r="T14" i="4"/>
  <c r="T9" i="4"/>
  <c r="T13" i="4"/>
  <c r="T17" i="4"/>
  <c r="T19" i="4"/>
  <c r="T21" i="4"/>
  <c r="T23" i="4"/>
  <c r="T25" i="4"/>
  <c r="T27" i="4"/>
  <c r="T29" i="4"/>
  <c r="T11" i="4"/>
  <c r="T16" i="4"/>
  <c r="T20" i="4"/>
  <c r="T24" i="4"/>
  <c r="T28" i="4"/>
  <c r="T31" i="4"/>
  <c r="T33" i="4"/>
  <c r="T35" i="4"/>
  <c r="T37" i="4"/>
  <c r="T39" i="4"/>
  <c r="T41" i="4"/>
  <c r="T43" i="4"/>
  <c r="T45" i="4"/>
  <c r="T47" i="4"/>
  <c r="T49" i="4"/>
  <c r="T51" i="4"/>
  <c r="T53" i="4"/>
  <c r="T55" i="4"/>
  <c r="T57" i="4"/>
  <c r="T59" i="4"/>
  <c r="T15" i="4"/>
  <c r="T22" i="4"/>
  <c r="T30" i="4"/>
  <c r="T34" i="4"/>
  <c r="T38" i="4"/>
  <c r="T42" i="4"/>
  <c r="T46" i="4"/>
  <c r="T50" i="4"/>
  <c r="T54" i="4"/>
  <c r="T58" i="4"/>
  <c r="T60" i="4"/>
  <c r="T62" i="4"/>
  <c r="T64" i="4"/>
  <c r="T66" i="4"/>
  <c r="T68" i="4"/>
  <c r="T70" i="4"/>
  <c r="T72" i="4"/>
  <c r="T74" i="4"/>
  <c r="T76" i="4"/>
  <c r="T78" i="4"/>
  <c r="T80" i="4"/>
  <c r="T82" i="4"/>
  <c r="T84" i="4"/>
  <c r="T86" i="4"/>
  <c r="T88" i="4"/>
  <c r="T90" i="4"/>
  <c r="T92" i="4"/>
  <c r="T94" i="4"/>
  <c r="T96" i="4"/>
  <c r="T98" i="4"/>
  <c r="T100" i="4"/>
  <c r="T102" i="4"/>
  <c r="T104" i="4"/>
  <c r="T106" i="4"/>
  <c r="T108" i="4"/>
  <c r="T110" i="4"/>
  <c r="T112" i="4"/>
  <c r="T114" i="4"/>
  <c r="T116" i="4"/>
  <c r="T18" i="4"/>
  <c r="T36" i="4"/>
  <c r="T44" i="4"/>
  <c r="T52" i="4"/>
  <c r="T61" i="4"/>
  <c r="T65" i="4"/>
  <c r="T69" i="4"/>
  <c r="T73" i="4"/>
  <c r="T77" i="4"/>
  <c r="T81" i="4"/>
  <c r="T85" i="4"/>
  <c r="T89" i="4"/>
  <c r="T93" i="4"/>
  <c r="T97" i="4"/>
  <c r="T101" i="4"/>
  <c r="T105" i="4"/>
  <c r="T109" i="4"/>
  <c r="T113" i="4"/>
  <c r="T118" i="4"/>
  <c r="T120" i="4"/>
  <c r="T122" i="4"/>
  <c r="T124" i="4"/>
  <c r="T126" i="4"/>
  <c r="T128" i="4"/>
  <c r="T130" i="4"/>
  <c r="T132" i="4"/>
  <c r="T134" i="4"/>
  <c r="T136" i="4"/>
  <c r="T138" i="4"/>
  <c r="T140" i="4"/>
  <c r="T142" i="4"/>
  <c r="T144" i="4"/>
  <c r="T146" i="4"/>
  <c r="T148" i="4"/>
  <c r="T150" i="4"/>
  <c r="T152" i="4"/>
  <c r="T154" i="4"/>
  <c r="T156" i="4"/>
  <c r="T158" i="4"/>
  <c r="T160" i="4"/>
  <c r="T162" i="4"/>
  <c r="T164" i="4"/>
  <c r="T166" i="4"/>
  <c r="T168" i="4"/>
  <c r="T170" i="4"/>
  <c r="T172" i="4"/>
  <c r="T174" i="4"/>
  <c r="T176" i="4"/>
  <c r="T178" i="4"/>
  <c r="T180" i="4"/>
  <c r="T182" i="4"/>
  <c r="T184" i="4"/>
  <c r="T186" i="4"/>
  <c r="T188" i="4"/>
  <c r="T190" i="4"/>
  <c r="T192" i="4"/>
  <c r="T194" i="4"/>
  <c r="T196" i="4"/>
  <c r="T198" i="4"/>
  <c r="T200" i="4"/>
  <c r="T202" i="4"/>
  <c r="T204" i="4"/>
  <c r="T206" i="4"/>
  <c r="T208" i="4"/>
  <c r="T210" i="4"/>
  <c r="T212" i="4"/>
  <c r="T214" i="4"/>
  <c r="T216" i="4"/>
  <c r="T218" i="4"/>
  <c r="T220" i="4"/>
  <c r="T222" i="4"/>
  <c r="T224" i="4"/>
  <c r="T226" i="4"/>
  <c r="T228" i="4"/>
  <c r="T230" i="4"/>
  <c r="T232" i="4"/>
  <c r="T40" i="4"/>
  <c r="T56" i="4"/>
  <c r="T63" i="4"/>
  <c r="T71" i="4"/>
  <c r="T79" i="4"/>
  <c r="T87" i="4"/>
  <c r="T95" i="4"/>
  <c r="T103" i="4"/>
  <c r="T111" i="4"/>
  <c r="T119" i="4"/>
  <c r="T123" i="4"/>
  <c r="T127" i="4"/>
  <c r="T131" i="4"/>
  <c r="T135" i="4"/>
  <c r="T139" i="4"/>
  <c r="T143" i="4"/>
  <c r="T147" i="4"/>
  <c r="T151" i="4"/>
  <c r="T155" i="4"/>
  <c r="T159" i="4"/>
  <c r="T163" i="4"/>
  <c r="T167" i="4"/>
  <c r="T171" i="4"/>
  <c r="T175" i="4"/>
  <c r="T179" i="4"/>
  <c r="T183" i="4"/>
  <c r="T187" i="4"/>
  <c r="T191" i="4"/>
  <c r="T195" i="4"/>
  <c r="T199" i="4"/>
  <c r="T203" i="4"/>
  <c r="T207" i="4"/>
  <c r="T211" i="4"/>
  <c r="T215" i="4"/>
  <c r="T219" i="4"/>
  <c r="T223" i="4"/>
  <c r="T227" i="4"/>
  <c r="T231" i="4"/>
  <c r="T233" i="4"/>
  <c r="T235" i="4"/>
  <c r="T237" i="4"/>
  <c r="T239" i="4"/>
  <c r="T241" i="4"/>
  <c r="T243" i="4"/>
  <c r="T245" i="4"/>
  <c r="T247" i="4"/>
  <c r="T249" i="4"/>
  <c r="T251" i="4"/>
  <c r="T253" i="4"/>
  <c r="T255" i="4"/>
  <c r="T257" i="4"/>
  <c r="T259" i="4"/>
  <c r="T261" i="4"/>
  <c r="T263" i="4"/>
  <c r="T265" i="4"/>
  <c r="T267" i="4"/>
  <c r="T269" i="4"/>
  <c r="T271" i="4"/>
  <c r="T273" i="4"/>
  <c r="T275" i="4"/>
  <c r="T277" i="4"/>
  <c r="T279" i="4"/>
  <c r="T281" i="4"/>
  <c r="T283" i="4"/>
  <c r="T285" i="4"/>
  <c r="T287" i="4"/>
  <c r="T289" i="4"/>
  <c r="T291" i="4"/>
  <c r="T293" i="4"/>
  <c r="T295" i="4"/>
  <c r="T297" i="4"/>
  <c r="T299" i="4"/>
  <c r="T301" i="4"/>
  <c r="T303" i="4"/>
  <c r="T305" i="4"/>
  <c r="T307" i="4"/>
  <c r="T309" i="4"/>
  <c r="T311" i="4"/>
  <c r="T313" i="4"/>
  <c r="T315" i="4"/>
  <c r="T317" i="4"/>
  <c r="T319" i="4"/>
  <c r="T321" i="4"/>
  <c r="T323" i="4"/>
  <c r="T325" i="4"/>
  <c r="T327" i="4"/>
  <c r="T329" i="4"/>
  <c r="T331" i="4"/>
  <c r="T333" i="4"/>
  <c r="T335" i="4"/>
  <c r="T337" i="4"/>
  <c r="T339" i="4"/>
  <c r="T341" i="4"/>
  <c r="T343" i="4"/>
  <c r="T345" i="4"/>
  <c r="T26" i="4"/>
  <c r="T32" i="4"/>
  <c r="T48" i="4"/>
  <c r="T67" i="4"/>
  <c r="T75" i="4"/>
  <c r="T83" i="4"/>
  <c r="T91" i="4"/>
  <c r="T99" i="4"/>
  <c r="T107" i="4"/>
  <c r="T115" i="4"/>
  <c r="T117" i="4"/>
  <c r="T129" i="4"/>
  <c r="T121" i="4"/>
  <c r="T125" i="4"/>
  <c r="T133" i="4"/>
  <c r="T141" i="4"/>
  <c r="T149" i="4"/>
  <c r="T157" i="4"/>
  <c r="T165" i="4"/>
  <c r="T137" i="4"/>
  <c r="T145" i="4"/>
  <c r="T153" i="4"/>
  <c r="T161" i="4"/>
  <c r="T169" i="4"/>
  <c r="T173" i="4"/>
  <c r="T181" i="4"/>
  <c r="T189" i="4"/>
  <c r="T197" i="4"/>
  <c r="T205" i="4"/>
  <c r="T213" i="4"/>
  <c r="T177" i="4"/>
  <c r="T185" i="4"/>
  <c r="T193" i="4"/>
  <c r="T201" i="4"/>
  <c r="T209" i="4"/>
  <c r="T217" i="4"/>
  <c r="T225" i="4"/>
  <c r="T236" i="4"/>
  <c r="T240" i="4"/>
  <c r="T229" i="4"/>
  <c r="T234" i="4"/>
  <c r="T242" i="4"/>
  <c r="T246" i="4"/>
  <c r="T250" i="4"/>
  <c r="T254" i="4"/>
  <c r="T258" i="4"/>
  <c r="T262" i="4"/>
  <c r="T266" i="4"/>
  <c r="T270" i="4"/>
  <c r="T274" i="4"/>
  <c r="T278" i="4"/>
  <c r="T282" i="4"/>
  <c r="T286" i="4"/>
  <c r="T290" i="4"/>
  <c r="T294" i="4"/>
  <c r="T298" i="4"/>
  <c r="T302" i="4"/>
  <c r="T306" i="4"/>
  <c r="T310" i="4"/>
  <c r="T314" i="4"/>
  <c r="T221" i="4"/>
  <c r="T238" i="4"/>
  <c r="T244" i="4"/>
  <c r="T248" i="4"/>
  <c r="T252" i="4"/>
  <c r="T256" i="4"/>
  <c r="T260" i="4"/>
  <c r="T264" i="4"/>
  <c r="T268" i="4"/>
  <c r="T272" i="4"/>
  <c r="T276" i="4"/>
  <c r="T280" i="4"/>
  <c r="T284" i="4"/>
  <c r="T288" i="4"/>
  <c r="T292" i="4"/>
  <c r="T296" i="4"/>
  <c r="T300" i="4"/>
  <c r="T304" i="4"/>
  <c r="T308" i="4"/>
  <c r="R2" i="4"/>
  <c r="R3" i="4"/>
  <c r="R5" i="4"/>
  <c r="R6" i="4"/>
  <c r="R8" i="4"/>
  <c r="R10" i="4"/>
  <c r="R12" i="4"/>
  <c r="R14" i="4"/>
  <c r="R4" i="4"/>
  <c r="R11" i="4"/>
  <c r="R15" i="4"/>
  <c r="R17" i="4"/>
  <c r="R19" i="4"/>
  <c r="R21" i="4"/>
  <c r="R23" i="4"/>
  <c r="R25" i="4"/>
  <c r="R27" i="4"/>
  <c r="R29" i="4"/>
  <c r="R7" i="4"/>
  <c r="R9" i="4"/>
  <c r="R18" i="4"/>
  <c r="R22" i="4"/>
  <c r="R26" i="4"/>
  <c r="R30" i="4"/>
  <c r="R31" i="4"/>
  <c r="R33" i="4"/>
  <c r="R35" i="4"/>
  <c r="R37" i="4"/>
  <c r="R39" i="4"/>
  <c r="R41" i="4"/>
  <c r="R43" i="4"/>
  <c r="R45" i="4"/>
  <c r="R47" i="4"/>
  <c r="R49" i="4"/>
  <c r="R51" i="4"/>
  <c r="R53" i="4"/>
  <c r="R55" i="4"/>
  <c r="R57" i="4"/>
  <c r="R59" i="4"/>
  <c r="R13" i="4"/>
  <c r="R20" i="4"/>
  <c r="R28" i="4"/>
  <c r="R32" i="4"/>
  <c r="R36" i="4"/>
  <c r="R40" i="4"/>
  <c r="R44" i="4"/>
  <c r="R48" i="4"/>
  <c r="R52" i="4"/>
  <c r="R56" i="4"/>
  <c r="R60" i="4"/>
  <c r="R62" i="4"/>
  <c r="R64" i="4"/>
  <c r="R66" i="4"/>
  <c r="R68" i="4"/>
  <c r="R70" i="4"/>
  <c r="R72" i="4"/>
  <c r="R74" i="4"/>
  <c r="R76" i="4"/>
  <c r="R78" i="4"/>
  <c r="R80" i="4"/>
  <c r="R82" i="4"/>
  <c r="R84" i="4"/>
  <c r="R86" i="4"/>
  <c r="R88" i="4"/>
  <c r="R90" i="4"/>
  <c r="R92" i="4"/>
  <c r="R94" i="4"/>
  <c r="R96" i="4"/>
  <c r="R98" i="4"/>
  <c r="R100" i="4"/>
  <c r="R102" i="4"/>
  <c r="R104" i="4"/>
  <c r="R106" i="4"/>
  <c r="R108" i="4"/>
  <c r="R110" i="4"/>
  <c r="R112" i="4"/>
  <c r="R114" i="4"/>
  <c r="R116" i="4"/>
  <c r="R16" i="4"/>
  <c r="R34" i="4"/>
  <c r="R42" i="4"/>
  <c r="R50" i="4"/>
  <c r="R58" i="4"/>
  <c r="R63" i="4"/>
  <c r="R67" i="4"/>
  <c r="R71" i="4"/>
  <c r="R75" i="4"/>
  <c r="R79" i="4"/>
  <c r="R83" i="4"/>
  <c r="R87" i="4"/>
  <c r="R91" i="4"/>
  <c r="R95" i="4"/>
  <c r="R99" i="4"/>
  <c r="R103" i="4"/>
  <c r="R107" i="4"/>
  <c r="R111" i="4"/>
  <c r="R115" i="4"/>
  <c r="R118" i="4"/>
  <c r="R120" i="4"/>
  <c r="R122" i="4"/>
  <c r="R124" i="4"/>
  <c r="R126" i="4"/>
  <c r="R128" i="4"/>
  <c r="R130" i="4"/>
  <c r="R132" i="4"/>
  <c r="R134" i="4"/>
  <c r="R136" i="4"/>
  <c r="R138" i="4"/>
  <c r="R140" i="4"/>
  <c r="R142" i="4"/>
  <c r="R144" i="4"/>
  <c r="R146" i="4"/>
  <c r="R148" i="4"/>
  <c r="R150" i="4"/>
  <c r="R152" i="4"/>
  <c r="R154" i="4"/>
  <c r="R156" i="4"/>
  <c r="R158" i="4"/>
  <c r="R160" i="4"/>
  <c r="R162" i="4"/>
  <c r="R164" i="4"/>
  <c r="R166" i="4"/>
  <c r="R168" i="4"/>
  <c r="R170" i="4"/>
  <c r="R172" i="4"/>
  <c r="R174" i="4"/>
  <c r="R176" i="4"/>
  <c r="R178" i="4"/>
  <c r="R180" i="4"/>
  <c r="R182" i="4"/>
  <c r="R184" i="4"/>
  <c r="R186" i="4"/>
  <c r="R188" i="4"/>
  <c r="R190" i="4"/>
  <c r="R192" i="4"/>
  <c r="R194" i="4"/>
  <c r="R196" i="4"/>
  <c r="R198" i="4"/>
  <c r="R200" i="4"/>
  <c r="R202" i="4"/>
  <c r="R204" i="4"/>
  <c r="R206" i="4"/>
  <c r="R208" i="4"/>
  <c r="R210" i="4"/>
  <c r="R212" i="4"/>
  <c r="R214" i="4"/>
  <c r="R216" i="4"/>
  <c r="R218" i="4"/>
  <c r="R220" i="4"/>
  <c r="R222" i="4"/>
  <c r="R224" i="4"/>
  <c r="R226" i="4"/>
  <c r="R228" i="4"/>
  <c r="R230" i="4"/>
  <c r="R232" i="4"/>
  <c r="R24" i="4"/>
  <c r="R38" i="4"/>
  <c r="R54" i="4"/>
  <c r="R61" i="4"/>
  <c r="R69" i="4"/>
  <c r="R77" i="4"/>
  <c r="R85" i="4"/>
  <c r="R93" i="4"/>
  <c r="R101" i="4"/>
  <c r="R109" i="4"/>
  <c r="R117" i="4"/>
  <c r="R121" i="4"/>
  <c r="R125" i="4"/>
  <c r="R129" i="4"/>
  <c r="R133" i="4"/>
  <c r="R137" i="4"/>
  <c r="R141" i="4"/>
  <c r="R145" i="4"/>
  <c r="R149" i="4"/>
  <c r="R153" i="4"/>
  <c r="R157" i="4"/>
  <c r="R161" i="4"/>
  <c r="R165" i="4"/>
  <c r="R169" i="4"/>
  <c r="R173" i="4"/>
  <c r="R177" i="4"/>
  <c r="R181" i="4"/>
  <c r="R185" i="4"/>
  <c r="R189" i="4"/>
  <c r="R193" i="4"/>
  <c r="R197" i="4"/>
  <c r="R201" i="4"/>
  <c r="R205" i="4"/>
  <c r="R209" i="4"/>
  <c r="R213" i="4"/>
  <c r="R217" i="4"/>
  <c r="R221" i="4"/>
  <c r="R225" i="4"/>
  <c r="R229" i="4"/>
  <c r="R233" i="4"/>
  <c r="R235" i="4"/>
  <c r="R237" i="4"/>
  <c r="R239" i="4"/>
  <c r="R241" i="4"/>
  <c r="R243" i="4"/>
  <c r="R245" i="4"/>
  <c r="R247" i="4"/>
  <c r="R249" i="4"/>
  <c r="R251" i="4"/>
  <c r="R253" i="4"/>
  <c r="R255" i="4"/>
  <c r="R257" i="4"/>
  <c r="R259" i="4"/>
  <c r="R261" i="4"/>
  <c r="R263" i="4"/>
  <c r="R265" i="4"/>
  <c r="R267" i="4"/>
  <c r="R269" i="4"/>
  <c r="R271" i="4"/>
  <c r="R273" i="4"/>
  <c r="R275" i="4"/>
  <c r="R277" i="4"/>
  <c r="R279" i="4"/>
  <c r="R281" i="4"/>
  <c r="R283" i="4"/>
  <c r="R285" i="4"/>
  <c r="R287" i="4"/>
  <c r="R289" i="4"/>
  <c r="R291" i="4"/>
  <c r="R293" i="4"/>
  <c r="R295" i="4"/>
  <c r="R297" i="4"/>
  <c r="R299" i="4"/>
  <c r="R301" i="4"/>
  <c r="R303" i="4"/>
  <c r="R305" i="4"/>
  <c r="R307" i="4"/>
  <c r="R309" i="4"/>
  <c r="R311" i="4"/>
  <c r="R313" i="4"/>
  <c r="R315" i="4"/>
  <c r="R317" i="4"/>
  <c r="R319" i="4"/>
  <c r="R321" i="4"/>
  <c r="R323" i="4"/>
  <c r="R325" i="4"/>
  <c r="R327" i="4"/>
  <c r="R329" i="4"/>
  <c r="R331" i="4"/>
  <c r="R333" i="4"/>
  <c r="R335" i="4"/>
  <c r="R337" i="4"/>
  <c r="R339" i="4"/>
  <c r="R341" i="4"/>
  <c r="R343" i="4"/>
  <c r="R345" i="4"/>
  <c r="R46" i="4"/>
  <c r="R65" i="4"/>
  <c r="R73" i="4"/>
  <c r="R81" i="4"/>
  <c r="R89" i="4"/>
  <c r="R97" i="4"/>
  <c r="R127" i="4"/>
  <c r="R105" i="4"/>
  <c r="R113" i="4"/>
  <c r="R119" i="4"/>
  <c r="R123" i="4"/>
  <c r="R131" i="4"/>
  <c r="R139" i="4"/>
  <c r="R147" i="4"/>
  <c r="R155" i="4"/>
  <c r="R163" i="4"/>
  <c r="R135" i="4"/>
  <c r="R143" i="4"/>
  <c r="R151" i="4"/>
  <c r="R159" i="4"/>
  <c r="R167" i="4"/>
  <c r="R171" i="4"/>
  <c r="R179" i="4"/>
  <c r="R187" i="4"/>
  <c r="R195" i="4"/>
  <c r="R203" i="4"/>
  <c r="R211" i="4"/>
  <c r="R175" i="4"/>
  <c r="R183" i="4"/>
  <c r="R191" i="4"/>
  <c r="R199" i="4"/>
  <c r="R207" i="4"/>
  <c r="R215" i="4"/>
  <c r="R223" i="4"/>
  <c r="R231" i="4"/>
  <c r="R234" i="4"/>
  <c r="R238" i="4"/>
  <c r="R219" i="4"/>
  <c r="R240" i="4"/>
  <c r="R244" i="4"/>
  <c r="R248" i="4"/>
  <c r="R252" i="4"/>
  <c r="R256" i="4"/>
  <c r="R260" i="4"/>
  <c r="R264" i="4"/>
  <c r="R268" i="4"/>
  <c r="R272" i="4"/>
  <c r="R276" i="4"/>
  <c r="R280" i="4"/>
  <c r="R284" i="4"/>
  <c r="R288" i="4"/>
  <c r="R292" i="4"/>
  <c r="R296" i="4"/>
  <c r="R300" i="4"/>
  <c r="R304" i="4"/>
  <c r="R308" i="4"/>
  <c r="R312" i="4"/>
  <c r="R316" i="4"/>
  <c r="R227" i="4"/>
  <c r="R236" i="4"/>
  <c r="R242" i="4"/>
  <c r="R246" i="4"/>
  <c r="R250" i="4"/>
  <c r="R254" i="4"/>
  <c r="R258" i="4"/>
  <c r="R262" i="4"/>
  <c r="R266" i="4"/>
  <c r="R270" i="4"/>
  <c r="R274" i="4"/>
  <c r="R278" i="4"/>
  <c r="R282" i="4"/>
  <c r="R286" i="4"/>
  <c r="R290" i="4"/>
  <c r="R294" i="4"/>
  <c r="R298" i="4"/>
  <c r="R302" i="4"/>
  <c r="R306" i="4"/>
  <c r="P2" i="4"/>
  <c r="P3" i="4"/>
  <c r="P5" i="4"/>
  <c r="P4" i="4"/>
  <c r="P6" i="4"/>
  <c r="P8" i="4"/>
  <c r="P7" i="4"/>
  <c r="P10" i="4"/>
  <c r="P12" i="4"/>
  <c r="P14" i="4"/>
  <c r="P9" i="4"/>
  <c r="P13" i="4"/>
  <c r="P17" i="4"/>
  <c r="P19" i="4"/>
  <c r="P21" i="4"/>
  <c r="P23" i="4"/>
  <c r="P25" i="4"/>
  <c r="P27" i="4"/>
  <c r="P29" i="4"/>
  <c r="P15" i="4"/>
  <c r="P16" i="4"/>
  <c r="P20" i="4"/>
  <c r="P24" i="4"/>
  <c r="P28" i="4"/>
  <c r="P31" i="4"/>
  <c r="P33" i="4"/>
  <c r="P35" i="4"/>
  <c r="P37" i="4"/>
  <c r="P39" i="4"/>
  <c r="P41" i="4"/>
  <c r="P43" i="4"/>
  <c r="P45" i="4"/>
  <c r="P47" i="4"/>
  <c r="P49" i="4"/>
  <c r="P51" i="4"/>
  <c r="P53" i="4"/>
  <c r="P55" i="4"/>
  <c r="P57" i="4"/>
  <c r="P59" i="4"/>
  <c r="P11" i="4"/>
  <c r="P18" i="4"/>
  <c r="P26" i="4"/>
  <c r="P34" i="4"/>
  <c r="P38" i="4"/>
  <c r="P42" i="4"/>
  <c r="P46" i="4"/>
  <c r="P50" i="4"/>
  <c r="P54" i="4"/>
  <c r="P58" i="4"/>
  <c r="P60" i="4"/>
  <c r="P62" i="4"/>
  <c r="P64" i="4"/>
  <c r="P66" i="4"/>
  <c r="P68" i="4"/>
  <c r="P70" i="4"/>
  <c r="P72" i="4"/>
  <c r="P74" i="4"/>
  <c r="P76" i="4"/>
  <c r="P78" i="4"/>
  <c r="P80" i="4"/>
  <c r="P82" i="4"/>
  <c r="P84" i="4"/>
  <c r="P86" i="4"/>
  <c r="P88" i="4"/>
  <c r="P90" i="4"/>
  <c r="P92" i="4"/>
  <c r="P94" i="4"/>
  <c r="P96" i="4"/>
  <c r="P98" i="4"/>
  <c r="P100" i="4"/>
  <c r="P102" i="4"/>
  <c r="P104" i="4"/>
  <c r="P106" i="4"/>
  <c r="P108" i="4"/>
  <c r="P110" i="4"/>
  <c r="P112" i="4"/>
  <c r="P114" i="4"/>
  <c r="P116" i="4"/>
  <c r="P30" i="4"/>
  <c r="P32" i="4"/>
  <c r="P40" i="4"/>
  <c r="P48" i="4"/>
  <c r="P56" i="4"/>
  <c r="P61" i="4"/>
  <c r="P65" i="4"/>
  <c r="P69" i="4"/>
  <c r="P73" i="4"/>
  <c r="P77" i="4"/>
  <c r="P81" i="4"/>
  <c r="P85" i="4"/>
  <c r="P89" i="4"/>
  <c r="P93" i="4"/>
  <c r="P97" i="4"/>
  <c r="P101" i="4"/>
  <c r="P105" i="4"/>
  <c r="P109" i="4"/>
  <c r="P113" i="4"/>
  <c r="P118" i="4"/>
  <c r="P120" i="4"/>
  <c r="P122" i="4"/>
  <c r="P124" i="4"/>
  <c r="P126" i="4"/>
  <c r="P128" i="4"/>
  <c r="P130" i="4"/>
  <c r="P132" i="4"/>
  <c r="P134" i="4"/>
  <c r="P136" i="4"/>
  <c r="P138" i="4"/>
  <c r="P140" i="4"/>
  <c r="P142" i="4"/>
  <c r="P144" i="4"/>
  <c r="P146" i="4"/>
  <c r="P148" i="4"/>
  <c r="P150" i="4"/>
  <c r="P152" i="4"/>
  <c r="P154" i="4"/>
  <c r="P156" i="4"/>
  <c r="P158" i="4"/>
  <c r="P160" i="4"/>
  <c r="P162" i="4"/>
  <c r="P164" i="4"/>
  <c r="P166" i="4"/>
  <c r="P168" i="4"/>
  <c r="P170" i="4"/>
  <c r="P172" i="4"/>
  <c r="P174" i="4"/>
  <c r="P176" i="4"/>
  <c r="P178" i="4"/>
  <c r="P180" i="4"/>
  <c r="P182" i="4"/>
  <c r="P184" i="4"/>
  <c r="P186" i="4"/>
  <c r="P188" i="4"/>
  <c r="P190" i="4"/>
  <c r="P192" i="4"/>
  <c r="P194" i="4"/>
  <c r="P196" i="4"/>
  <c r="P198" i="4"/>
  <c r="P200" i="4"/>
  <c r="P202" i="4"/>
  <c r="P204" i="4"/>
  <c r="P206" i="4"/>
  <c r="P208" i="4"/>
  <c r="P210" i="4"/>
  <c r="P212" i="4"/>
  <c r="P214" i="4"/>
  <c r="P216" i="4"/>
  <c r="P218" i="4"/>
  <c r="P220" i="4"/>
  <c r="P222" i="4"/>
  <c r="P224" i="4"/>
  <c r="P226" i="4"/>
  <c r="P228" i="4"/>
  <c r="P230" i="4"/>
  <c r="P232" i="4"/>
  <c r="P36" i="4"/>
  <c r="P52" i="4"/>
  <c r="P67" i="4"/>
  <c r="P75" i="4"/>
  <c r="P83" i="4"/>
  <c r="P91" i="4"/>
  <c r="P99" i="4"/>
  <c r="P107" i="4"/>
  <c r="P115" i="4"/>
  <c r="P119" i="4"/>
  <c r="P123" i="4"/>
  <c r="P127" i="4"/>
  <c r="P131" i="4"/>
  <c r="P135" i="4"/>
  <c r="P139" i="4"/>
  <c r="P143" i="4"/>
  <c r="P147" i="4"/>
  <c r="P151" i="4"/>
  <c r="P155" i="4"/>
  <c r="P159" i="4"/>
  <c r="P163" i="4"/>
  <c r="P167" i="4"/>
  <c r="P171" i="4"/>
  <c r="P175" i="4"/>
  <c r="P179" i="4"/>
  <c r="P183" i="4"/>
  <c r="P187" i="4"/>
  <c r="P191" i="4"/>
  <c r="P195" i="4"/>
  <c r="P199" i="4"/>
  <c r="P203" i="4"/>
  <c r="P207" i="4"/>
  <c r="P211" i="4"/>
  <c r="P215" i="4"/>
  <c r="P219" i="4"/>
  <c r="P223" i="4"/>
  <c r="P227" i="4"/>
  <c r="P231" i="4"/>
  <c r="P233" i="4"/>
  <c r="P235" i="4"/>
  <c r="P237" i="4"/>
  <c r="P239" i="4"/>
  <c r="P241" i="4"/>
  <c r="P243" i="4"/>
  <c r="P245" i="4"/>
  <c r="P247" i="4"/>
  <c r="P249" i="4"/>
  <c r="P251" i="4"/>
  <c r="P253" i="4"/>
  <c r="P255" i="4"/>
  <c r="P257" i="4"/>
  <c r="P259" i="4"/>
  <c r="P261" i="4"/>
  <c r="P263" i="4"/>
  <c r="P265" i="4"/>
  <c r="P267" i="4"/>
  <c r="P269" i="4"/>
  <c r="P271" i="4"/>
  <c r="P273" i="4"/>
  <c r="P275" i="4"/>
  <c r="P277" i="4"/>
  <c r="P279" i="4"/>
  <c r="P281" i="4"/>
  <c r="P283" i="4"/>
  <c r="P285" i="4"/>
  <c r="P287" i="4"/>
  <c r="P289" i="4"/>
  <c r="P291" i="4"/>
  <c r="P293" i="4"/>
  <c r="P295" i="4"/>
  <c r="P297" i="4"/>
  <c r="P299" i="4"/>
  <c r="P301" i="4"/>
  <c r="P303" i="4"/>
  <c r="P305" i="4"/>
  <c r="P307" i="4"/>
  <c r="P309" i="4"/>
  <c r="P311" i="4"/>
  <c r="P313" i="4"/>
  <c r="P315" i="4"/>
  <c r="P317" i="4"/>
  <c r="P319" i="4"/>
  <c r="P321" i="4"/>
  <c r="P323" i="4"/>
  <c r="P325" i="4"/>
  <c r="P327" i="4"/>
  <c r="P329" i="4"/>
  <c r="P331" i="4"/>
  <c r="P333" i="4"/>
  <c r="P335" i="4"/>
  <c r="P337" i="4"/>
  <c r="P339" i="4"/>
  <c r="P341" i="4"/>
  <c r="P343" i="4"/>
  <c r="P345" i="4"/>
  <c r="P22" i="4"/>
  <c r="P44" i="4"/>
  <c r="P63" i="4"/>
  <c r="P71" i="4"/>
  <c r="P79" i="4"/>
  <c r="P87" i="4"/>
  <c r="P95" i="4"/>
  <c r="P103" i="4"/>
  <c r="P117" i="4"/>
  <c r="P129" i="4"/>
  <c r="P111" i="4"/>
  <c r="P121" i="4"/>
  <c r="P125" i="4"/>
  <c r="P137" i="4"/>
  <c r="P145" i="4"/>
  <c r="P153" i="4"/>
  <c r="P161" i="4"/>
  <c r="P169" i="4"/>
  <c r="P133" i="4"/>
  <c r="P141" i="4"/>
  <c r="P149" i="4"/>
  <c r="P157" i="4"/>
  <c r="P165" i="4"/>
  <c r="P177" i="4"/>
  <c r="P185" i="4"/>
  <c r="P193" i="4"/>
  <c r="P201" i="4"/>
  <c r="P209" i="4"/>
  <c r="P173" i="4"/>
  <c r="P181" i="4"/>
  <c r="P189" i="4"/>
  <c r="P197" i="4"/>
  <c r="P205" i="4"/>
  <c r="P213" i="4"/>
  <c r="P221" i="4"/>
  <c r="P229" i="4"/>
  <c r="P236" i="4"/>
  <c r="P240" i="4"/>
  <c r="P225" i="4"/>
  <c r="P238" i="4"/>
  <c r="P242" i="4"/>
  <c r="P246" i="4"/>
  <c r="P250" i="4"/>
  <c r="P254" i="4"/>
  <c r="P258" i="4"/>
  <c r="P262" i="4"/>
  <c r="P266" i="4"/>
  <c r="P270" i="4"/>
  <c r="P274" i="4"/>
  <c r="P278" i="4"/>
  <c r="P282" i="4"/>
  <c r="P286" i="4"/>
  <c r="P290" i="4"/>
  <c r="P294" i="4"/>
  <c r="P298" i="4"/>
  <c r="P302" i="4"/>
  <c r="P306" i="4"/>
  <c r="P310" i="4"/>
  <c r="P314" i="4"/>
  <c r="P217" i="4"/>
  <c r="P234" i="4"/>
  <c r="P244" i="4"/>
  <c r="P248" i="4"/>
  <c r="P252" i="4"/>
  <c r="P256" i="4"/>
  <c r="P260" i="4"/>
  <c r="P264" i="4"/>
  <c r="P268" i="4"/>
  <c r="P272" i="4"/>
  <c r="P276" i="4"/>
  <c r="P280" i="4"/>
  <c r="P284" i="4"/>
  <c r="P288" i="4"/>
  <c r="P292" i="4"/>
  <c r="P296" i="4"/>
  <c r="P300" i="4"/>
  <c r="P304" i="4"/>
  <c r="P308" i="4"/>
  <c r="N2" i="4"/>
  <c r="N3" i="4"/>
  <c r="N5" i="4"/>
  <c r="N6" i="4"/>
  <c r="N8" i="4"/>
  <c r="N4" i="4"/>
  <c r="N10" i="4"/>
  <c r="N12" i="4"/>
  <c r="N14" i="4"/>
  <c r="N16" i="4"/>
  <c r="N7" i="4"/>
  <c r="N11" i="4"/>
  <c r="N15" i="4"/>
  <c r="N17" i="4"/>
  <c r="N19" i="4"/>
  <c r="N21" i="4"/>
  <c r="N23" i="4"/>
  <c r="N25" i="4"/>
  <c r="N27" i="4"/>
  <c r="N29" i="4"/>
  <c r="N13" i="4"/>
  <c r="N18" i="4"/>
  <c r="N22" i="4"/>
  <c r="N26" i="4"/>
  <c r="N30" i="4"/>
  <c r="N31" i="4"/>
  <c r="N33" i="4"/>
  <c r="N35" i="4"/>
  <c r="N37" i="4"/>
  <c r="N39" i="4"/>
  <c r="N41" i="4"/>
  <c r="N43" i="4"/>
  <c r="N45" i="4"/>
  <c r="N47" i="4"/>
  <c r="N49" i="4"/>
  <c r="N51" i="4"/>
  <c r="N53" i="4"/>
  <c r="N55" i="4"/>
  <c r="N57" i="4"/>
  <c r="N59" i="4"/>
  <c r="N9" i="4"/>
  <c r="N24" i="4"/>
  <c r="N32" i="4"/>
  <c r="N36" i="4"/>
  <c r="N40" i="4"/>
  <c r="N44" i="4"/>
  <c r="N48" i="4"/>
  <c r="N52" i="4"/>
  <c r="N56" i="4"/>
  <c r="N60" i="4"/>
  <c r="N62" i="4"/>
  <c r="N64" i="4"/>
  <c r="N66" i="4"/>
  <c r="N68" i="4"/>
  <c r="N70" i="4"/>
  <c r="N72" i="4"/>
  <c r="N74" i="4"/>
  <c r="N76" i="4"/>
  <c r="N78" i="4"/>
  <c r="N80" i="4"/>
  <c r="N82" i="4"/>
  <c r="N84" i="4"/>
  <c r="N86" i="4"/>
  <c r="N88" i="4"/>
  <c r="N90" i="4"/>
  <c r="N92" i="4"/>
  <c r="N94" i="4"/>
  <c r="N96" i="4"/>
  <c r="N98" i="4"/>
  <c r="N100" i="4"/>
  <c r="N102" i="4"/>
  <c r="N104" i="4"/>
  <c r="N106" i="4"/>
  <c r="N108" i="4"/>
  <c r="N110" i="4"/>
  <c r="N112" i="4"/>
  <c r="N114" i="4"/>
  <c r="N116" i="4"/>
  <c r="N28" i="4"/>
  <c r="N38" i="4"/>
  <c r="N46" i="4"/>
  <c r="N54" i="4"/>
  <c r="N63" i="4"/>
  <c r="N67" i="4"/>
  <c r="N71" i="4"/>
  <c r="N75" i="4"/>
  <c r="N79" i="4"/>
  <c r="N83" i="4"/>
  <c r="N87" i="4"/>
  <c r="N91" i="4"/>
  <c r="N95" i="4"/>
  <c r="N99" i="4"/>
  <c r="N103" i="4"/>
  <c r="N107" i="4"/>
  <c r="N111" i="4"/>
  <c r="N115" i="4"/>
  <c r="N118" i="4"/>
  <c r="N120" i="4"/>
  <c r="N122" i="4"/>
  <c r="N124" i="4"/>
  <c r="N126" i="4"/>
  <c r="N128" i="4"/>
  <c r="N130" i="4"/>
  <c r="N132" i="4"/>
  <c r="N134" i="4"/>
  <c r="N136" i="4"/>
  <c r="N138" i="4"/>
  <c r="N140" i="4"/>
  <c r="N142" i="4"/>
  <c r="N144" i="4"/>
  <c r="N146" i="4"/>
  <c r="N148" i="4"/>
  <c r="N150" i="4"/>
  <c r="N152" i="4"/>
  <c r="N154" i="4"/>
  <c r="N156" i="4"/>
  <c r="N158" i="4"/>
  <c r="N160" i="4"/>
  <c r="N162" i="4"/>
  <c r="N164" i="4"/>
  <c r="N166" i="4"/>
  <c r="N168" i="4"/>
  <c r="N170" i="4"/>
  <c r="N172" i="4"/>
  <c r="N174" i="4"/>
  <c r="N176" i="4"/>
  <c r="N178" i="4"/>
  <c r="N180" i="4"/>
  <c r="N182" i="4"/>
  <c r="N184" i="4"/>
  <c r="N186" i="4"/>
  <c r="N188" i="4"/>
  <c r="N190" i="4"/>
  <c r="N192" i="4"/>
  <c r="N194" i="4"/>
  <c r="N196" i="4"/>
  <c r="N198" i="4"/>
  <c r="N200" i="4"/>
  <c r="N202" i="4"/>
  <c r="N204" i="4"/>
  <c r="N206" i="4"/>
  <c r="N208" i="4"/>
  <c r="N210" i="4"/>
  <c r="N212" i="4"/>
  <c r="N214" i="4"/>
  <c r="N216" i="4"/>
  <c r="N218" i="4"/>
  <c r="N220" i="4"/>
  <c r="N222" i="4"/>
  <c r="N224" i="4"/>
  <c r="N226" i="4"/>
  <c r="N228" i="4"/>
  <c r="N230" i="4"/>
  <c r="N232" i="4"/>
  <c r="N20" i="4"/>
  <c r="N34" i="4"/>
  <c r="N50" i="4"/>
  <c r="N65" i="4"/>
  <c r="N73" i="4"/>
  <c r="N81" i="4"/>
  <c r="N89" i="4"/>
  <c r="N97" i="4"/>
  <c r="N105" i="4"/>
  <c r="N113" i="4"/>
  <c r="N117" i="4"/>
  <c r="N121" i="4"/>
  <c r="N125" i="4"/>
  <c r="N129" i="4"/>
  <c r="N133" i="4"/>
  <c r="N137" i="4"/>
  <c r="N141" i="4"/>
  <c r="N145" i="4"/>
  <c r="N149" i="4"/>
  <c r="N153" i="4"/>
  <c r="N157" i="4"/>
  <c r="N161" i="4"/>
  <c r="N165" i="4"/>
  <c r="N169" i="4"/>
  <c r="N173" i="4"/>
  <c r="N177" i="4"/>
  <c r="N181" i="4"/>
  <c r="N185" i="4"/>
  <c r="N189" i="4"/>
  <c r="N193" i="4"/>
  <c r="N197" i="4"/>
  <c r="N201" i="4"/>
  <c r="N205" i="4"/>
  <c r="N209" i="4"/>
  <c r="N213" i="4"/>
  <c r="N217" i="4"/>
  <c r="N221" i="4"/>
  <c r="N225" i="4"/>
  <c r="N229" i="4"/>
  <c r="N233" i="4"/>
  <c r="N235" i="4"/>
  <c r="N237" i="4"/>
  <c r="N239" i="4"/>
  <c r="N241" i="4"/>
  <c r="N243" i="4"/>
  <c r="N245" i="4"/>
  <c r="N247" i="4"/>
  <c r="N249" i="4"/>
  <c r="N251" i="4"/>
  <c r="N253" i="4"/>
  <c r="N255" i="4"/>
  <c r="N257" i="4"/>
  <c r="N259" i="4"/>
  <c r="N261" i="4"/>
  <c r="N263" i="4"/>
  <c r="N265" i="4"/>
  <c r="N267" i="4"/>
  <c r="N269" i="4"/>
  <c r="N271" i="4"/>
  <c r="N273" i="4"/>
  <c r="N275" i="4"/>
  <c r="N277" i="4"/>
  <c r="N279" i="4"/>
  <c r="N281" i="4"/>
  <c r="N283" i="4"/>
  <c r="N285" i="4"/>
  <c r="N287" i="4"/>
  <c r="N289" i="4"/>
  <c r="N291" i="4"/>
  <c r="N293" i="4"/>
  <c r="N295" i="4"/>
  <c r="N297" i="4"/>
  <c r="N299" i="4"/>
  <c r="N301" i="4"/>
  <c r="N303" i="4"/>
  <c r="N305" i="4"/>
  <c r="N307" i="4"/>
  <c r="N309" i="4"/>
  <c r="N311" i="4"/>
  <c r="N313" i="4"/>
  <c r="N315" i="4"/>
  <c r="N317" i="4"/>
  <c r="N319" i="4"/>
  <c r="N321" i="4"/>
  <c r="N323" i="4"/>
  <c r="N325" i="4"/>
  <c r="N327" i="4"/>
  <c r="N329" i="4"/>
  <c r="N331" i="4"/>
  <c r="N333" i="4"/>
  <c r="N335" i="4"/>
  <c r="N337" i="4"/>
  <c r="N339" i="4"/>
  <c r="N341" i="4"/>
  <c r="N343" i="4"/>
  <c r="N345" i="4"/>
  <c r="N42" i="4"/>
  <c r="N58" i="4"/>
  <c r="N61" i="4"/>
  <c r="N69" i="4"/>
  <c r="N77" i="4"/>
  <c r="N85" i="4"/>
  <c r="N93" i="4"/>
  <c r="N101" i="4"/>
  <c r="N109" i="4"/>
  <c r="N127" i="4"/>
  <c r="N119" i="4"/>
  <c r="N123" i="4"/>
  <c r="N131" i="4"/>
  <c r="N135" i="4"/>
  <c r="N143" i="4"/>
  <c r="N151" i="4"/>
  <c r="N159" i="4"/>
  <c r="N167" i="4"/>
  <c r="N139" i="4"/>
  <c r="N147" i="4"/>
  <c r="N155" i="4"/>
  <c r="N163" i="4"/>
  <c r="N175" i="4"/>
  <c r="N183" i="4"/>
  <c r="N191" i="4"/>
  <c r="N199" i="4"/>
  <c r="N207" i="4"/>
  <c r="N171" i="4"/>
  <c r="N179" i="4"/>
  <c r="N187" i="4"/>
  <c r="N195" i="4"/>
  <c r="N203" i="4"/>
  <c r="N211" i="4"/>
  <c r="N219" i="4"/>
  <c r="N227" i="4"/>
  <c r="N234" i="4"/>
  <c r="N238" i="4"/>
  <c r="N215" i="4"/>
  <c r="N231" i="4"/>
  <c r="N236" i="4"/>
  <c r="N244" i="4"/>
  <c r="N248" i="4"/>
  <c r="N252" i="4"/>
  <c r="N256" i="4"/>
  <c r="N260" i="4"/>
  <c r="N264" i="4"/>
  <c r="N268" i="4"/>
  <c r="N272" i="4"/>
  <c r="N276" i="4"/>
  <c r="N280" i="4"/>
  <c r="N284" i="4"/>
  <c r="N288" i="4"/>
  <c r="N292" i="4"/>
  <c r="N296" i="4"/>
  <c r="N300" i="4"/>
  <c r="N304" i="4"/>
  <c r="N308" i="4"/>
  <c r="N312" i="4"/>
  <c r="N316" i="4"/>
  <c r="N223" i="4"/>
  <c r="N240" i="4"/>
  <c r="N242" i="4"/>
  <c r="N246" i="4"/>
  <c r="N250" i="4"/>
  <c r="N254" i="4"/>
  <c r="N258" i="4"/>
  <c r="N262" i="4"/>
  <c r="N266" i="4"/>
  <c r="N270" i="4"/>
  <c r="N274" i="4"/>
  <c r="N278" i="4"/>
  <c r="N282" i="4"/>
  <c r="N286" i="4"/>
  <c r="N290" i="4"/>
  <c r="N294" i="4"/>
  <c r="N298" i="4"/>
  <c r="N302" i="4"/>
  <c r="N306" i="4"/>
  <c r="N310" i="4"/>
  <c r="L2" i="4"/>
  <c r="L3" i="4"/>
  <c r="L5" i="4"/>
  <c r="L4" i="4"/>
  <c r="L6" i="4"/>
  <c r="L8" i="4"/>
  <c r="L7" i="4"/>
  <c r="L10" i="4"/>
  <c r="L12" i="4"/>
  <c r="L14" i="4"/>
  <c r="L16" i="4"/>
  <c r="L9" i="4"/>
  <c r="L13" i="4"/>
  <c r="L17" i="4"/>
  <c r="L19" i="4"/>
  <c r="L21" i="4"/>
  <c r="L23" i="4"/>
  <c r="L25" i="4"/>
  <c r="L27" i="4"/>
  <c r="L29" i="4"/>
  <c r="L11" i="4"/>
  <c r="L20" i="4"/>
  <c r="L24" i="4"/>
  <c r="L28" i="4"/>
  <c r="L31" i="4"/>
  <c r="L33" i="4"/>
  <c r="L35" i="4"/>
  <c r="L37" i="4"/>
  <c r="L39" i="4"/>
  <c r="L41" i="4"/>
  <c r="L43" i="4"/>
  <c r="L45" i="4"/>
  <c r="L47" i="4"/>
  <c r="L49" i="4"/>
  <c r="L51" i="4"/>
  <c r="L53" i="4"/>
  <c r="L55" i="4"/>
  <c r="L57" i="4"/>
  <c r="L59" i="4"/>
  <c r="L22" i="4"/>
  <c r="L30" i="4"/>
  <c r="L34" i="4"/>
  <c r="L38" i="4"/>
  <c r="L42" i="4"/>
  <c r="L46" i="4"/>
  <c r="L50" i="4"/>
  <c r="L54" i="4"/>
  <c r="L58" i="4"/>
  <c r="L60" i="4"/>
  <c r="L62" i="4"/>
  <c r="L64" i="4"/>
  <c r="L66" i="4"/>
  <c r="L68" i="4"/>
  <c r="L70" i="4"/>
  <c r="L72" i="4"/>
  <c r="L74" i="4"/>
  <c r="L76" i="4"/>
  <c r="L78" i="4"/>
  <c r="L80" i="4"/>
  <c r="L82" i="4"/>
  <c r="L84" i="4"/>
  <c r="L86" i="4"/>
  <c r="L88" i="4"/>
  <c r="L90" i="4"/>
  <c r="L92" i="4"/>
  <c r="L94" i="4"/>
  <c r="L96" i="4"/>
  <c r="L98" i="4"/>
  <c r="L100" i="4"/>
  <c r="L102" i="4"/>
  <c r="L104" i="4"/>
  <c r="L106" i="4"/>
  <c r="L108" i="4"/>
  <c r="L110" i="4"/>
  <c r="L112" i="4"/>
  <c r="L114" i="4"/>
  <c r="L116" i="4"/>
  <c r="L26" i="4"/>
  <c r="L36" i="4"/>
  <c r="L44" i="4"/>
  <c r="L52" i="4"/>
  <c r="L61" i="4"/>
  <c r="L65" i="4"/>
  <c r="L69" i="4"/>
  <c r="L73" i="4"/>
  <c r="L77" i="4"/>
  <c r="L81" i="4"/>
  <c r="L85" i="4"/>
  <c r="L89" i="4"/>
  <c r="L93" i="4"/>
  <c r="L97" i="4"/>
  <c r="L101" i="4"/>
  <c r="L105" i="4"/>
  <c r="L109" i="4"/>
  <c r="L113" i="4"/>
  <c r="L118" i="4"/>
  <c r="L120" i="4"/>
  <c r="L122" i="4"/>
  <c r="L124" i="4"/>
  <c r="L126" i="4"/>
  <c r="L128" i="4"/>
  <c r="L130" i="4"/>
  <c r="L132" i="4"/>
  <c r="L134" i="4"/>
  <c r="L136" i="4"/>
  <c r="L138" i="4"/>
  <c r="L140" i="4"/>
  <c r="L142" i="4"/>
  <c r="L144" i="4"/>
  <c r="L146" i="4"/>
  <c r="L148" i="4"/>
  <c r="L150" i="4"/>
  <c r="L152" i="4"/>
  <c r="L154" i="4"/>
  <c r="L156" i="4"/>
  <c r="L158" i="4"/>
  <c r="L160" i="4"/>
  <c r="L162" i="4"/>
  <c r="L164" i="4"/>
  <c r="L166" i="4"/>
  <c r="L168" i="4"/>
  <c r="L170" i="4"/>
  <c r="L172" i="4"/>
  <c r="L174" i="4"/>
  <c r="L176" i="4"/>
  <c r="L178" i="4"/>
  <c r="L180" i="4"/>
  <c r="L182" i="4"/>
  <c r="L184" i="4"/>
  <c r="L186" i="4"/>
  <c r="L188" i="4"/>
  <c r="L190" i="4"/>
  <c r="L192" i="4"/>
  <c r="L194" i="4"/>
  <c r="L196" i="4"/>
  <c r="L198" i="4"/>
  <c r="L200" i="4"/>
  <c r="L202" i="4"/>
  <c r="L204" i="4"/>
  <c r="L206" i="4"/>
  <c r="L208" i="4"/>
  <c r="L210" i="4"/>
  <c r="L212" i="4"/>
  <c r="L214" i="4"/>
  <c r="L216" i="4"/>
  <c r="L218" i="4"/>
  <c r="L220" i="4"/>
  <c r="L222" i="4"/>
  <c r="L224" i="4"/>
  <c r="L226" i="4"/>
  <c r="L228" i="4"/>
  <c r="L230" i="4"/>
  <c r="L232" i="4"/>
  <c r="L15" i="4"/>
  <c r="L32" i="4"/>
  <c r="L48" i="4"/>
  <c r="L63" i="4"/>
  <c r="L71" i="4"/>
  <c r="L79" i="4"/>
  <c r="L87" i="4"/>
  <c r="L95" i="4"/>
  <c r="L103" i="4"/>
  <c r="L111" i="4"/>
  <c r="L119" i="4"/>
  <c r="L123" i="4"/>
  <c r="L127" i="4"/>
  <c r="L131" i="4"/>
  <c r="L135" i="4"/>
  <c r="L139" i="4"/>
  <c r="L143" i="4"/>
  <c r="L147" i="4"/>
  <c r="L151" i="4"/>
  <c r="L155" i="4"/>
  <c r="L159" i="4"/>
  <c r="L163" i="4"/>
  <c r="L167" i="4"/>
  <c r="L171" i="4"/>
  <c r="L175" i="4"/>
  <c r="L179" i="4"/>
  <c r="L183" i="4"/>
  <c r="L187" i="4"/>
  <c r="L191" i="4"/>
  <c r="L195" i="4"/>
  <c r="L199" i="4"/>
  <c r="L203" i="4"/>
  <c r="L207" i="4"/>
  <c r="L211" i="4"/>
  <c r="L215" i="4"/>
  <c r="L219" i="4"/>
  <c r="L223" i="4"/>
  <c r="L227" i="4"/>
  <c r="L231" i="4"/>
  <c r="L233" i="4"/>
  <c r="L235" i="4"/>
  <c r="L237" i="4"/>
  <c r="L239" i="4"/>
  <c r="L241" i="4"/>
  <c r="L243" i="4"/>
  <c r="L245" i="4"/>
  <c r="L247" i="4"/>
  <c r="L249" i="4"/>
  <c r="L251" i="4"/>
  <c r="L253" i="4"/>
  <c r="L255" i="4"/>
  <c r="L257" i="4"/>
  <c r="L259" i="4"/>
  <c r="L261" i="4"/>
  <c r="L263" i="4"/>
  <c r="L265" i="4"/>
  <c r="L267" i="4"/>
  <c r="L269" i="4"/>
  <c r="L271" i="4"/>
  <c r="L273" i="4"/>
  <c r="L275" i="4"/>
  <c r="L277" i="4"/>
  <c r="L279" i="4"/>
  <c r="L281" i="4"/>
  <c r="L283" i="4"/>
  <c r="L285" i="4"/>
  <c r="L287" i="4"/>
  <c r="L289" i="4"/>
  <c r="L291" i="4"/>
  <c r="L293" i="4"/>
  <c r="L295" i="4"/>
  <c r="L297" i="4"/>
  <c r="L299" i="4"/>
  <c r="L301" i="4"/>
  <c r="L303" i="4"/>
  <c r="L305" i="4"/>
  <c r="L307" i="4"/>
  <c r="L309" i="4"/>
  <c r="L311" i="4"/>
  <c r="L313" i="4"/>
  <c r="L315" i="4"/>
  <c r="L317" i="4"/>
  <c r="L319" i="4"/>
  <c r="L321" i="4"/>
  <c r="L323" i="4"/>
  <c r="L325" i="4"/>
  <c r="L327" i="4"/>
  <c r="L329" i="4"/>
  <c r="L331" i="4"/>
  <c r="L333" i="4"/>
  <c r="L335" i="4"/>
  <c r="L337" i="4"/>
  <c r="L339" i="4"/>
  <c r="L341" i="4"/>
  <c r="L343" i="4"/>
  <c r="L345" i="4"/>
  <c r="L18" i="4"/>
  <c r="L40" i="4"/>
  <c r="L56" i="4"/>
  <c r="L67" i="4"/>
  <c r="L75" i="4"/>
  <c r="L83" i="4"/>
  <c r="L91" i="4"/>
  <c r="L99" i="4"/>
  <c r="L107" i="4"/>
  <c r="L115" i="4"/>
  <c r="L117" i="4"/>
  <c r="L129" i="4"/>
  <c r="L121" i="4"/>
  <c r="L125" i="4"/>
  <c r="L133" i="4"/>
  <c r="L141" i="4"/>
  <c r="L149" i="4"/>
  <c r="L157" i="4"/>
  <c r="L165" i="4"/>
  <c r="L137" i="4"/>
  <c r="L145" i="4"/>
  <c r="L153" i="4"/>
  <c r="L161" i="4"/>
  <c r="L169" i="4"/>
  <c r="L173" i="4"/>
  <c r="L181" i="4"/>
  <c r="L189" i="4"/>
  <c r="L197" i="4"/>
  <c r="L205" i="4"/>
  <c r="L213" i="4"/>
  <c r="L177" i="4"/>
  <c r="L185" i="4"/>
  <c r="L193" i="4"/>
  <c r="L201" i="4"/>
  <c r="L209" i="4"/>
  <c r="L217" i="4"/>
  <c r="L225" i="4"/>
  <c r="L236" i="4"/>
  <c r="L240" i="4"/>
  <c r="L221" i="4"/>
  <c r="L234" i="4"/>
  <c r="L242" i="4"/>
  <c r="L246" i="4"/>
  <c r="L250" i="4"/>
  <c r="L254" i="4"/>
  <c r="L258" i="4"/>
  <c r="L262" i="4"/>
  <c r="L266" i="4"/>
  <c r="L270" i="4"/>
  <c r="L274" i="4"/>
  <c r="L278" i="4"/>
  <c r="L282" i="4"/>
  <c r="L286" i="4"/>
  <c r="L290" i="4"/>
  <c r="L294" i="4"/>
  <c r="L298" i="4"/>
  <c r="L302" i="4"/>
  <c r="L306" i="4"/>
  <c r="L310" i="4"/>
  <c r="L314" i="4"/>
  <c r="L229" i="4"/>
  <c r="L238" i="4"/>
  <c r="L244" i="4"/>
  <c r="L248" i="4"/>
  <c r="L252" i="4"/>
  <c r="L256" i="4"/>
  <c r="L260" i="4"/>
  <c r="L264" i="4"/>
  <c r="L268" i="4"/>
  <c r="L272" i="4"/>
  <c r="L276" i="4"/>
  <c r="L280" i="4"/>
  <c r="L284" i="4"/>
  <c r="L288" i="4"/>
  <c r="L292" i="4"/>
  <c r="L296" i="4"/>
  <c r="L300" i="4"/>
  <c r="L304" i="4"/>
  <c r="L308" i="4"/>
  <c r="BK2" i="4"/>
  <c r="BK4" i="4"/>
  <c r="BK3" i="4"/>
  <c r="BK5" i="4"/>
  <c r="BK7" i="4"/>
  <c r="BK6" i="4"/>
  <c r="BK9" i="4"/>
  <c r="BK11" i="4"/>
  <c r="BK13" i="4"/>
  <c r="BK15" i="4"/>
  <c r="BK8" i="4"/>
  <c r="BK12" i="4"/>
  <c r="BK16" i="4"/>
  <c r="BK18" i="4"/>
  <c r="BK20" i="4"/>
  <c r="BK22" i="4"/>
  <c r="BK24" i="4"/>
  <c r="BK26" i="4"/>
  <c r="BK28" i="4"/>
  <c r="BK14" i="4"/>
  <c r="BK19" i="4"/>
  <c r="BK23" i="4"/>
  <c r="BK27" i="4"/>
  <c r="BK30" i="4"/>
  <c r="BK32" i="4"/>
  <c r="BK34" i="4"/>
  <c r="BK36" i="4"/>
  <c r="BK38" i="4"/>
  <c r="BK40" i="4"/>
  <c r="BK42" i="4"/>
  <c r="BK44" i="4"/>
  <c r="BK46" i="4"/>
  <c r="BK48" i="4"/>
  <c r="BK50" i="4"/>
  <c r="BK52" i="4"/>
  <c r="BK54" i="4"/>
  <c r="BK56" i="4"/>
  <c r="BK58" i="4"/>
  <c r="BK17" i="4"/>
  <c r="BK25" i="4"/>
  <c r="BK33" i="4"/>
  <c r="BK37" i="4"/>
  <c r="BK41" i="4"/>
  <c r="BK45" i="4"/>
  <c r="BK49" i="4"/>
  <c r="BK53" i="4"/>
  <c r="BK57" i="4"/>
  <c r="BK59" i="4"/>
  <c r="BK61" i="4"/>
  <c r="BK63" i="4"/>
  <c r="BK65" i="4"/>
  <c r="BK67" i="4"/>
  <c r="BK69" i="4"/>
  <c r="BK71" i="4"/>
  <c r="BK73" i="4"/>
  <c r="BK75" i="4"/>
  <c r="BK77" i="4"/>
  <c r="BK79" i="4"/>
  <c r="BK81" i="4"/>
  <c r="BK83" i="4"/>
  <c r="BK85" i="4"/>
  <c r="BK87" i="4"/>
  <c r="BK89" i="4"/>
  <c r="BK91" i="4"/>
  <c r="BK93" i="4"/>
  <c r="BK95" i="4"/>
  <c r="BK97" i="4"/>
  <c r="BK99" i="4"/>
  <c r="BK101" i="4"/>
  <c r="BK103" i="4"/>
  <c r="BK105" i="4"/>
  <c r="BK107" i="4"/>
  <c r="BK109" i="4"/>
  <c r="BK111" i="4"/>
  <c r="BK113" i="4"/>
  <c r="BK115" i="4"/>
  <c r="BK10" i="4"/>
  <c r="BK21" i="4"/>
  <c r="BK31" i="4"/>
  <c r="BK39" i="4"/>
  <c r="BK47" i="4"/>
  <c r="BK55" i="4"/>
  <c r="BK60" i="4"/>
  <c r="BK64" i="4"/>
  <c r="BK68" i="4"/>
  <c r="BK72" i="4"/>
  <c r="BK76" i="4"/>
  <c r="BK80" i="4"/>
  <c r="BK84" i="4"/>
  <c r="BK88" i="4"/>
  <c r="BK92" i="4"/>
  <c r="BK96" i="4"/>
  <c r="BK100" i="4"/>
  <c r="BK104" i="4"/>
  <c r="BK108" i="4"/>
  <c r="BK112" i="4"/>
  <c r="BK116" i="4"/>
  <c r="BK117" i="4"/>
  <c r="BK119" i="4"/>
  <c r="BK121" i="4"/>
  <c r="BK123" i="4"/>
  <c r="BK125" i="4"/>
  <c r="BK127" i="4"/>
  <c r="BK129" i="4"/>
  <c r="BK131" i="4"/>
  <c r="BK133" i="4"/>
  <c r="BK135" i="4"/>
  <c r="BK137" i="4"/>
  <c r="BK139" i="4"/>
  <c r="BK141" i="4"/>
  <c r="BK143" i="4"/>
  <c r="BK145" i="4"/>
  <c r="BK147" i="4"/>
  <c r="BK149" i="4"/>
  <c r="BK151" i="4"/>
  <c r="BK153" i="4"/>
  <c r="BK155" i="4"/>
  <c r="BK157" i="4"/>
  <c r="BK159" i="4"/>
  <c r="BK161" i="4"/>
  <c r="BK163" i="4"/>
  <c r="BK165" i="4"/>
  <c r="BK167" i="4"/>
  <c r="BK169" i="4"/>
  <c r="BK171" i="4"/>
  <c r="BK173" i="4"/>
  <c r="BK175" i="4"/>
  <c r="BK177" i="4"/>
  <c r="BK179" i="4"/>
  <c r="BK181" i="4"/>
  <c r="BK183" i="4"/>
  <c r="BK185" i="4"/>
  <c r="BK187" i="4"/>
  <c r="BK189" i="4"/>
  <c r="BK191" i="4"/>
  <c r="BK193" i="4"/>
  <c r="BK195" i="4"/>
  <c r="BK197" i="4"/>
  <c r="BK199" i="4"/>
  <c r="BK201" i="4"/>
  <c r="BK203" i="4"/>
  <c r="BK205" i="4"/>
  <c r="BK207" i="4"/>
  <c r="BK209" i="4"/>
  <c r="BK211" i="4"/>
  <c r="BK213" i="4"/>
  <c r="BK215" i="4"/>
  <c r="BK217" i="4"/>
  <c r="BK219" i="4"/>
  <c r="BK221" i="4"/>
  <c r="BK223" i="4"/>
  <c r="BK225" i="4"/>
  <c r="BK227" i="4"/>
  <c r="BK229" i="4"/>
  <c r="BK231" i="4"/>
  <c r="BK43" i="4"/>
  <c r="BK66" i="4"/>
  <c r="BK74" i="4"/>
  <c r="BK82" i="4"/>
  <c r="BK90" i="4"/>
  <c r="BK98" i="4"/>
  <c r="BK106" i="4"/>
  <c r="BK114" i="4"/>
  <c r="BK118" i="4"/>
  <c r="BK122" i="4"/>
  <c r="BK126" i="4"/>
  <c r="BK130" i="4"/>
  <c r="BK134" i="4"/>
  <c r="BK138" i="4"/>
  <c r="BK142" i="4"/>
  <c r="BK146" i="4"/>
  <c r="BK150" i="4"/>
  <c r="BK154" i="4"/>
  <c r="BK158" i="4"/>
  <c r="BK162" i="4"/>
  <c r="BK166" i="4"/>
  <c r="BK170" i="4"/>
  <c r="BK174" i="4"/>
  <c r="BK178" i="4"/>
  <c r="BK182" i="4"/>
  <c r="BK186" i="4"/>
  <c r="BK190" i="4"/>
  <c r="BK194" i="4"/>
  <c r="BK198" i="4"/>
  <c r="BK202" i="4"/>
  <c r="BK206" i="4"/>
  <c r="BK210" i="4"/>
  <c r="BK214" i="4"/>
  <c r="BK218" i="4"/>
  <c r="BK222" i="4"/>
  <c r="BK226" i="4"/>
  <c r="BK230" i="4"/>
  <c r="BK232" i="4"/>
  <c r="BK234" i="4"/>
  <c r="BK236" i="4"/>
  <c r="BK238" i="4"/>
  <c r="BK240" i="4"/>
  <c r="BK242" i="4"/>
  <c r="BK244" i="4"/>
  <c r="BK246" i="4"/>
  <c r="BK248" i="4"/>
  <c r="BK250" i="4"/>
  <c r="BK252" i="4"/>
  <c r="BK254" i="4"/>
  <c r="BK256" i="4"/>
  <c r="BK258" i="4"/>
  <c r="BK260" i="4"/>
  <c r="BK262" i="4"/>
  <c r="BK264" i="4"/>
  <c r="BK266" i="4"/>
  <c r="BK268" i="4"/>
  <c r="BK270" i="4"/>
  <c r="BK272" i="4"/>
  <c r="BK274" i="4"/>
  <c r="BK276" i="4"/>
  <c r="BK278" i="4"/>
  <c r="BK280" i="4"/>
  <c r="BK282" i="4"/>
  <c r="BK284" i="4"/>
  <c r="BK286" i="4"/>
  <c r="BK288" i="4"/>
  <c r="BK290" i="4"/>
  <c r="BK292" i="4"/>
  <c r="BK294" i="4"/>
  <c r="BK296" i="4"/>
  <c r="BK298" i="4"/>
  <c r="BK300" i="4"/>
  <c r="BK302" i="4"/>
  <c r="BK304" i="4"/>
  <c r="BK306" i="4"/>
  <c r="BK308" i="4"/>
  <c r="BK310" i="4"/>
  <c r="BK312" i="4"/>
  <c r="BK314" i="4"/>
  <c r="BK316" i="4"/>
  <c r="BK318" i="4"/>
  <c r="BK320" i="4"/>
  <c r="BK322" i="4"/>
  <c r="BK324" i="4"/>
  <c r="BK326" i="4"/>
  <c r="BK328" i="4"/>
  <c r="BK330" i="4"/>
  <c r="BK332" i="4"/>
  <c r="BK334" i="4"/>
  <c r="BK336" i="4"/>
  <c r="BK338" i="4"/>
  <c r="BK340" i="4"/>
  <c r="BK342" i="4"/>
  <c r="BK344" i="4"/>
  <c r="BK346" i="4"/>
  <c r="BK29" i="4"/>
  <c r="BK35" i="4"/>
  <c r="BK51" i="4"/>
  <c r="BK62" i="4"/>
  <c r="BK70" i="4"/>
  <c r="BK78" i="4"/>
  <c r="BK86" i="4"/>
  <c r="BK94" i="4"/>
  <c r="BK102" i="4"/>
  <c r="BK128" i="4"/>
  <c r="BK110" i="4"/>
  <c r="BK120" i="4"/>
  <c r="BK124" i="4"/>
  <c r="BK136" i="4"/>
  <c r="BK144" i="4"/>
  <c r="BK152" i="4"/>
  <c r="BK160" i="4"/>
  <c r="BK168" i="4"/>
  <c r="BK132" i="4"/>
  <c r="BK140" i="4"/>
  <c r="BK148" i="4"/>
  <c r="BK156" i="4"/>
  <c r="BK164" i="4"/>
  <c r="BK176" i="4"/>
  <c r="BK184" i="4"/>
  <c r="BK192" i="4"/>
  <c r="BK200" i="4"/>
  <c r="BK208" i="4"/>
  <c r="BK172" i="4"/>
  <c r="BK180" i="4"/>
  <c r="BK188" i="4"/>
  <c r="BK196" i="4"/>
  <c r="BK204" i="4"/>
  <c r="BK212" i="4"/>
  <c r="BK220" i="4"/>
  <c r="BK228" i="4"/>
  <c r="BK235" i="4"/>
  <c r="BK239" i="4"/>
  <c r="BK216" i="4"/>
  <c r="BK233" i="4"/>
  <c r="BK241" i="4"/>
  <c r="BK245" i="4"/>
  <c r="BK249" i="4"/>
  <c r="BK253" i="4"/>
  <c r="BK257" i="4"/>
  <c r="BK261" i="4"/>
  <c r="BK265" i="4"/>
  <c r="BK269" i="4"/>
  <c r="BK273" i="4"/>
  <c r="BK277" i="4"/>
  <c r="BK281" i="4"/>
  <c r="BK285" i="4"/>
  <c r="BK289" i="4"/>
  <c r="BK293" i="4"/>
  <c r="BK297" i="4"/>
  <c r="BK301" i="4"/>
  <c r="BK305" i="4"/>
  <c r="BK309" i="4"/>
  <c r="BK313" i="4"/>
  <c r="BK224" i="4"/>
  <c r="BK237" i="4"/>
  <c r="BK243" i="4"/>
  <c r="BK247" i="4"/>
  <c r="BK251" i="4"/>
  <c r="BK255" i="4"/>
  <c r="BK259" i="4"/>
  <c r="BK263" i="4"/>
  <c r="BK267" i="4"/>
  <c r="BK271" i="4"/>
  <c r="BK275" i="4"/>
  <c r="BK279" i="4"/>
  <c r="BK283" i="4"/>
  <c r="BK287" i="4"/>
  <c r="BK291" i="4"/>
  <c r="BK295" i="4"/>
  <c r="BK299" i="4"/>
  <c r="BK303" i="4"/>
  <c r="BK307" i="4"/>
  <c r="BI2" i="4"/>
  <c r="BI4" i="4"/>
  <c r="BI5" i="4"/>
  <c r="BI7" i="4"/>
  <c r="BI3" i="4"/>
  <c r="BI8" i="4"/>
  <c r="BI9" i="4"/>
  <c r="BI11" i="4"/>
  <c r="BI13" i="4"/>
  <c r="BI15" i="4"/>
  <c r="BI6" i="4"/>
  <c r="BI10" i="4"/>
  <c r="BI14" i="4"/>
  <c r="BI16" i="4"/>
  <c r="BI18" i="4"/>
  <c r="BI20" i="4"/>
  <c r="BI22" i="4"/>
  <c r="BI24" i="4"/>
  <c r="BI26" i="4"/>
  <c r="BI28" i="4"/>
  <c r="BI12" i="4"/>
  <c r="BI17" i="4"/>
  <c r="BI21" i="4"/>
  <c r="BI25" i="4"/>
  <c r="BI29" i="4"/>
  <c r="BI30" i="4"/>
  <c r="BI32" i="4"/>
  <c r="BI34" i="4"/>
  <c r="BI36" i="4"/>
  <c r="BI38" i="4"/>
  <c r="BI40" i="4"/>
  <c r="BI42" i="4"/>
  <c r="BI44" i="4"/>
  <c r="BI46" i="4"/>
  <c r="BI48" i="4"/>
  <c r="BI50" i="4"/>
  <c r="BI52" i="4"/>
  <c r="BI54" i="4"/>
  <c r="BI56" i="4"/>
  <c r="BI58" i="4"/>
  <c r="BI23" i="4"/>
  <c r="BI31" i="4"/>
  <c r="BI35" i="4"/>
  <c r="BI39" i="4"/>
  <c r="BI43" i="4"/>
  <c r="BI47" i="4"/>
  <c r="BI51" i="4"/>
  <c r="BI55" i="4"/>
  <c r="BI59" i="4"/>
  <c r="BI61" i="4"/>
  <c r="BI63" i="4"/>
  <c r="BI65" i="4"/>
  <c r="BI67" i="4"/>
  <c r="BI69" i="4"/>
  <c r="BI71" i="4"/>
  <c r="BI73" i="4"/>
  <c r="BI75" i="4"/>
  <c r="BI77" i="4"/>
  <c r="BI79" i="4"/>
  <c r="BI81" i="4"/>
  <c r="BI83" i="4"/>
  <c r="BI85" i="4"/>
  <c r="BI87" i="4"/>
  <c r="BI89" i="4"/>
  <c r="BI91" i="4"/>
  <c r="BI93" i="4"/>
  <c r="BI95" i="4"/>
  <c r="BI97" i="4"/>
  <c r="BI99" i="4"/>
  <c r="BI101" i="4"/>
  <c r="BI103" i="4"/>
  <c r="BI105" i="4"/>
  <c r="BI107" i="4"/>
  <c r="BI109" i="4"/>
  <c r="BI111" i="4"/>
  <c r="BI113" i="4"/>
  <c r="BI115" i="4"/>
  <c r="BI19" i="4"/>
  <c r="BI37" i="4"/>
  <c r="BI45" i="4"/>
  <c r="BI53" i="4"/>
  <c r="BI62" i="4"/>
  <c r="BI66" i="4"/>
  <c r="BI70" i="4"/>
  <c r="BI74" i="4"/>
  <c r="BI78" i="4"/>
  <c r="BI82" i="4"/>
  <c r="BI86" i="4"/>
  <c r="BI90" i="4"/>
  <c r="BI94" i="4"/>
  <c r="BI98" i="4"/>
  <c r="BI102" i="4"/>
  <c r="BI106" i="4"/>
  <c r="BI110" i="4"/>
  <c r="BI114" i="4"/>
  <c r="BI117" i="4"/>
  <c r="BI119" i="4"/>
  <c r="BI121" i="4"/>
  <c r="BI123" i="4"/>
  <c r="BI125" i="4"/>
  <c r="BI127" i="4"/>
  <c r="BI129" i="4"/>
  <c r="BI131" i="4"/>
  <c r="BI133" i="4"/>
  <c r="BI135" i="4"/>
  <c r="BI137" i="4"/>
  <c r="BI139" i="4"/>
  <c r="BI141" i="4"/>
  <c r="BI143" i="4"/>
  <c r="BI145" i="4"/>
  <c r="BI147" i="4"/>
  <c r="BI149" i="4"/>
  <c r="BI151" i="4"/>
  <c r="BI153" i="4"/>
  <c r="BI155" i="4"/>
  <c r="BI157" i="4"/>
  <c r="BI159" i="4"/>
  <c r="BI161" i="4"/>
  <c r="BI163" i="4"/>
  <c r="BI165" i="4"/>
  <c r="BI167" i="4"/>
  <c r="BI169" i="4"/>
  <c r="BI171" i="4"/>
  <c r="BI173" i="4"/>
  <c r="BI175" i="4"/>
  <c r="BI177" i="4"/>
  <c r="BI179" i="4"/>
  <c r="BI181" i="4"/>
  <c r="BI183" i="4"/>
  <c r="BI185" i="4"/>
  <c r="BI187" i="4"/>
  <c r="BI189" i="4"/>
  <c r="BI191" i="4"/>
  <c r="BI193" i="4"/>
  <c r="BI195" i="4"/>
  <c r="BI197" i="4"/>
  <c r="BI199" i="4"/>
  <c r="BI201" i="4"/>
  <c r="BI203" i="4"/>
  <c r="BI205" i="4"/>
  <c r="BI207" i="4"/>
  <c r="BI209" i="4"/>
  <c r="BI211" i="4"/>
  <c r="BI213" i="4"/>
  <c r="BI215" i="4"/>
  <c r="BI217" i="4"/>
  <c r="BI219" i="4"/>
  <c r="BI221" i="4"/>
  <c r="BI223" i="4"/>
  <c r="BI225" i="4"/>
  <c r="BI227" i="4"/>
  <c r="BI229" i="4"/>
  <c r="BI231" i="4"/>
  <c r="BI27" i="4"/>
  <c r="BI41" i="4"/>
  <c r="BI57" i="4"/>
  <c r="BI64" i="4"/>
  <c r="BI72" i="4"/>
  <c r="BI80" i="4"/>
  <c r="BI88" i="4"/>
  <c r="BI96" i="4"/>
  <c r="BI104" i="4"/>
  <c r="BI112" i="4"/>
  <c r="BI120" i="4"/>
  <c r="BI124" i="4"/>
  <c r="BI128" i="4"/>
  <c r="BI132" i="4"/>
  <c r="BI136" i="4"/>
  <c r="BI140" i="4"/>
  <c r="BI144" i="4"/>
  <c r="BI148" i="4"/>
  <c r="BI152" i="4"/>
  <c r="BI156" i="4"/>
  <c r="BI160" i="4"/>
  <c r="BI164" i="4"/>
  <c r="BI168" i="4"/>
  <c r="BI172" i="4"/>
  <c r="BI176" i="4"/>
  <c r="BI180" i="4"/>
  <c r="BI184" i="4"/>
  <c r="BI188" i="4"/>
  <c r="BI192" i="4"/>
  <c r="BI196" i="4"/>
  <c r="BI200" i="4"/>
  <c r="BI204" i="4"/>
  <c r="BI208" i="4"/>
  <c r="BI212" i="4"/>
  <c r="BI216" i="4"/>
  <c r="BI220" i="4"/>
  <c r="BI224" i="4"/>
  <c r="BI228" i="4"/>
  <c r="BI232" i="4"/>
  <c r="BI234" i="4"/>
  <c r="BI236" i="4"/>
  <c r="BI238" i="4"/>
  <c r="BI240" i="4"/>
  <c r="BI242" i="4"/>
  <c r="BI244" i="4"/>
  <c r="BI246" i="4"/>
  <c r="BI248" i="4"/>
  <c r="BI250" i="4"/>
  <c r="BI252" i="4"/>
  <c r="BI254" i="4"/>
  <c r="BI256" i="4"/>
  <c r="BI258" i="4"/>
  <c r="BI260" i="4"/>
  <c r="BI262" i="4"/>
  <c r="BI264" i="4"/>
  <c r="BI266" i="4"/>
  <c r="BI268" i="4"/>
  <c r="BI270" i="4"/>
  <c r="BI272" i="4"/>
  <c r="BI274" i="4"/>
  <c r="BI276" i="4"/>
  <c r="BI278" i="4"/>
  <c r="BI280" i="4"/>
  <c r="BI282" i="4"/>
  <c r="BI284" i="4"/>
  <c r="BI286" i="4"/>
  <c r="BI288" i="4"/>
  <c r="BI290" i="4"/>
  <c r="BI292" i="4"/>
  <c r="BI294" i="4"/>
  <c r="BI296" i="4"/>
  <c r="BI298" i="4"/>
  <c r="BI300" i="4"/>
  <c r="BI302" i="4"/>
  <c r="BI304" i="4"/>
  <c r="BI306" i="4"/>
  <c r="BI308" i="4"/>
  <c r="BI310" i="4"/>
  <c r="BI312" i="4"/>
  <c r="BI314" i="4"/>
  <c r="BI316" i="4"/>
  <c r="BI318" i="4"/>
  <c r="BI320" i="4"/>
  <c r="BI322" i="4"/>
  <c r="BI324" i="4"/>
  <c r="BI326" i="4"/>
  <c r="BI328" i="4"/>
  <c r="BI330" i="4"/>
  <c r="BI332" i="4"/>
  <c r="BI334" i="4"/>
  <c r="BI336" i="4"/>
  <c r="BI338" i="4"/>
  <c r="BI340" i="4"/>
  <c r="BI342" i="4"/>
  <c r="BI344" i="4"/>
  <c r="BI346" i="4"/>
  <c r="BI33" i="4"/>
  <c r="BI49" i="4"/>
  <c r="BI60" i="4"/>
  <c r="BI68" i="4"/>
  <c r="BI76" i="4"/>
  <c r="BI84" i="4"/>
  <c r="BI92" i="4"/>
  <c r="BI100" i="4"/>
  <c r="BI108" i="4"/>
  <c r="BI116" i="4"/>
  <c r="BI118" i="4"/>
  <c r="BI122" i="4"/>
  <c r="BI130" i="4"/>
  <c r="BI126" i="4"/>
  <c r="BI134" i="4"/>
  <c r="BI142" i="4"/>
  <c r="BI150" i="4"/>
  <c r="BI158" i="4"/>
  <c r="BI166" i="4"/>
  <c r="BI138" i="4"/>
  <c r="BI146" i="4"/>
  <c r="BI154" i="4"/>
  <c r="BI162" i="4"/>
  <c r="BI174" i="4"/>
  <c r="BI182" i="4"/>
  <c r="BI190" i="4"/>
  <c r="BI198" i="4"/>
  <c r="BI206" i="4"/>
  <c r="BI170" i="4"/>
  <c r="BI178" i="4"/>
  <c r="BI186" i="4"/>
  <c r="BI194" i="4"/>
  <c r="BI202" i="4"/>
  <c r="BI210" i="4"/>
  <c r="BI218" i="4"/>
  <c r="BI226" i="4"/>
  <c r="BI233" i="4"/>
  <c r="BI237" i="4"/>
  <c r="BI214" i="4"/>
  <c r="BI230" i="4"/>
  <c r="BI235" i="4"/>
  <c r="BI243" i="4"/>
  <c r="BI247" i="4"/>
  <c r="BI251" i="4"/>
  <c r="BI255" i="4"/>
  <c r="BI259" i="4"/>
  <c r="BI263" i="4"/>
  <c r="BI267" i="4"/>
  <c r="BI271" i="4"/>
  <c r="BI275" i="4"/>
  <c r="BI279" i="4"/>
  <c r="BI283" i="4"/>
  <c r="BI287" i="4"/>
  <c r="BI291" i="4"/>
  <c r="BI295" i="4"/>
  <c r="BI299" i="4"/>
  <c r="BI303" i="4"/>
  <c r="BI307" i="4"/>
  <c r="BI311" i="4"/>
  <c r="BI315" i="4"/>
  <c r="BI222" i="4"/>
  <c r="BI239" i="4"/>
  <c r="BI241" i="4"/>
  <c r="BI245" i="4"/>
  <c r="BI249" i="4"/>
  <c r="BI253" i="4"/>
  <c r="BI257" i="4"/>
  <c r="BI261" i="4"/>
  <c r="BI265" i="4"/>
  <c r="BI269" i="4"/>
  <c r="BI273" i="4"/>
  <c r="BI277" i="4"/>
  <c r="BI281" i="4"/>
  <c r="BI285" i="4"/>
  <c r="BI289" i="4"/>
  <c r="BI293" i="4"/>
  <c r="BI297" i="4"/>
  <c r="BI301" i="4"/>
  <c r="BI305" i="4"/>
  <c r="BI309" i="4"/>
  <c r="BG2" i="4"/>
  <c r="BG4" i="4"/>
  <c r="BG3" i="4"/>
  <c r="BG5" i="4"/>
  <c r="BG7" i="4"/>
  <c r="BG6" i="4"/>
  <c r="BG9" i="4"/>
  <c r="BG11" i="4"/>
  <c r="BG13" i="4"/>
  <c r="BG15" i="4"/>
  <c r="BG12" i="4"/>
  <c r="BG16" i="4"/>
  <c r="BG18" i="4"/>
  <c r="BG20" i="4"/>
  <c r="BG22" i="4"/>
  <c r="BG24" i="4"/>
  <c r="BG26" i="4"/>
  <c r="BG28" i="4"/>
  <c r="BG8" i="4"/>
  <c r="BG10" i="4"/>
  <c r="BG19" i="4"/>
  <c r="BG23" i="4"/>
  <c r="BG27" i="4"/>
  <c r="BG30" i="4"/>
  <c r="BG32" i="4"/>
  <c r="BG34" i="4"/>
  <c r="BG36" i="4"/>
  <c r="BG38" i="4"/>
  <c r="BG40" i="4"/>
  <c r="BG42" i="4"/>
  <c r="BG44" i="4"/>
  <c r="BG46" i="4"/>
  <c r="BG48" i="4"/>
  <c r="BG50" i="4"/>
  <c r="BG52" i="4"/>
  <c r="BG54" i="4"/>
  <c r="BG56" i="4"/>
  <c r="BG58" i="4"/>
  <c r="BG14" i="4"/>
  <c r="BG21" i="4"/>
  <c r="BG29" i="4"/>
  <c r="BG33" i="4"/>
  <c r="BG37" i="4"/>
  <c r="BG41" i="4"/>
  <c r="BG45" i="4"/>
  <c r="BG49" i="4"/>
  <c r="BG53" i="4"/>
  <c r="BG57" i="4"/>
  <c r="BG59" i="4"/>
  <c r="BG61" i="4"/>
  <c r="BG63" i="4"/>
  <c r="BG65" i="4"/>
  <c r="BG67" i="4"/>
  <c r="BG69" i="4"/>
  <c r="BG71" i="4"/>
  <c r="BG73" i="4"/>
  <c r="BG75" i="4"/>
  <c r="BG77" i="4"/>
  <c r="BG79" i="4"/>
  <c r="BG81" i="4"/>
  <c r="BG83" i="4"/>
  <c r="BG85" i="4"/>
  <c r="BG87" i="4"/>
  <c r="BG89" i="4"/>
  <c r="BG91" i="4"/>
  <c r="BG93" i="4"/>
  <c r="BG95" i="4"/>
  <c r="BG97" i="4"/>
  <c r="BG99" i="4"/>
  <c r="BG101" i="4"/>
  <c r="BG103" i="4"/>
  <c r="BG105" i="4"/>
  <c r="BG107" i="4"/>
  <c r="BG109" i="4"/>
  <c r="BG111" i="4"/>
  <c r="BG113" i="4"/>
  <c r="BG115" i="4"/>
  <c r="BG17" i="4"/>
  <c r="BG35" i="4"/>
  <c r="BG43" i="4"/>
  <c r="BG51" i="4"/>
  <c r="BG60" i="4"/>
  <c r="BG64" i="4"/>
  <c r="BG68" i="4"/>
  <c r="BG72" i="4"/>
  <c r="BG76" i="4"/>
  <c r="BG80" i="4"/>
  <c r="BG84" i="4"/>
  <c r="BG88" i="4"/>
  <c r="BG92" i="4"/>
  <c r="BG96" i="4"/>
  <c r="BG100" i="4"/>
  <c r="BG104" i="4"/>
  <c r="BG108" i="4"/>
  <c r="BG112" i="4"/>
  <c r="BG116" i="4"/>
  <c r="BG117" i="4"/>
  <c r="BG119" i="4"/>
  <c r="BG121" i="4"/>
  <c r="BG123" i="4"/>
  <c r="BG125" i="4"/>
  <c r="BG127" i="4"/>
  <c r="BG129" i="4"/>
  <c r="BG131" i="4"/>
  <c r="BG133" i="4"/>
  <c r="BG135" i="4"/>
  <c r="BG137" i="4"/>
  <c r="BG139" i="4"/>
  <c r="BG141" i="4"/>
  <c r="BG143" i="4"/>
  <c r="BG145" i="4"/>
  <c r="BG147" i="4"/>
  <c r="BG149" i="4"/>
  <c r="BG151" i="4"/>
  <c r="BG153" i="4"/>
  <c r="BG155" i="4"/>
  <c r="BG157" i="4"/>
  <c r="BG159" i="4"/>
  <c r="BG161" i="4"/>
  <c r="BG163" i="4"/>
  <c r="BG165" i="4"/>
  <c r="BG167" i="4"/>
  <c r="BG169" i="4"/>
  <c r="BG171" i="4"/>
  <c r="BG173" i="4"/>
  <c r="BG175" i="4"/>
  <c r="BG177" i="4"/>
  <c r="BG179" i="4"/>
  <c r="BG181" i="4"/>
  <c r="BG183" i="4"/>
  <c r="BG185" i="4"/>
  <c r="BG187" i="4"/>
  <c r="BG189" i="4"/>
  <c r="BG191" i="4"/>
  <c r="BG193" i="4"/>
  <c r="BG195" i="4"/>
  <c r="BG197" i="4"/>
  <c r="BG199" i="4"/>
  <c r="BG201" i="4"/>
  <c r="BG203" i="4"/>
  <c r="BG205" i="4"/>
  <c r="BG207" i="4"/>
  <c r="BG209" i="4"/>
  <c r="BG211" i="4"/>
  <c r="BG213" i="4"/>
  <c r="BG215" i="4"/>
  <c r="BG217" i="4"/>
  <c r="BG219" i="4"/>
  <c r="BG221" i="4"/>
  <c r="BG223" i="4"/>
  <c r="BG225" i="4"/>
  <c r="BG227" i="4"/>
  <c r="BG229" i="4"/>
  <c r="BG231" i="4"/>
  <c r="BG39" i="4"/>
  <c r="BG55" i="4"/>
  <c r="BG62" i="4"/>
  <c r="BG70" i="4"/>
  <c r="BG78" i="4"/>
  <c r="BG86" i="4"/>
  <c r="BG94" i="4"/>
  <c r="BG102" i="4"/>
  <c r="BG110" i="4"/>
  <c r="BG118" i="4"/>
  <c r="BG122" i="4"/>
  <c r="BG126" i="4"/>
  <c r="BG130" i="4"/>
  <c r="BG134" i="4"/>
  <c r="BG138" i="4"/>
  <c r="BG142" i="4"/>
  <c r="BG146" i="4"/>
  <c r="BG150" i="4"/>
  <c r="BG154" i="4"/>
  <c r="BG158" i="4"/>
  <c r="BG162" i="4"/>
  <c r="BG166" i="4"/>
  <c r="BG170" i="4"/>
  <c r="BG174" i="4"/>
  <c r="BG178" i="4"/>
  <c r="BG182" i="4"/>
  <c r="BG186" i="4"/>
  <c r="BG190" i="4"/>
  <c r="BG194" i="4"/>
  <c r="BG198" i="4"/>
  <c r="BG202" i="4"/>
  <c r="BG206" i="4"/>
  <c r="BG210" i="4"/>
  <c r="BG214" i="4"/>
  <c r="BG218" i="4"/>
  <c r="BG222" i="4"/>
  <c r="BG226" i="4"/>
  <c r="BG230" i="4"/>
  <c r="BG232" i="4"/>
  <c r="BG234" i="4"/>
  <c r="BG236" i="4"/>
  <c r="BG238" i="4"/>
  <c r="BG240" i="4"/>
  <c r="BG242" i="4"/>
  <c r="BG244" i="4"/>
  <c r="BG246" i="4"/>
  <c r="BG248" i="4"/>
  <c r="BG250" i="4"/>
  <c r="BG252" i="4"/>
  <c r="BG254" i="4"/>
  <c r="BG256" i="4"/>
  <c r="BG258" i="4"/>
  <c r="BG260" i="4"/>
  <c r="BG262" i="4"/>
  <c r="BG264" i="4"/>
  <c r="BG266" i="4"/>
  <c r="BG268" i="4"/>
  <c r="BG270" i="4"/>
  <c r="BG272" i="4"/>
  <c r="BG274" i="4"/>
  <c r="BG276" i="4"/>
  <c r="BG278" i="4"/>
  <c r="BG280" i="4"/>
  <c r="BG282" i="4"/>
  <c r="BG284" i="4"/>
  <c r="BG286" i="4"/>
  <c r="BG288" i="4"/>
  <c r="BG290" i="4"/>
  <c r="BG292" i="4"/>
  <c r="BG294" i="4"/>
  <c r="BG296" i="4"/>
  <c r="BG298" i="4"/>
  <c r="BG300" i="4"/>
  <c r="BG302" i="4"/>
  <c r="BG304" i="4"/>
  <c r="BG306" i="4"/>
  <c r="BG308" i="4"/>
  <c r="BG310" i="4"/>
  <c r="BG312" i="4"/>
  <c r="BG314" i="4"/>
  <c r="BG316" i="4"/>
  <c r="BG318" i="4"/>
  <c r="BG320" i="4"/>
  <c r="BG322" i="4"/>
  <c r="BG324" i="4"/>
  <c r="BG326" i="4"/>
  <c r="BG328" i="4"/>
  <c r="BG330" i="4"/>
  <c r="BG332" i="4"/>
  <c r="BG334" i="4"/>
  <c r="BG336" i="4"/>
  <c r="BG338" i="4"/>
  <c r="BG340" i="4"/>
  <c r="BG342" i="4"/>
  <c r="BG344" i="4"/>
  <c r="BG346" i="4"/>
  <c r="BG25" i="4"/>
  <c r="BG31" i="4"/>
  <c r="BG47" i="4"/>
  <c r="BG66" i="4"/>
  <c r="BG74" i="4"/>
  <c r="BG82" i="4"/>
  <c r="BG90" i="4"/>
  <c r="BG98" i="4"/>
  <c r="BG106" i="4"/>
  <c r="BG114" i="4"/>
  <c r="BG128" i="4"/>
  <c r="BG120" i="4"/>
  <c r="BG124" i="4"/>
  <c r="BG132" i="4"/>
  <c r="BG140" i="4"/>
  <c r="BG148" i="4"/>
  <c r="BG156" i="4"/>
  <c r="BG164" i="4"/>
  <c r="BG136" i="4"/>
  <c r="BG144" i="4"/>
  <c r="BG152" i="4"/>
  <c r="BG160" i="4"/>
  <c r="BG168" i="4"/>
  <c r="BG172" i="4"/>
  <c r="BG180" i="4"/>
  <c r="BG188" i="4"/>
  <c r="BG196" i="4"/>
  <c r="BG204" i="4"/>
  <c r="BG212" i="4"/>
  <c r="BG176" i="4"/>
  <c r="BG184" i="4"/>
  <c r="BG192" i="4"/>
  <c r="BG200" i="4"/>
  <c r="BG208" i="4"/>
  <c r="BG216" i="4"/>
  <c r="BG224" i="4"/>
  <c r="BG235" i="4"/>
  <c r="BG239" i="4"/>
  <c r="BG228" i="4"/>
  <c r="BG237" i="4"/>
  <c r="BG241" i="4"/>
  <c r="BG245" i="4"/>
  <c r="BG249" i="4"/>
  <c r="BG253" i="4"/>
  <c r="BG257" i="4"/>
  <c r="BG261" i="4"/>
  <c r="BG265" i="4"/>
  <c r="BG269" i="4"/>
  <c r="BG273" i="4"/>
  <c r="BG277" i="4"/>
  <c r="BG281" i="4"/>
  <c r="BG285" i="4"/>
  <c r="BG289" i="4"/>
  <c r="BG293" i="4"/>
  <c r="BG297" i="4"/>
  <c r="BG301" i="4"/>
  <c r="BG305" i="4"/>
  <c r="BG309" i="4"/>
  <c r="BG313" i="4"/>
  <c r="BG220" i="4"/>
  <c r="BG233" i="4"/>
  <c r="BG243" i="4"/>
  <c r="BG247" i="4"/>
  <c r="BG251" i="4"/>
  <c r="BG255" i="4"/>
  <c r="BG259" i="4"/>
  <c r="BG263" i="4"/>
  <c r="BG267" i="4"/>
  <c r="BG271" i="4"/>
  <c r="BG275" i="4"/>
  <c r="BG279" i="4"/>
  <c r="BG283" i="4"/>
  <c r="BG287" i="4"/>
  <c r="BG291" i="4"/>
  <c r="BG295" i="4"/>
  <c r="BG299" i="4"/>
  <c r="BG303" i="4"/>
  <c r="BG307" i="4"/>
  <c r="BE2" i="4"/>
  <c r="BE4" i="4"/>
  <c r="BE5" i="4"/>
  <c r="BE7" i="4"/>
  <c r="BE8" i="4"/>
  <c r="BE9" i="4"/>
  <c r="BE11" i="4"/>
  <c r="BE13" i="4"/>
  <c r="BE15" i="4"/>
  <c r="BE3" i="4"/>
  <c r="BE10" i="4"/>
  <c r="BE14" i="4"/>
  <c r="BE16" i="4"/>
  <c r="BE18" i="4"/>
  <c r="BE20" i="4"/>
  <c r="BE22" i="4"/>
  <c r="BE24" i="4"/>
  <c r="BE26" i="4"/>
  <c r="BE28" i="4"/>
  <c r="BE6" i="4"/>
  <c r="BE17" i="4"/>
  <c r="BE21" i="4"/>
  <c r="BE25" i="4"/>
  <c r="BE29" i="4"/>
  <c r="BE30" i="4"/>
  <c r="BE32" i="4"/>
  <c r="BE34" i="4"/>
  <c r="BE36" i="4"/>
  <c r="BE38" i="4"/>
  <c r="BE40" i="4"/>
  <c r="BE42" i="4"/>
  <c r="BE44" i="4"/>
  <c r="BE46" i="4"/>
  <c r="BE48" i="4"/>
  <c r="BE50" i="4"/>
  <c r="BE52" i="4"/>
  <c r="BE54" i="4"/>
  <c r="BE56" i="4"/>
  <c r="BE58" i="4"/>
  <c r="BE12" i="4"/>
  <c r="BE19" i="4"/>
  <c r="BE27" i="4"/>
  <c r="BE31" i="4"/>
  <c r="BE35" i="4"/>
  <c r="BE39" i="4"/>
  <c r="BE43" i="4"/>
  <c r="BE47" i="4"/>
  <c r="BE51" i="4"/>
  <c r="BE55" i="4"/>
  <c r="BE59" i="4"/>
  <c r="BE61" i="4"/>
  <c r="BE63" i="4"/>
  <c r="BE65" i="4"/>
  <c r="BE67" i="4"/>
  <c r="BE69" i="4"/>
  <c r="BE71" i="4"/>
  <c r="BE73" i="4"/>
  <c r="BE75" i="4"/>
  <c r="BE77" i="4"/>
  <c r="BE79" i="4"/>
  <c r="BE81" i="4"/>
  <c r="BE83" i="4"/>
  <c r="BE85" i="4"/>
  <c r="BE87" i="4"/>
  <c r="BE89" i="4"/>
  <c r="BE91" i="4"/>
  <c r="BE93" i="4"/>
  <c r="BE95" i="4"/>
  <c r="BE97" i="4"/>
  <c r="BE99" i="4"/>
  <c r="BE101" i="4"/>
  <c r="BE103" i="4"/>
  <c r="BE105" i="4"/>
  <c r="BE107" i="4"/>
  <c r="BE109" i="4"/>
  <c r="BE111" i="4"/>
  <c r="BE113" i="4"/>
  <c r="BE115" i="4"/>
  <c r="BE33" i="4"/>
  <c r="BE41" i="4"/>
  <c r="BE49" i="4"/>
  <c r="BE57" i="4"/>
  <c r="BE62" i="4"/>
  <c r="BE66" i="4"/>
  <c r="BE70" i="4"/>
  <c r="BE74" i="4"/>
  <c r="BE78" i="4"/>
  <c r="BE82" i="4"/>
  <c r="BE86" i="4"/>
  <c r="BE90" i="4"/>
  <c r="BE94" i="4"/>
  <c r="BE98" i="4"/>
  <c r="BE102" i="4"/>
  <c r="BE106" i="4"/>
  <c r="BE110" i="4"/>
  <c r="BE114" i="4"/>
  <c r="BE117" i="4"/>
  <c r="BE119" i="4"/>
  <c r="BE121" i="4"/>
  <c r="BE123" i="4"/>
  <c r="BE125" i="4"/>
  <c r="BE127" i="4"/>
  <c r="BE129" i="4"/>
  <c r="BE131" i="4"/>
  <c r="BE133" i="4"/>
  <c r="BE135" i="4"/>
  <c r="BE137" i="4"/>
  <c r="BE139" i="4"/>
  <c r="BE141" i="4"/>
  <c r="BE143" i="4"/>
  <c r="BE145" i="4"/>
  <c r="BE147" i="4"/>
  <c r="BE149" i="4"/>
  <c r="BE151" i="4"/>
  <c r="BE153" i="4"/>
  <c r="BE155" i="4"/>
  <c r="BE157" i="4"/>
  <c r="BE159" i="4"/>
  <c r="BE161" i="4"/>
  <c r="BE163" i="4"/>
  <c r="BE165" i="4"/>
  <c r="BE167" i="4"/>
  <c r="BE169" i="4"/>
  <c r="BE171" i="4"/>
  <c r="BE173" i="4"/>
  <c r="BE175" i="4"/>
  <c r="BE177" i="4"/>
  <c r="BE179" i="4"/>
  <c r="BE181" i="4"/>
  <c r="BE183" i="4"/>
  <c r="BE185" i="4"/>
  <c r="BE187" i="4"/>
  <c r="BE189" i="4"/>
  <c r="BE191" i="4"/>
  <c r="BE193" i="4"/>
  <c r="BE195" i="4"/>
  <c r="BE197" i="4"/>
  <c r="BE199" i="4"/>
  <c r="BE201" i="4"/>
  <c r="BE203" i="4"/>
  <c r="BE205" i="4"/>
  <c r="BE207" i="4"/>
  <c r="BE209" i="4"/>
  <c r="BE211" i="4"/>
  <c r="BE213" i="4"/>
  <c r="BE215" i="4"/>
  <c r="BE217" i="4"/>
  <c r="BE219" i="4"/>
  <c r="BE221" i="4"/>
  <c r="BE223" i="4"/>
  <c r="BE225" i="4"/>
  <c r="BE227" i="4"/>
  <c r="BE229" i="4"/>
  <c r="BE231" i="4"/>
  <c r="BE23" i="4"/>
  <c r="BE37" i="4"/>
  <c r="BE53" i="4"/>
  <c r="BE60" i="4"/>
  <c r="BE68" i="4"/>
  <c r="BE76" i="4"/>
  <c r="BE84" i="4"/>
  <c r="BE92" i="4"/>
  <c r="BE100" i="4"/>
  <c r="BE108" i="4"/>
  <c r="BE116" i="4"/>
  <c r="BE120" i="4"/>
  <c r="BE124" i="4"/>
  <c r="BE128" i="4"/>
  <c r="BE132" i="4"/>
  <c r="BE136" i="4"/>
  <c r="BE140" i="4"/>
  <c r="BE144" i="4"/>
  <c r="BE148" i="4"/>
  <c r="BE152" i="4"/>
  <c r="BE156" i="4"/>
  <c r="BE160" i="4"/>
  <c r="BE164" i="4"/>
  <c r="BE168" i="4"/>
  <c r="BE172" i="4"/>
  <c r="BE176" i="4"/>
  <c r="BE180" i="4"/>
  <c r="BE184" i="4"/>
  <c r="BE188" i="4"/>
  <c r="BE192" i="4"/>
  <c r="BE196" i="4"/>
  <c r="BE200" i="4"/>
  <c r="BE204" i="4"/>
  <c r="BE208" i="4"/>
  <c r="BE212" i="4"/>
  <c r="BE216" i="4"/>
  <c r="BE220" i="4"/>
  <c r="BE224" i="4"/>
  <c r="BE228" i="4"/>
  <c r="BE232" i="4"/>
  <c r="BE234" i="4"/>
  <c r="BE236" i="4"/>
  <c r="BE238" i="4"/>
  <c r="BE240" i="4"/>
  <c r="BE242" i="4"/>
  <c r="BE244" i="4"/>
  <c r="BE246" i="4"/>
  <c r="BE248" i="4"/>
  <c r="BE250" i="4"/>
  <c r="BE252" i="4"/>
  <c r="BE254" i="4"/>
  <c r="BE256" i="4"/>
  <c r="BE258" i="4"/>
  <c r="BE260" i="4"/>
  <c r="BE262" i="4"/>
  <c r="BE264" i="4"/>
  <c r="BE266" i="4"/>
  <c r="BE268" i="4"/>
  <c r="BE270" i="4"/>
  <c r="BE272" i="4"/>
  <c r="BE274" i="4"/>
  <c r="BE276" i="4"/>
  <c r="BE278" i="4"/>
  <c r="BE280" i="4"/>
  <c r="BE282" i="4"/>
  <c r="BE284" i="4"/>
  <c r="BE286" i="4"/>
  <c r="BE288" i="4"/>
  <c r="BE290" i="4"/>
  <c r="BE292" i="4"/>
  <c r="BE294" i="4"/>
  <c r="BE296" i="4"/>
  <c r="BE298" i="4"/>
  <c r="BE300" i="4"/>
  <c r="BE302" i="4"/>
  <c r="BE304" i="4"/>
  <c r="BE306" i="4"/>
  <c r="BE308" i="4"/>
  <c r="BE310" i="4"/>
  <c r="BE312" i="4"/>
  <c r="BE314" i="4"/>
  <c r="BE316" i="4"/>
  <c r="BE318" i="4"/>
  <c r="BE320" i="4"/>
  <c r="BE322" i="4"/>
  <c r="BE324" i="4"/>
  <c r="BE326" i="4"/>
  <c r="BE328" i="4"/>
  <c r="BE330" i="4"/>
  <c r="BE332" i="4"/>
  <c r="BE334" i="4"/>
  <c r="BE336" i="4"/>
  <c r="BE338" i="4"/>
  <c r="BE340" i="4"/>
  <c r="BE342" i="4"/>
  <c r="BE344" i="4"/>
  <c r="BE346" i="4"/>
  <c r="BE45" i="4"/>
  <c r="BE64" i="4"/>
  <c r="BE72" i="4"/>
  <c r="BE80" i="4"/>
  <c r="BE88" i="4"/>
  <c r="BE96" i="4"/>
  <c r="BE104" i="4"/>
  <c r="BE112" i="4"/>
  <c r="BE118" i="4"/>
  <c r="BE122" i="4"/>
  <c r="BE130" i="4"/>
  <c r="BE126" i="4"/>
  <c r="BE138" i="4"/>
  <c r="BE146" i="4"/>
  <c r="BE154" i="4"/>
  <c r="BE162" i="4"/>
  <c r="BE134" i="4"/>
  <c r="BE142" i="4"/>
  <c r="BE150" i="4"/>
  <c r="BE158" i="4"/>
  <c r="BE166" i="4"/>
  <c r="BE170" i="4"/>
  <c r="BE178" i="4"/>
  <c r="BE186" i="4"/>
  <c r="BE194" i="4"/>
  <c r="BE202" i="4"/>
  <c r="BE210" i="4"/>
  <c r="BE174" i="4"/>
  <c r="BE182" i="4"/>
  <c r="BE190" i="4"/>
  <c r="BE198" i="4"/>
  <c r="BE206" i="4"/>
  <c r="BE214" i="4"/>
  <c r="BE222" i="4"/>
  <c r="BE230" i="4"/>
  <c r="BE233" i="4"/>
  <c r="BE237" i="4"/>
  <c r="BE218" i="4"/>
  <c r="BE239" i="4"/>
  <c r="BE243" i="4"/>
  <c r="BE247" i="4"/>
  <c r="BE251" i="4"/>
  <c r="BE255" i="4"/>
  <c r="BE259" i="4"/>
  <c r="BE263" i="4"/>
  <c r="BE267" i="4"/>
  <c r="BE271" i="4"/>
  <c r="BE275" i="4"/>
  <c r="BE279" i="4"/>
  <c r="BE283" i="4"/>
  <c r="BE287" i="4"/>
  <c r="BE291" i="4"/>
  <c r="BE295" i="4"/>
  <c r="BE299" i="4"/>
  <c r="BE303" i="4"/>
  <c r="BE307" i="4"/>
  <c r="BE311" i="4"/>
  <c r="BE315" i="4"/>
  <c r="BE226" i="4"/>
  <c r="BE235" i="4"/>
  <c r="BE241" i="4"/>
  <c r="BE245" i="4"/>
  <c r="BE249" i="4"/>
  <c r="BE253" i="4"/>
  <c r="BE257" i="4"/>
  <c r="BE261" i="4"/>
  <c r="BE265" i="4"/>
  <c r="BE269" i="4"/>
  <c r="BE273" i="4"/>
  <c r="BE277" i="4"/>
  <c r="BE281" i="4"/>
  <c r="BE285" i="4"/>
  <c r="BE289" i="4"/>
  <c r="BE293" i="4"/>
  <c r="BE297" i="4"/>
  <c r="BE301" i="4"/>
  <c r="BE305" i="4"/>
  <c r="BE309" i="4"/>
  <c r="BC2" i="4"/>
  <c r="BC4" i="4"/>
  <c r="BC3" i="4"/>
  <c r="BC5" i="4"/>
  <c r="BC7" i="4"/>
  <c r="BC6" i="4"/>
  <c r="BC9" i="4"/>
  <c r="BC11" i="4"/>
  <c r="BC13" i="4"/>
  <c r="BC15" i="4"/>
  <c r="BC8" i="4"/>
  <c r="BC12" i="4"/>
  <c r="BC16" i="4"/>
  <c r="BC18" i="4"/>
  <c r="BC20" i="4"/>
  <c r="BC22" i="4"/>
  <c r="BC24" i="4"/>
  <c r="BC26" i="4"/>
  <c r="BC28" i="4"/>
  <c r="BC14" i="4"/>
  <c r="BC19" i="4"/>
  <c r="BC23" i="4"/>
  <c r="BC27" i="4"/>
  <c r="BC30" i="4"/>
  <c r="BC32" i="4"/>
  <c r="BC34" i="4"/>
  <c r="BC36" i="4"/>
  <c r="BC38" i="4"/>
  <c r="BC40" i="4"/>
  <c r="BC42" i="4"/>
  <c r="BC44" i="4"/>
  <c r="BC46" i="4"/>
  <c r="BC48" i="4"/>
  <c r="BC50" i="4"/>
  <c r="BC52" i="4"/>
  <c r="BC54" i="4"/>
  <c r="BC56" i="4"/>
  <c r="BC58" i="4"/>
  <c r="BC10" i="4"/>
  <c r="BC17" i="4"/>
  <c r="BC25" i="4"/>
  <c r="BC33" i="4"/>
  <c r="BC37" i="4"/>
  <c r="BC41" i="4"/>
  <c r="BC45" i="4"/>
  <c r="BC49" i="4"/>
  <c r="BC53" i="4"/>
  <c r="BC57" i="4"/>
  <c r="BC59" i="4"/>
  <c r="BC61" i="4"/>
  <c r="BC63" i="4"/>
  <c r="BC65" i="4"/>
  <c r="BC67" i="4"/>
  <c r="BC69" i="4"/>
  <c r="BC71" i="4"/>
  <c r="BC73" i="4"/>
  <c r="BC75" i="4"/>
  <c r="BC77" i="4"/>
  <c r="BC79" i="4"/>
  <c r="BC81" i="4"/>
  <c r="BC83" i="4"/>
  <c r="BC85" i="4"/>
  <c r="BC87" i="4"/>
  <c r="BC89" i="4"/>
  <c r="BC91" i="4"/>
  <c r="BC93" i="4"/>
  <c r="BC95" i="4"/>
  <c r="BC97" i="4"/>
  <c r="BC99" i="4"/>
  <c r="BC101" i="4"/>
  <c r="BC103" i="4"/>
  <c r="BC105" i="4"/>
  <c r="BC107" i="4"/>
  <c r="BC109" i="4"/>
  <c r="BC111" i="4"/>
  <c r="BC113" i="4"/>
  <c r="BC115" i="4"/>
  <c r="BC29" i="4"/>
  <c r="BC31" i="4"/>
  <c r="BC39" i="4"/>
  <c r="BC47" i="4"/>
  <c r="BC55" i="4"/>
  <c r="BC60" i="4"/>
  <c r="BC64" i="4"/>
  <c r="BC68" i="4"/>
  <c r="BC72" i="4"/>
  <c r="BC76" i="4"/>
  <c r="BC80" i="4"/>
  <c r="BC84" i="4"/>
  <c r="BC88" i="4"/>
  <c r="BC92" i="4"/>
  <c r="BC96" i="4"/>
  <c r="BC100" i="4"/>
  <c r="BC104" i="4"/>
  <c r="BC108" i="4"/>
  <c r="BC112" i="4"/>
  <c r="BC116" i="4"/>
  <c r="BC117" i="4"/>
  <c r="BC119" i="4"/>
  <c r="BC121" i="4"/>
  <c r="BC123" i="4"/>
  <c r="BC125" i="4"/>
  <c r="BC127" i="4"/>
  <c r="BC129" i="4"/>
  <c r="BC131" i="4"/>
  <c r="BC133" i="4"/>
  <c r="BC135" i="4"/>
  <c r="BC137" i="4"/>
  <c r="BC139" i="4"/>
  <c r="BC141" i="4"/>
  <c r="BC143" i="4"/>
  <c r="BC145" i="4"/>
  <c r="BC147" i="4"/>
  <c r="BC149" i="4"/>
  <c r="BC151" i="4"/>
  <c r="BC153" i="4"/>
  <c r="BC155" i="4"/>
  <c r="BC157" i="4"/>
  <c r="BC159" i="4"/>
  <c r="BC161" i="4"/>
  <c r="BC163" i="4"/>
  <c r="BC165" i="4"/>
  <c r="BC167" i="4"/>
  <c r="BC169" i="4"/>
  <c r="BC171" i="4"/>
  <c r="BC173" i="4"/>
  <c r="BC175" i="4"/>
  <c r="BC177" i="4"/>
  <c r="BC179" i="4"/>
  <c r="BC181" i="4"/>
  <c r="BC183" i="4"/>
  <c r="BC185" i="4"/>
  <c r="BC187" i="4"/>
  <c r="BC189" i="4"/>
  <c r="BC191" i="4"/>
  <c r="BC193" i="4"/>
  <c r="BC195" i="4"/>
  <c r="BC197" i="4"/>
  <c r="BC199" i="4"/>
  <c r="BC201" i="4"/>
  <c r="BC203" i="4"/>
  <c r="BC205" i="4"/>
  <c r="BC207" i="4"/>
  <c r="BC209" i="4"/>
  <c r="BC211" i="4"/>
  <c r="BC213" i="4"/>
  <c r="BC215" i="4"/>
  <c r="BC217" i="4"/>
  <c r="BC219" i="4"/>
  <c r="BC221" i="4"/>
  <c r="BC223" i="4"/>
  <c r="BC225" i="4"/>
  <c r="BC227" i="4"/>
  <c r="BC229" i="4"/>
  <c r="BC231" i="4"/>
  <c r="BC35" i="4"/>
  <c r="BC51" i="4"/>
  <c r="BC66" i="4"/>
  <c r="BC74" i="4"/>
  <c r="BC82" i="4"/>
  <c r="BC90" i="4"/>
  <c r="BC98" i="4"/>
  <c r="BC106" i="4"/>
  <c r="BC114" i="4"/>
  <c r="BC118" i="4"/>
  <c r="BC122" i="4"/>
  <c r="BC126" i="4"/>
  <c r="BC130" i="4"/>
  <c r="BC134" i="4"/>
  <c r="BC138" i="4"/>
  <c r="BC142" i="4"/>
  <c r="BC146" i="4"/>
  <c r="BC150" i="4"/>
  <c r="BC154" i="4"/>
  <c r="BC158" i="4"/>
  <c r="BC162" i="4"/>
  <c r="BC166" i="4"/>
  <c r="BC170" i="4"/>
  <c r="BC174" i="4"/>
  <c r="BC178" i="4"/>
  <c r="BC182" i="4"/>
  <c r="BC186" i="4"/>
  <c r="BC190" i="4"/>
  <c r="BC194" i="4"/>
  <c r="BC198" i="4"/>
  <c r="BC202" i="4"/>
  <c r="BC206" i="4"/>
  <c r="BC210" i="4"/>
  <c r="BC214" i="4"/>
  <c r="BC218" i="4"/>
  <c r="BC222" i="4"/>
  <c r="BC226" i="4"/>
  <c r="BC230" i="4"/>
  <c r="BC232" i="4"/>
  <c r="BC234" i="4"/>
  <c r="BC236" i="4"/>
  <c r="BC238" i="4"/>
  <c r="BC240" i="4"/>
  <c r="BC242" i="4"/>
  <c r="BC244" i="4"/>
  <c r="BC246" i="4"/>
  <c r="BC248" i="4"/>
  <c r="BC250" i="4"/>
  <c r="BC252" i="4"/>
  <c r="BC254" i="4"/>
  <c r="BC256" i="4"/>
  <c r="BC258" i="4"/>
  <c r="BC260" i="4"/>
  <c r="BC262" i="4"/>
  <c r="BC264" i="4"/>
  <c r="BC266" i="4"/>
  <c r="BC268" i="4"/>
  <c r="BC270" i="4"/>
  <c r="BC272" i="4"/>
  <c r="BC274" i="4"/>
  <c r="BC276" i="4"/>
  <c r="BC278" i="4"/>
  <c r="BC280" i="4"/>
  <c r="BC282" i="4"/>
  <c r="BC284" i="4"/>
  <c r="BC286" i="4"/>
  <c r="BC288" i="4"/>
  <c r="BC290" i="4"/>
  <c r="BC292" i="4"/>
  <c r="BC294" i="4"/>
  <c r="BC296" i="4"/>
  <c r="BC298" i="4"/>
  <c r="BC300" i="4"/>
  <c r="BC302" i="4"/>
  <c r="BC304" i="4"/>
  <c r="BC306" i="4"/>
  <c r="BC308" i="4"/>
  <c r="BC310" i="4"/>
  <c r="BC312" i="4"/>
  <c r="BC314" i="4"/>
  <c r="BC316" i="4"/>
  <c r="BC318" i="4"/>
  <c r="BC320" i="4"/>
  <c r="BC322" i="4"/>
  <c r="BC324" i="4"/>
  <c r="BC326" i="4"/>
  <c r="BC328" i="4"/>
  <c r="BC330" i="4"/>
  <c r="BC332" i="4"/>
  <c r="BC334" i="4"/>
  <c r="BC336" i="4"/>
  <c r="BC338" i="4"/>
  <c r="BC340" i="4"/>
  <c r="BC342" i="4"/>
  <c r="BC344" i="4"/>
  <c r="BC346" i="4"/>
  <c r="BC21" i="4"/>
  <c r="BC43" i="4"/>
  <c r="BC62" i="4"/>
  <c r="BC70" i="4"/>
  <c r="BC78" i="4"/>
  <c r="BC86" i="4"/>
  <c r="BC94" i="4"/>
  <c r="BC102" i="4"/>
  <c r="BC128" i="4"/>
  <c r="BC110" i="4"/>
  <c r="BC120" i="4"/>
  <c r="BC124" i="4"/>
  <c r="BC136" i="4"/>
  <c r="BC144" i="4"/>
  <c r="BC152" i="4"/>
  <c r="BC160" i="4"/>
  <c r="BC168" i="4"/>
  <c r="BC132" i="4"/>
  <c r="BC140" i="4"/>
  <c r="BC148" i="4"/>
  <c r="BC156" i="4"/>
  <c r="BC164" i="4"/>
  <c r="BC176" i="4"/>
  <c r="BC184" i="4"/>
  <c r="BC192" i="4"/>
  <c r="BC200" i="4"/>
  <c r="BC208" i="4"/>
  <c r="BC172" i="4"/>
  <c r="BC180" i="4"/>
  <c r="BC188" i="4"/>
  <c r="BC196" i="4"/>
  <c r="BC204" i="4"/>
  <c r="BC212" i="4"/>
  <c r="BC220" i="4"/>
  <c r="BC228" i="4"/>
  <c r="BC235" i="4"/>
  <c r="BC239" i="4"/>
  <c r="BC224" i="4"/>
  <c r="BC233" i="4"/>
  <c r="BC241" i="4"/>
  <c r="BC245" i="4"/>
  <c r="BC249" i="4"/>
  <c r="BC253" i="4"/>
  <c r="BC257" i="4"/>
  <c r="BC261" i="4"/>
  <c r="BC265" i="4"/>
  <c r="BC269" i="4"/>
  <c r="BC273" i="4"/>
  <c r="BC277" i="4"/>
  <c r="BC281" i="4"/>
  <c r="BC285" i="4"/>
  <c r="BC289" i="4"/>
  <c r="BC293" i="4"/>
  <c r="BC297" i="4"/>
  <c r="BC301" i="4"/>
  <c r="BC305" i="4"/>
  <c r="BC309" i="4"/>
  <c r="BC313" i="4"/>
  <c r="BC216" i="4"/>
  <c r="BC237" i="4"/>
  <c r="BC243" i="4"/>
  <c r="BC247" i="4"/>
  <c r="BC251" i="4"/>
  <c r="BC255" i="4"/>
  <c r="BC259" i="4"/>
  <c r="BC263" i="4"/>
  <c r="BC267" i="4"/>
  <c r="BC271" i="4"/>
  <c r="BC275" i="4"/>
  <c r="BC279" i="4"/>
  <c r="BC283" i="4"/>
  <c r="BC287" i="4"/>
  <c r="BC291" i="4"/>
  <c r="BC295" i="4"/>
  <c r="BC299" i="4"/>
  <c r="BC303" i="4"/>
  <c r="BC307" i="4"/>
  <c r="BA2" i="4"/>
  <c r="BA4" i="4"/>
  <c r="BA5" i="4"/>
  <c r="BA7" i="4"/>
  <c r="BA3" i="4"/>
  <c r="BA8" i="4"/>
  <c r="BA9" i="4"/>
  <c r="BA11" i="4"/>
  <c r="BA13" i="4"/>
  <c r="BA15" i="4"/>
  <c r="BA6" i="4"/>
  <c r="BA10" i="4"/>
  <c r="BA14" i="4"/>
  <c r="BA16" i="4"/>
  <c r="BA18" i="4"/>
  <c r="BA20" i="4"/>
  <c r="BA22" i="4"/>
  <c r="BA24" i="4"/>
  <c r="BA26" i="4"/>
  <c r="BA28" i="4"/>
  <c r="BA12" i="4"/>
  <c r="BA17" i="4"/>
  <c r="BA21" i="4"/>
  <c r="BA25" i="4"/>
  <c r="BA29" i="4"/>
  <c r="BA30" i="4"/>
  <c r="BA32" i="4"/>
  <c r="BA34" i="4"/>
  <c r="BA36" i="4"/>
  <c r="BA38" i="4"/>
  <c r="BA40" i="4"/>
  <c r="BA42" i="4"/>
  <c r="BA44" i="4"/>
  <c r="BA46" i="4"/>
  <c r="BA48" i="4"/>
  <c r="BA50" i="4"/>
  <c r="BA52" i="4"/>
  <c r="BA54" i="4"/>
  <c r="BA56" i="4"/>
  <c r="BA58" i="4"/>
  <c r="BA23" i="4"/>
  <c r="BA31" i="4"/>
  <c r="BA35" i="4"/>
  <c r="BA39" i="4"/>
  <c r="BA43" i="4"/>
  <c r="BA47" i="4"/>
  <c r="BA51" i="4"/>
  <c r="BA55" i="4"/>
  <c r="BA59" i="4"/>
  <c r="BA61" i="4"/>
  <c r="BA63" i="4"/>
  <c r="BA65" i="4"/>
  <c r="BA67" i="4"/>
  <c r="BA69" i="4"/>
  <c r="BA71" i="4"/>
  <c r="BA73" i="4"/>
  <c r="BA75" i="4"/>
  <c r="BA77" i="4"/>
  <c r="BA79" i="4"/>
  <c r="BA81" i="4"/>
  <c r="BA83" i="4"/>
  <c r="BA85" i="4"/>
  <c r="BA87" i="4"/>
  <c r="BA89" i="4"/>
  <c r="BA91" i="4"/>
  <c r="BA93" i="4"/>
  <c r="BA95" i="4"/>
  <c r="BA97" i="4"/>
  <c r="BA99" i="4"/>
  <c r="BA101" i="4"/>
  <c r="BA103" i="4"/>
  <c r="BA105" i="4"/>
  <c r="BA107" i="4"/>
  <c r="BA109" i="4"/>
  <c r="BA111" i="4"/>
  <c r="BA113" i="4"/>
  <c r="BA115" i="4"/>
  <c r="BA27" i="4"/>
  <c r="BA37" i="4"/>
  <c r="BA45" i="4"/>
  <c r="BA53" i="4"/>
  <c r="BA62" i="4"/>
  <c r="BA66" i="4"/>
  <c r="BA70" i="4"/>
  <c r="BA74" i="4"/>
  <c r="BA78" i="4"/>
  <c r="BA82" i="4"/>
  <c r="BA86" i="4"/>
  <c r="BA90" i="4"/>
  <c r="BA94" i="4"/>
  <c r="BA98" i="4"/>
  <c r="BA102" i="4"/>
  <c r="BA106" i="4"/>
  <c r="BA110" i="4"/>
  <c r="BA114" i="4"/>
  <c r="BA117" i="4"/>
  <c r="BA119" i="4"/>
  <c r="BA121" i="4"/>
  <c r="BA123" i="4"/>
  <c r="BA125" i="4"/>
  <c r="BA127" i="4"/>
  <c r="BA129" i="4"/>
  <c r="BA131" i="4"/>
  <c r="BA133" i="4"/>
  <c r="BA135" i="4"/>
  <c r="BA137" i="4"/>
  <c r="BA139" i="4"/>
  <c r="BA141" i="4"/>
  <c r="BA143" i="4"/>
  <c r="BA145" i="4"/>
  <c r="BA147" i="4"/>
  <c r="BA149" i="4"/>
  <c r="BA151" i="4"/>
  <c r="BA153" i="4"/>
  <c r="BA155" i="4"/>
  <c r="BA157" i="4"/>
  <c r="BA159" i="4"/>
  <c r="BA161" i="4"/>
  <c r="BA163" i="4"/>
  <c r="BA165" i="4"/>
  <c r="BA167" i="4"/>
  <c r="BA169" i="4"/>
  <c r="BA171" i="4"/>
  <c r="BA173" i="4"/>
  <c r="BA175" i="4"/>
  <c r="BA177" i="4"/>
  <c r="BA179" i="4"/>
  <c r="BA181" i="4"/>
  <c r="BA183" i="4"/>
  <c r="BA185" i="4"/>
  <c r="BA187" i="4"/>
  <c r="BA189" i="4"/>
  <c r="BA191" i="4"/>
  <c r="BA193" i="4"/>
  <c r="BA195" i="4"/>
  <c r="BA197" i="4"/>
  <c r="BA199" i="4"/>
  <c r="BA201" i="4"/>
  <c r="BA203" i="4"/>
  <c r="BA205" i="4"/>
  <c r="BA207" i="4"/>
  <c r="BA209" i="4"/>
  <c r="BA211" i="4"/>
  <c r="BA213" i="4"/>
  <c r="BA215" i="4"/>
  <c r="BA217" i="4"/>
  <c r="BA219" i="4"/>
  <c r="BA221" i="4"/>
  <c r="BA223" i="4"/>
  <c r="BA225" i="4"/>
  <c r="BA227" i="4"/>
  <c r="BA229" i="4"/>
  <c r="BA231" i="4"/>
  <c r="BA19" i="4"/>
  <c r="BA33" i="4"/>
  <c r="BA49" i="4"/>
  <c r="BA64" i="4"/>
  <c r="BA72" i="4"/>
  <c r="BA80" i="4"/>
  <c r="BA88" i="4"/>
  <c r="BA96" i="4"/>
  <c r="BA104" i="4"/>
  <c r="BA112" i="4"/>
  <c r="BA120" i="4"/>
  <c r="BA124" i="4"/>
  <c r="BA128" i="4"/>
  <c r="BA132" i="4"/>
  <c r="BA136" i="4"/>
  <c r="BA140" i="4"/>
  <c r="BA144" i="4"/>
  <c r="BA148" i="4"/>
  <c r="BA152" i="4"/>
  <c r="BA156" i="4"/>
  <c r="BA160" i="4"/>
  <c r="BA164" i="4"/>
  <c r="BA168" i="4"/>
  <c r="BA172" i="4"/>
  <c r="BA176" i="4"/>
  <c r="BA180" i="4"/>
  <c r="BA184" i="4"/>
  <c r="BA188" i="4"/>
  <c r="BA192" i="4"/>
  <c r="BA196" i="4"/>
  <c r="BA200" i="4"/>
  <c r="BA204" i="4"/>
  <c r="BA208" i="4"/>
  <c r="BA212" i="4"/>
  <c r="BA216" i="4"/>
  <c r="BA220" i="4"/>
  <c r="BA224" i="4"/>
  <c r="BA228" i="4"/>
  <c r="BA232" i="4"/>
  <c r="BA234" i="4"/>
  <c r="BA236" i="4"/>
  <c r="BA238" i="4"/>
  <c r="BA240" i="4"/>
  <c r="BA242" i="4"/>
  <c r="BA244" i="4"/>
  <c r="BA246" i="4"/>
  <c r="BA248" i="4"/>
  <c r="BA250" i="4"/>
  <c r="BA252" i="4"/>
  <c r="BA254" i="4"/>
  <c r="BA256" i="4"/>
  <c r="BA258" i="4"/>
  <c r="BA260" i="4"/>
  <c r="BA262" i="4"/>
  <c r="BA264" i="4"/>
  <c r="BA266" i="4"/>
  <c r="BA268" i="4"/>
  <c r="BA270" i="4"/>
  <c r="BA272" i="4"/>
  <c r="BA274" i="4"/>
  <c r="BA276" i="4"/>
  <c r="BA278" i="4"/>
  <c r="BA280" i="4"/>
  <c r="BA282" i="4"/>
  <c r="BA284" i="4"/>
  <c r="BA286" i="4"/>
  <c r="BA288" i="4"/>
  <c r="BA290" i="4"/>
  <c r="BA292" i="4"/>
  <c r="BA294" i="4"/>
  <c r="BA296" i="4"/>
  <c r="BA298" i="4"/>
  <c r="BA300" i="4"/>
  <c r="BA302" i="4"/>
  <c r="BA304" i="4"/>
  <c r="BA306" i="4"/>
  <c r="BA308" i="4"/>
  <c r="BA310" i="4"/>
  <c r="BA312" i="4"/>
  <c r="BA314" i="4"/>
  <c r="BA316" i="4"/>
  <c r="BA318" i="4"/>
  <c r="BA320" i="4"/>
  <c r="BA322" i="4"/>
  <c r="BA324" i="4"/>
  <c r="BA326" i="4"/>
  <c r="BA328" i="4"/>
  <c r="BA330" i="4"/>
  <c r="BA332" i="4"/>
  <c r="BA334" i="4"/>
  <c r="BA336" i="4"/>
  <c r="BA338" i="4"/>
  <c r="BA340" i="4"/>
  <c r="BA342" i="4"/>
  <c r="BA344" i="4"/>
  <c r="BA346" i="4"/>
  <c r="BA41" i="4"/>
  <c r="BA57" i="4"/>
  <c r="BA60" i="4"/>
  <c r="BA68" i="4"/>
  <c r="BA76" i="4"/>
  <c r="BA84" i="4"/>
  <c r="BA92" i="4"/>
  <c r="BA100" i="4"/>
  <c r="BA108" i="4"/>
  <c r="BA116" i="4"/>
  <c r="BA118" i="4"/>
  <c r="BA122" i="4"/>
  <c r="BA130" i="4"/>
  <c r="BA126" i="4"/>
  <c r="BA134" i="4"/>
  <c r="BA142" i="4"/>
  <c r="BA150" i="4"/>
  <c r="BA158" i="4"/>
  <c r="BA166" i="4"/>
  <c r="BA138" i="4"/>
  <c r="BA146" i="4"/>
  <c r="BA154" i="4"/>
  <c r="BA162" i="4"/>
  <c r="BA170" i="4"/>
  <c r="BA174" i="4"/>
  <c r="BA182" i="4"/>
  <c r="BA190" i="4"/>
  <c r="BA198" i="4"/>
  <c r="BA206" i="4"/>
  <c r="BA178" i="4"/>
  <c r="BA186" i="4"/>
  <c r="BA194" i="4"/>
  <c r="BA202" i="4"/>
  <c r="BA210" i="4"/>
  <c r="BA218" i="4"/>
  <c r="BA226" i="4"/>
  <c r="BA233" i="4"/>
  <c r="BA237" i="4"/>
  <c r="BA222" i="4"/>
  <c r="BA235" i="4"/>
  <c r="BA243" i="4"/>
  <c r="BA247" i="4"/>
  <c r="BA251" i="4"/>
  <c r="BA255" i="4"/>
  <c r="BA259" i="4"/>
  <c r="BA263" i="4"/>
  <c r="BA267" i="4"/>
  <c r="BA271" i="4"/>
  <c r="BA275" i="4"/>
  <c r="BA279" i="4"/>
  <c r="BA283" i="4"/>
  <c r="BA287" i="4"/>
  <c r="BA291" i="4"/>
  <c r="BA295" i="4"/>
  <c r="BA299" i="4"/>
  <c r="BA303" i="4"/>
  <c r="BA307" i="4"/>
  <c r="BA311" i="4"/>
  <c r="BA315" i="4"/>
  <c r="BA214" i="4"/>
  <c r="BA230" i="4"/>
  <c r="BA239" i="4"/>
  <c r="BA241" i="4"/>
  <c r="BA245" i="4"/>
  <c r="BA249" i="4"/>
  <c r="BA253" i="4"/>
  <c r="BA257" i="4"/>
  <c r="BA261" i="4"/>
  <c r="BA265" i="4"/>
  <c r="BA269" i="4"/>
  <c r="BA273" i="4"/>
  <c r="BA277" i="4"/>
  <c r="BA281" i="4"/>
  <c r="BA285" i="4"/>
  <c r="BA289" i="4"/>
  <c r="BA293" i="4"/>
  <c r="BA297" i="4"/>
  <c r="BA301" i="4"/>
  <c r="BA305" i="4"/>
  <c r="BA309" i="4"/>
  <c r="AY2" i="4"/>
  <c r="AY4" i="4"/>
  <c r="AY3" i="4"/>
  <c r="AY5" i="4"/>
  <c r="AY7" i="4"/>
  <c r="AY6" i="4"/>
  <c r="AY9" i="4"/>
  <c r="AY11" i="4"/>
  <c r="AY13" i="4"/>
  <c r="AY15" i="4"/>
  <c r="AY12" i="4"/>
  <c r="AY16" i="4"/>
  <c r="AY18" i="4"/>
  <c r="AY20" i="4"/>
  <c r="AY22" i="4"/>
  <c r="AY24" i="4"/>
  <c r="AY26" i="4"/>
  <c r="AY28" i="4"/>
  <c r="AY10" i="4"/>
  <c r="AY19" i="4"/>
  <c r="AY23" i="4"/>
  <c r="AY27" i="4"/>
  <c r="AY30" i="4"/>
  <c r="AY32" i="4"/>
  <c r="AY34" i="4"/>
  <c r="AY36" i="4"/>
  <c r="AY38" i="4"/>
  <c r="AY40" i="4"/>
  <c r="AY42" i="4"/>
  <c r="AY44" i="4"/>
  <c r="AY46" i="4"/>
  <c r="AY48" i="4"/>
  <c r="AY50" i="4"/>
  <c r="AY52" i="4"/>
  <c r="AY54" i="4"/>
  <c r="AY56" i="4"/>
  <c r="AY58" i="4"/>
  <c r="AY21" i="4"/>
  <c r="AY29" i="4"/>
  <c r="AY33" i="4"/>
  <c r="AY37" i="4"/>
  <c r="AY41" i="4"/>
  <c r="AY45" i="4"/>
  <c r="AY49" i="4"/>
  <c r="AY53" i="4"/>
  <c r="AY57" i="4"/>
  <c r="AY59" i="4"/>
  <c r="AY61" i="4"/>
  <c r="AY63" i="4"/>
  <c r="AY65" i="4"/>
  <c r="AY67" i="4"/>
  <c r="AY69" i="4"/>
  <c r="AY71" i="4"/>
  <c r="AY73" i="4"/>
  <c r="AY75" i="4"/>
  <c r="AY77" i="4"/>
  <c r="AY79" i="4"/>
  <c r="AY81" i="4"/>
  <c r="AY83" i="4"/>
  <c r="AY85" i="4"/>
  <c r="AY87" i="4"/>
  <c r="AY89" i="4"/>
  <c r="AY91" i="4"/>
  <c r="AY93" i="4"/>
  <c r="AY95" i="4"/>
  <c r="AY97" i="4"/>
  <c r="AY99" i="4"/>
  <c r="AY101" i="4"/>
  <c r="AY103" i="4"/>
  <c r="AY105" i="4"/>
  <c r="AY107" i="4"/>
  <c r="AY109" i="4"/>
  <c r="AY111" i="4"/>
  <c r="AY113" i="4"/>
  <c r="AY115" i="4"/>
  <c r="AY25" i="4"/>
  <c r="AY35" i="4"/>
  <c r="AY43" i="4"/>
  <c r="AY51" i="4"/>
  <c r="AY60" i="4"/>
  <c r="AY64" i="4"/>
  <c r="AY68" i="4"/>
  <c r="AY72" i="4"/>
  <c r="AY76" i="4"/>
  <c r="AY80" i="4"/>
  <c r="AY84" i="4"/>
  <c r="AY88" i="4"/>
  <c r="AY92" i="4"/>
  <c r="AY96" i="4"/>
  <c r="AY100" i="4"/>
  <c r="AY104" i="4"/>
  <c r="AY108" i="4"/>
  <c r="AY112" i="4"/>
  <c r="AY116" i="4"/>
  <c r="AY117" i="4"/>
  <c r="AY119" i="4"/>
  <c r="AY121" i="4"/>
  <c r="AY123" i="4"/>
  <c r="AY125" i="4"/>
  <c r="AY127" i="4"/>
  <c r="AY129" i="4"/>
  <c r="AY131" i="4"/>
  <c r="AY133" i="4"/>
  <c r="AY135" i="4"/>
  <c r="AY137" i="4"/>
  <c r="AY139" i="4"/>
  <c r="AY141" i="4"/>
  <c r="AY143" i="4"/>
  <c r="AY145" i="4"/>
  <c r="AY147" i="4"/>
  <c r="AY149" i="4"/>
  <c r="AY151" i="4"/>
  <c r="AY153" i="4"/>
  <c r="AY155" i="4"/>
  <c r="AY157" i="4"/>
  <c r="AY159" i="4"/>
  <c r="AY161" i="4"/>
  <c r="AY163" i="4"/>
  <c r="AY165" i="4"/>
  <c r="AY167" i="4"/>
  <c r="AY169" i="4"/>
  <c r="AY171" i="4"/>
  <c r="AY173" i="4"/>
  <c r="AY175" i="4"/>
  <c r="AY177" i="4"/>
  <c r="AY179" i="4"/>
  <c r="AY181" i="4"/>
  <c r="AY183" i="4"/>
  <c r="AY185" i="4"/>
  <c r="AY187" i="4"/>
  <c r="AY189" i="4"/>
  <c r="AY191" i="4"/>
  <c r="AY193" i="4"/>
  <c r="AY195" i="4"/>
  <c r="AY197" i="4"/>
  <c r="AY199" i="4"/>
  <c r="AY201" i="4"/>
  <c r="AY203" i="4"/>
  <c r="AY205" i="4"/>
  <c r="AY207" i="4"/>
  <c r="AY209" i="4"/>
  <c r="AY211" i="4"/>
  <c r="AY213" i="4"/>
  <c r="AY215" i="4"/>
  <c r="AY217" i="4"/>
  <c r="AY219" i="4"/>
  <c r="AY221" i="4"/>
  <c r="AY223" i="4"/>
  <c r="AY225" i="4"/>
  <c r="AY227" i="4"/>
  <c r="AY229" i="4"/>
  <c r="AY231" i="4"/>
  <c r="AY8" i="4"/>
  <c r="AY31" i="4"/>
  <c r="AY47" i="4"/>
  <c r="AY62" i="4"/>
  <c r="AY70" i="4"/>
  <c r="AY78" i="4"/>
  <c r="AY86" i="4"/>
  <c r="AY94" i="4"/>
  <c r="AY102" i="4"/>
  <c r="AY110" i="4"/>
  <c r="AY118" i="4"/>
  <c r="AY122" i="4"/>
  <c r="AY126" i="4"/>
  <c r="AY130" i="4"/>
  <c r="AY134" i="4"/>
  <c r="AY138" i="4"/>
  <c r="AY142" i="4"/>
  <c r="AY146" i="4"/>
  <c r="AY150" i="4"/>
  <c r="AY154" i="4"/>
  <c r="AY158" i="4"/>
  <c r="AY162" i="4"/>
  <c r="AY166" i="4"/>
  <c r="AY170" i="4"/>
  <c r="AY174" i="4"/>
  <c r="AY178" i="4"/>
  <c r="AY182" i="4"/>
  <c r="AY186" i="4"/>
  <c r="AY190" i="4"/>
  <c r="AY194" i="4"/>
  <c r="AY198" i="4"/>
  <c r="AY202" i="4"/>
  <c r="AY206" i="4"/>
  <c r="AY210" i="4"/>
  <c r="AY214" i="4"/>
  <c r="AY218" i="4"/>
  <c r="AY222" i="4"/>
  <c r="AY226" i="4"/>
  <c r="AY230" i="4"/>
  <c r="AY232" i="4"/>
  <c r="AY234" i="4"/>
  <c r="AY236" i="4"/>
  <c r="AY238" i="4"/>
  <c r="AY240" i="4"/>
  <c r="AY242" i="4"/>
  <c r="AY244" i="4"/>
  <c r="AY246" i="4"/>
  <c r="AY248" i="4"/>
  <c r="AY250" i="4"/>
  <c r="AY252" i="4"/>
  <c r="AY254" i="4"/>
  <c r="AY256" i="4"/>
  <c r="AY258" i="4"/>
  <c r="AY260" i="4"/>
  <c r="AY262" i="4"/>
  <c r="AY264" i="4"/>
  <c r="AY266" i="4"/>
  <c r="AY268" i="4"/>
  <c r="AY270" i="4"/>
  <c r="AY272" i="4"/>
  <c r="AY274" i="4"/>
  <c r="AY276" i="4"/>
  <c r="AY278" i="4"/>
  <c r="AY280" i="4"/>
  <c r="AY282" i="4"/>
  <c r="AY284" i="4"/>
  <c r="AY286" i="4"/>
  <c r="AY288" i="4"/>
  <c r="AY290" i="4"/>
  <c r="AY292" i="4"/>
  <c r="AY294" i="4"/>
  <c r="AY296" i="4"/>
  <c r="AY298" i="4"/>
  <c r="AY300" i="4"/>
  <c r="AY302" i="4"/>
  <c r="AY304" i="4"/>
  <c r="AY306" i="4"/>
  <c r="AY308" i="4"/>
  <c r="AY310" i="4"/>
  <c r="AY312" i="4"/>
  <c r="AY314" i="4"/>
  <c r="AY316" i="4"/>
  <c r="AY318" i="4"/>
  <c r="AY320" i="4"/>
  <c r="AY322" i="4"/>
  <c r="AY324" i="4"/>
  <c r="AY326" i="4"/>
  <c r="AY328" i="4"/>
  <c r="AY330" i="4"/>
  <c r="AY332" i="4"/>
  <c r="AY334" i="4"/>
  <c r="AY336" i="4"/>
  <c r="AY338" i="4"/>
  <c r="AY340" i="4"/>
  <c r="AY342" i="4"/>
  <c r="AY344" i="4"/>
  <c r="AY346" i="4"/>
  <c r="AY14" i="4"/>
  <c r="AY17" i="4"/>
  <c r="AY39" i="4"/>
  <c r="AY55" i="4"/>
  <c r="AY66" i="4"/>
  <c r="AY74" i="4"/>
  <c r="AY82" i="4"/>
  <c r="AY90" i="4"/>
  <c r="AY98" i="4"/>
  <c r="AY106" i="4"/>
  <c r="AY114" i="4"/>
  <c r="AY128" i="4"/>
  <c r="AY120" i="4"/>
  <c r="AY124" i="4"/>
  <c r="AY132" i="4"/>
  <c r="AY140" i="4"/>
  <c r="AY148" i="4"/>
  <c r="AY156" i="4"/>
  <c r="AY164" i="4"/>
  <c r="AY136" i="4"/>
  <c r="AY144" i="4"/>
  <c r="AY152" i="4"/>
  <c r="AY160" i="4"/>
  <c r="AY168" i="4"/>
  <c r="AY172" i="4"/>
  <c r="AY180" i="4"/>
  <c r="AY188" i="4"/>
  <c r="AY196" i="4"/>
  <c r="AY204" i="4"/>
  <c r="AY212" i="4"/>
  <c r="AY176" i="4"/>
  <c r="AY184" i="4"/>
  <c r="AY192" i="4"/>
  <c r="AY200" i="4"/>
  <c r="AY208" i="4"/>
  <c r="AY216" i="4"/>
  <c r="AY224" i="4"/>
  <c r="AY235" i="4"/>
  <c r="AY239" i="4"/>
  <c r="AY220" i="4"/>
  <c r="AY237" i="4"/>
  <c r="AY241" i="4"/>
  <c r="AY245" i="4"/>
  <c r="AY249" i="4"/>
  <c r="AY253" i="4"/>
  <c r="AY257" i="4"/>
  <c r="AY261" i="4"/>
  <c r="AY265" i="4"/>
  <c r="AY269" i="4"/>
  <c r="AY273" i="4"/>
  <c r="AY277" i="4"/>
  <c r="AY281" i="4"/>
  <c r="AY285" i="4"/>
  <c r="AY289" i="4"/>
  <c r="AY293" i="4"/>
  <c r="AY297" i="4"/>
  <c r="AY301" i="4"/>
  <c r="AY305" i="4"/>
  <c r="AY309" i="4"/>
  <c r="AY313" i="4"/>
  <c r="AY228" i="4"/>
  <c r="AY233" i="4"/>
  <c r="AY243" i="4"/>
  <c r="AY247" i="4"/>
  <c r="AY251" i="4"/>
  <c r="AY255" i="4"/>
  <c r="AY259" i="4"/>
  <c r="AY263" i="4"/>
  <c r="AY267" i="4"/>
  <c r="AY271" i="4"/>
  <c r="AY275" i="4"/>
  <c r="AY279" i="4"/>
  <c r="AY283" i="4"/>
  <c r="AY287" i="4"/>
  <c r="AY291" i="4"/>
  <c r="AY295" i="4"/>
  <c r="AY299" i="4"/>
  <c r="AY303" i="4"/>
  <c r="AY307" i="4"/>
  <c r="AW2" i="4"/>
  <c r="AW4" i="4"/>
  <c r="AW5" i="4"/>
  <c r="AW7" i="4"/>
  <c r="AW8" i="4"/>
  <c r="AW9" i="4"/>
  <c r="AW11" i="4"/>
  <c r="AW13" i="4"/>
  <c r="AW15" i="4"/>
  <c r="AW10" i="4"/>
  <c r="AW14" i="4"/>
  <c r="AW16" i="4"/>
  <c r="AW18" i="4"/>
  <c r="AW20" i="4"/>
  <c r="AW22" i="4"/>
  <c r="AW24" i="4"/>
  <c r="AW26" i="4"/>
  <c r="AW28" i="4"/>
  <c r="AW3" i="4"/>
  <c r="AW17" i="4"/>
  <c r="AW21" i="4"/>
  <c r="AW25" i="4"/>
  <c r="AW29" i="4"/>
  <c r="AW30" i="4"/>
  <c r="AW32" i="4"/>
  <c r="AW34" i="4"/>
  <c r="AW36" i="4"/>
  <c r="AW38" i="4"/>
  <c r="AW40" i="4"/>
  <c r="AW42" i="4"/>
  <c r="AW44" i="4"/>
  <c r="AW46" i="4"/>
  <c r="AW48" i="4"/>
  <c r="AW50" i="4"/>
  <c r="AW52" i="4"/>
  <c r="AW54" i="4"/>
  <c r="AW56" i="4"/>
  <c r="AW58" i="4"/>
  <c r="AW6" i="4"/>
  <c r="AW19" i="4"/>
  <c r="AW27" i="4"/>
  <c r="AW31" i="4"/>
  <c r="AW35" i="4"/>
  <c r="AW39" i="4"/>
  <c r="AW43" i="4"/>
  <c r="AW47" i="4"/>
  <c r="AW51" i="4"/>
  <c r="AW55" i="4"/>
  <c r="AW59" i="4"/>
  <c r="AW61" i="4"/>
  <c r="AW63" i="4"/>
  <c r="AW65" i="4"/>
  <c r="AW67" i="4"/>
  <c r="AW69" i="4"/>
  <c r="AW71" i="4"/>
  <c r="AW73" i="4"/>
  <c r="AW75" i="4"/>
  <c r="AW77" i="4"/>
  <c r="AW79" i="4"/>
  <c r="AW81" i="4"/>
  <c r="AW83" i="4"/>
  <c r="AW85" i="4"/>
  <c r="AW87" i="4"/>
  <c r="AW89" i="4"/>
  <c r="AW91" i="4"/>
  <c r="AW93" i="4"/>
  <c r="AW95" i="4"/>
  <c r="AW97" i="4"/>
  <c r="AW99" i="4"/>
  <c r="AW101" i="4"/>
  <c r="AW103" i="4"/>
  <c r="AW105" i="4"/>
  <c r="AW107" i="4"/>
  <c r="AW109" i="4"/>
  <c r="AW111" i="4"/>
  <c r="AW113" i="4"/>
  <c r="AW115" i="4"/>
  <c r="AW12" i="4"/>
  <c r="AW23" i="4"/>
  <c r="AW33" i="4"/>
  <c r="AW41" i="4"/>
  <c r="AW49" i="4"/>
  <c r="AW57" i="4"/>
  <c r="AW62" i="4"/>
  <c r="AW66" i="4"/>
  <c r="AW70" i="4"/>
  <c r="AW74" i="4"/>
  <c r="AW78" i="4"/>
  <c r="AW82" i="4"/>
  <c r="AW86" i="4"/>
  <c r="AW90" i="4"/>
  <c r="AW94" i="4"/>
  <c r="AW98" i="4"/>
  <c r="AW102" i="4"/>
  <c r="AW106" i="4"/>
  <c r="AW110" i="4"/>
  <c r="AW114" i="4"/>
  <c r="AW117" i="4"/>
  <c r="AW119" i="4"/>
  <c r="AW121" i="4"/>
  <c r="AW123" i="4"/>
  <c r="AW125" i="4"/>
  <c r="AW127" i="4"/>
  <c r="AW129" i="4"/>
  <c r="AW131" i="4"/>
  <c r="AW133" i="4"/>
  <c r="AW135" i="4"/>
  <c r="AW137" i="4"/>
  <c r="AW139" i="4"/>
  <c r="AW141" i="4"/>
  <c r="AW143" i="4"/>
  <c r="AW145" i="4"/>
  <c r="AW147" i="4"/>
  <c r="AW149" i="4"/>
  <c r="AW151" i="4"/>
  <c r="AW153" i="4"/>
  <c r="AW155" i="4"/>
  <c r="AW157" i="4"/>
  <c r="AW159" i="4"/>
  <c r="AW161" i="4"/>
  <c r="AW163" i="4"/>
  <c r="AW165" i="4"/>
  <c r="AW167" i="4"/>
  <c r="AW169" i="4"/>
  <c r="AW171" i="4"/>
  <c r="AW173" i="4"/>
  <c r="AW175" i="4"/>
  <c r="AW177" i="4"/>
  <c r="AW179" i="4"/>
  <c r="AW181" i="4"/>
  <c r="AW183" i="4"/>
  <c r="AW185" i="4"/>
  <c r="AW187" i="4"/>
  <c r="AW189" i="4"/>
  <c r="AW191" i="4"/>
  <c r="AW193" i="4"/>
  <c r="AW195" i="4"/>
  <c r="AW197" i="4"/>
  <c r="AW199" i="4"/>
  <c r="AW201" i="4"/>
  <c r="AW203" i="4"/>
  <c r="AW205" i="4"/>
  <c r="AW207" i="4"/>
  <c r="AW209" i="4"/>
  <c r="AW211" i="4"/>
  <c r="AW213" i="4"/>
  <c r="AW215" i="4"/>
  <c r="AW217" i="4"/>
  <c r="AW219" i="4"/>
  <c r="AW221" i="4"/>
  <c r="AW223" i="4"/>
  <c r="AW225" i="4"/>
  <c r="AW227" i="4"/>
  <c r="AW229" i="4"/>
  <c r="AW231" i="4"/>
  <c r="AW45" i="4"/>
  <c r="AW60" i="4"/>
  <c r="AW68" i="4"/>
  <c r="AW76" i="4"/>
  <c r="AW84" i="4"/>
  <c r="AW92" i="4"/>
  <c r="AW100" i="4"/>
  <c r="AW108" i="4"/>
  <c r="AW116" i="4"/>
  <c r="AW120" i="4"/>
  <c r="AW124" i="4"/>
  <c r="AW128" i="4"/>
  <c r="AW132" i="4"/>
  <c r="AW136" i="4"/>
  <c r="AW140" i="4"/>
  <c r="AW144" i="4"/>
  <c r="AW148" i="4"/>
  <c r="AW152" i="4"/>
  <c r="AW156" i="4"/>
  <c r="AW160" i="4"/>
  <c r="AW164" i="4"/>
  <c r="AW168" i="4"/>
  <c r="AW172" i="4"/>
  <c r="AW176" i="4"/>
  <c r="AW180" i="4"/>
  <c r="AW184" i="4"/>
  <c r="AW188" i="4"/>
  <c r="AW192" i="4"/>
  <c r="AW196" i="4"/>
  <c r="AW200" i="4"/>
  <c r="AW204" i="4"/>
  <c r="AW208" i="4"/>
  <c r="AW212" i="4"/>
  <c r="AW216" i="4"/>
  <c r="AW220" i="4"/>
  <c r="AW224" i="4"/>
  <c r="AW228" i="4"/>
  <c r="AW232" i="4"/>
  <c r="AW234" i="4"/>
  <c r="AW236" i="4"/>
  <c r="AW238" i="4"/>
  <c r="AW240" i="4"/>
  <c r="AW242" i="4"/>
  <c r="AW244" i="4"/>
  <c r="AW246" i="4"/>
  <c r="AW248" i="4"/>
  <c r="AW250" i="4"/>
  <c r="AW252" i="4"/>
  <c r="AW254" i="4"/>
  <c r="AW256" i="4"/>
  <c r="AW258" i="4"/>
  <c r="AW260" i="4"/>
  <c r="AW262" i="4"/>
  <c r="AW264" i="4"/>
  <c r="AW266" i="4"/>
  <c r="AW268" i="4"/>
  <c r="AW270" i="4"/>
  <c r="AW272" i="4"/>
  <c r="AW274" i="4"/>
  <c r="AW276" i="4"/>
  <c r="AW278" i="4"/>
  <c r="AW280" i="4"/>
  <c r="AW282" i="4"/>
  <c r="AW284" i="4"/>
  <c r="AW286" i="4"/>
  <c r="AW288" i="4"/>
  <c r="AW290" i="4"/>
  <c r="AW292" i="4"/>
  <c r="AW294" i="4"/>
  <c r="AW296" i="4"/>
  <c r="AW298" i="4"/>
  <c r="AW300" i="4"/>
  <c r="AW302" i="4"/>
  <c r="AW304" i="4"/>
  <c r="AW306" i="4"/>
  <c r="AW308" i="4"/>
  <c r="AW310" i="4"/>
  <c r="AW312" i="4"/>
  <c r="AW314" i="4"/>
  <c r="AW316" i="4"/>
  <c r="AW318" i="4"/>
  <c r="AW320" i="4"/>
  <c r="AW322" i="4"/>
  <c r="AW324" i="4"/>
  <c r="AW326" i="4"/>
  <c r="AW328" i="4"/>
  <c r="AW330" i="4"/>
  <c r="AW332" i="4"/>
  <c r="AW334" i="4"/>
  <c r="AW336" i="4"/>
  <c r="AW338" i="4"/>
  <c r="AW340" i="4"/>
  <c r="AW342" i="4"/>
  <c r="AW344" i="4"/>
  <c r="AW346" i="4"/>
  <c r="AW37" i="4"/>
  <c r="AW53" i="4"/>
  <c r="AW64" i="4"/>
  <c r="AW72" i="4"/>
  <c r="AW80" i="4"/>
  <c r="AW88" i="4"/>
  <c r="AW96" i="4"/>
  <c r="AW104" i="4"/>
  <c r="AW112" i="4"/>
  <c r="AW118" i="4"/>
  <c r="AW122" i="4"/>
  <c r="AW130" i="4"/>
  <c r="AW126" i="4"/>
  <c r="AW138" i="4"/>
  <c r="AW146" i="4"/>
  <c r="AW154" i="4"/>
  <c r="AW162" i="4"/>
  <c r="AW134" i="4"/>
  <c r="AW142" i="4"/>
  <c r="AW150" i="4"/>
  <c r="AW158" i="4"/>
  <c r="AW166" i="4"/>
  <c r="AW178" i="4"/>
  <c r="AW186" i="4"/>
  <c r="AW194" i="4"/>
  <c r="AW202" i="4"/>
  <c r="AW210" i="4"/>
  <c r="AW170" i="4"/>
  <c r="AW174" i="4"/>
  <c r="AW182" i="4"/>
  <c r="AW190" i="4"/>
  <c r="AW198" i="4"/>
  <c r="AW206" i="4"/>
  <c r="AW214" i="4"/>
  <c r="AW222" i="4"/>
  <c r="AW230" i="4"/>
  <c r="AW233" i="4"/>
  <c r="AW237" i="4"/>
  <c r="AW226" i="4"/>
  <c r="AW239" i="4"/>
  <c r="AW243" i="4"/>
  <c r="AW247" i="4"/>
  <c r="AW251" i="4"/>
  <c r="AW255" i="4"/>
  <c r="AW259" i="4"/>
  <c r="AW263" i="4"/>
  <c r="AW267" i="4"/>
  <c r="AW271" i="4"/>
  <c r="AW275" i="4"/>
  <c r="AW279" i="4"/>
  <c r="AW283" i="4"/>
  <c r="AW287" i="4"/>
  <c r="AW291" i="4"/>
  <c r="AW295" i="4"/>
  <c r="AW299" i="4"/>
  <c r="AW303" i="4"/>
  <c r="AW307" i="4"/>
  <c r="AW311" i="4"/>
  <c r="AW315" i="4"/>
  <c r="AW218" i="4"/>
  <c r="AW235" i="4"/>
  <c r="AW241" i="4"/>
  <c r="AW245" i="4"/>
  <c r="AW249" i="4"/>
  <c r="AW253" i="4"/>
  <c r="AW257" i="4"/>
  <c r="AW261" i="4"/>
  <c r="AW265" i="4"/>
  <c r="AW269" i="4"/>
  <c r="AW273" i="4"/>
  <c r="AW277" i="4"/>
  <c r="AW281" i="4"/>
  <c r="AW285" i="4"/>
  <c r="AW289" i="4"/>
  <c r="AW293" i="4"/>
  <c r="AW297" i="4"/>
  <c r="AW301" i="4"/>
  <c r="AW305" i="4"/>
  <c r="AW309" i="4"/>
  <c r="AU2" i="4"/>
  <c r="AU4" i="4"/>
  <c r="AU3" i="4"/>
  <c r="AU5" i="4"/>
  <c r="AU7" i="4"/>
  <c r="AU6" i="4"/>
  <c r="AU9" i="4"/>
  <c r="AU11" i="4"/>
  <c r="AU13" i="4"/>
  <c r="AU15" i="4"/>
  <c r="AU8" i="4"/>
  <c r="AU12" i="4"/>
  <c r="AU16" i="4"/>
  <c r="AU18" i="4"/>
  <c r="AU20" i="4"/>
  <c r="AU22" i="4"/>
  <c r="AU24" i="4"/>
  <c r="AU26" i="4"/>
  <c r="AU28" i="4"/>
  <c r="AU14" i="4"/>
  <c r="AU19" i="4"/>
  <c r="AU23" i="4"/>
  <c r="AU27" i="4"/>
  <c r="AU30" i="4"/>
  <c r="AU32" i="4"/>
  <c r="AU34" i="4"/>
  <c r="AU36" i="4"/>
  <c r="AU38" i="4"/>
  <c r="AU40" i="4"/>
  <c r="AU42" i="4"/>
  <c r="AU44" i="4"/>
  <c r="AU46" i="4"/>
  <c r="AU48" i="4"/>
  <c r="AU50" i="4"/>
  <c r="AU52" i="4"/>
  <c r="AU54" i="4"/>
  <c r="AU56" i="4"/>
  <c r="AU58" i="4"/>
  <c r="AU17" i="4"/>
  <c r="AU25" i="4"/>
  <c r="AU33" i="4"/>
  <c r="AU37" i="4"/>
  <c r="AU41" i="4"/>
  <c r="AU45" i="4"/>
  <c r="AU49" i="4"/>
  <c r="AU53" i="4"/>
  <c r="AU57" i="4"/>
  <c r="AU59" i="4"/>
  <c r="AU61" i="4"/>
  <c r="AU63" i="4"/>
  <c r="AU65" i="4"/>
  <c r="AU67" i="4"/>
  <c r="AU69" i="4"/>
  <c r="AU71" i="4"/>
  <c r="AU73" i="4"/>
  <c r="AU75" i="4"/>
  <c r="AU77" i="4"/>
  <c r="AU79" i="4"/>
  <c r="AU81" i="4"/>
  <c r="AU83" i="4"/>
  <c r="AU85" i="4"/>
  <c r="AU87" i="4"/>
  <c r="AU89" i="4"/>
  <c r="AU91" i="4"/>
  <c r="AU93" i="4"/>
  <c r="AU95" i="4"/>
  <c r="AU97" i="4"/>
  <c r="AU99" i="4"/>
  <c r="AU101" i="4"/>
  <c r="AU103" i="4"/>
  <c r="AU105" i="4"/>
  <c r="AU107" i="4"/>
  <c r="AU109" i="4"/>
  <c r="AU111" i="4"/>
  <c r="AU113" i="4"/>
  <c r="AU115" i="4"/>
  <c r="AU21" i="4"/>
  <c r="AU31" i="4"/>
  <c r="AU39" i="4"/>
  <c r="AU47" i="4"/>
  <c r="AU55" i="4"/>
  <c r="AU60" i="4"/>
  <c r="AU64" i="4"/>
  <c r="AU68" i="4"/>
  <c r="AU72" i="4"/>
  <c r="AU76" i="4"/>
  <c r="AU80" i="4"/>
  <c r="AU84" i="4"/>
  <c r="AU88" i="4"/>
  <c r="AU92" i="4"/>
  <c r="AU96" i="4"/>
  <c r="AU100" i="4"/>
  <c r="AU104" i="4"/>
  <c r="AU108" i="4"/>
  <c r="AU112" i="4"/>
  <c r="AU116" i="4"/>
  <c r="AU117" i="4"/>
  <c r="AU119" i="4"/>
  <c r="AU121" i="4"/>
  <c r="AU123" i="4"/>
  <c r="AU125" i="4"/>
  <c r="AU127" i="4"/>
  <c r="AU129" i="4"/>
  <c r="AU131" i="4"/>
  <c r="AU133" i="4"/>
  <c r="AU135" i="4"/>
  <c r="AU137" i="4"/>
  <c r="AU139" i="4"/>
  <c r="AU141" i="4"/>
  <c r="AU143" i="4"/>
  <c r="AU145" i="4"/>
  <c r="AU147" i="4"/>
  <c r="AU149" i="4"/>
  <c r="AU151" i="4"/>
  <c r="AU153" i="4"/>
  <c r="AU155" i="4"/>
  <c r="AU157" i="4"/>
  <c r="AU159" i="4"/>
  <c r="AU161" i="4"/>
  <c r="AU163" i="4"/>
  <c r="AU165" i="4"/>
  <c r="AU167" i="4"/>
  <c r="AU169" i="4"/>
  <c r="AU171" i="4"/>
  <c r="AU173" i="4"/>
  <c r="AU175" i="4"/>
  <c r="AU177" i="4"/>
  <c r="AU179" i="4"/>
  <c r="AU181" i="4"/>
  <c r="AU183" i="4"/>
  <c r="AU185" i="4"/>
  <c r="AU187" i="4"/>
  <c r="AU189" i="4"/>
  <c r="AU191" i="4"/>
  <c r="AU193" i="4"/>
  <c r="AU195" i="4"/>
  <c r="AU197" i="4"/>
  <c r="AU199" i="4"/>
  <c r="AU201" i="4"/>
  <c r="AU203" i="4"/>
  <c r="AU205" i="4"/>
  <c r="AU207" i="4"/>
  <c r="AU209" i="4"/>
  <c r="AU211" i="4"/>
  <c r="AU213" i="4"/>
  <c r="AU215" i="4"/>
  <c r="AU217" i="4"/>
  <c r="AU219" i="4"/>
  <c r="AU221" i="4"/>
  <c r="AU223" i="4"/>
  <c r="AU225" i="4"/>
  <c r="AU227" i="4"/>
  <c r="AU229" i="4"/>
  <c r="AU231" i="4"/>
  <c r="AU10" i="4"/>
  <c r="AU29" i="4"/>
  <c r="AU43" i="4"/>
  <c r="AU66" i="4"/>
  <c r="AU74" i="4"/>
  <c r="AU82" i="4"/>
  <c r="AU90" i="4"/>
  <c r="AU98" i="4"/>
  <c r="AU106" i="4"/>
  <c r="AU114" i="4"/>
  <c r="AU118" i="4"/>
  <c r="AU122" i="4"/>
  <c r="AU126" i="4"/>
  <c r="AU130" i="4"/>
  <c r="AU134" i="4"/>
  <c r="AU138" i="4"/>
  <c r="AU142" i="4"/>
  <c r="AU146" i="4"/>
  <c r="AU150" i="4"/>
  <c r="AU154" i="4"/>
  <c r="AU158" i="4"/>
  <c r="AU162" i="4"/>
  <c r="AU166" i="4"/>
  <c r="AU170" i="4"/>
  <c r="AU174" i="4"/>
  <c r="AU178" i="4"/>
  <c r="AU182" i="4"/>
  <c r="AU186" i="4"/>
  <c r="AU190" i="4"/>
  <c r="AU194" i="4"/>
  <c r="AU198" i="4"/>
  <c r="AU202" i="4"/>
  <c r="AU206" i="4"/>
  <c r="AU210" i="4"/>
  <c r="AU214" i="4"/>
  <c r="AU218" i="4"/>
  <c r="AU222" i="4"/>
  <c r="AU226" i="4"/>
  <c r="AU230" i="4"/>
  <c r="AU232" i="4"/>
  <c r="AU234" i="4"/>
  <c r="AU236" i="4"/>
  <c r="AU238" i="4"/>
  <c r="AU240" i="4"/>
  <c r="AU242" i="4"/>
  <c r="AU244" i="4"/>
  <c r="AU246" i="4"/>
  <c r="AU248" i="4"/>
  <c r="AU250" i="4"/>
  <c r="AU252" i="4"/>
  <c r="AU254" i="4"/>
  <c r="AU256" i="4"/>
  <c r="AU258" i="4"/>
  <c r="AU260" i="4"/>
  <c r="AU262" i="4"/>
  <c r="AU264" i="4"/>
  <c r="AU266" i="4"/>
  <c r="AU268" i="4"/>
  <c r="AU270" i="4"/>
  <c r="AU272" i="4"/>
  <c r="AU274" i="4"/>
  <c r="AU276" i="4"/>
  <c r="AU278" i="4"/>
  <c r="AU280" i="4"/>
  <c r="AU282" i="4"/>
  <c r="AU284" i="4"/>
  <c r="AU286" i="4"/>
  <c r="AU288" i="4"/>
  <c r="AU290" i="4"/>
  <c r="AU292" i="4"/>
  <c r="AU294" i="4"/>
  <c r="AU296" i="4"/>
  <c r="AU298" i="4"/>
  <c r="AU300" i="4"/>
  <c r="AU302" i="4"/>
  <c r="AU304" i="4"/>
  <c r="AU306" i="4"/>
  <c r="AU308" i="4"/>
  <c r="AU310" i="4"/>
  <c r="AU312" i="4"/>
  <c r="AU314" i="4"/>
  <c r="AU316" i="4"/>
  <c r="AU318" i="4"/>
  <c r="AU320" i="4"/>
  <c r="AU322" i="4"/>
  <c r="AU324" i="4"/>
  <c r="AU326" i="4"/>
  <c r="AU328" i="4"/>
  <c r="AU330" i="4"/>
  <c r="AU332" i="4"/>
  <c r="AU334" i="4"/>
  <c r="AU336" i="4"/>
  <c r="AU338" i="4"/>
  <c r="AU340" i="4"/>
  <c r="AU342" i="4"/>
  <c r="AU344" i="4"/>
  <c r="AU346" i="4"/>
  <c r="AU35" i="4"/>
  <c r="AU51" i="4"/>
  <c r="AU62" i="4"/>
  <c r="AU70" i="4"/>
  <c r="AU78" i="4"/>
  <c r="AU86" i="4"/>
  <c r="AU94" i="4"/>
  <c r="AU102" i="4"/>
  <c r="AU128" i="4"/>
  <c r="AU110" i="4"/>
  <c r="AU120" i="4"/>
  <c r="AU124" i="4"/>
  <c r="AU136" i="4"/>
  <c r="AU144" i="4"/>
  <c r="AU152" i="4"/>
  <c r="AU160" i="4"/>
  <c r="AU168" i="4"/>
  <c r="AU132" i="4"/>
  <c r="AU140" i="4"/>
  <c r="AU148" i="4"/>
  <c r="AU156" i="4"/>
  <c r="AU164" i="4"/>
  <c r="AU176" i="4"/>
  <c r="AU184" i="4"/>
  <c r="AU192" i="4"/>
  <c r="AU200" i="4"/>
  <c r="AU208" i="4"/>
  <c r="AU172" i="4"/>
  <c r="AU180" i="4"/>
  <c r="AU188" i="4"/>
  <c r="AU196" i="4"/>
  <c r="AU204" i="4"/>
  <c r="AU212" i="4"/>
  <c r="AU220" i="4"/>
  <c r="AU228" i="4"/>
  <c r="AU235" i="4"/>
  <c r="AU239" i="4"/>
  <c r="AU216" i="4"/>
  <c r="AU233" i="4"/>
  <c r="AU241" i="4"/>
  <c r="AU245" i="4"/>
  <c r="AU249" i="4"/>
  <c r="AU253" i="4"/>
  <c r="AU257" i="4"/>
  <c r="AU261" i="4"/>
  <c r="AU265" i="4"/>
  <c r="AU269" i="4"/>
  <c r="AU273" i="4"/>
  <c r="AU277" i="4"/>
  <c r="AU281" i="4"/>
  <c r="AU285" i="4"/>
  <c r="AU289" i="4"/>
  <c r="AU293" i="4"/>
  <c r="AU297" i="4"/>
  <c r="AU301" i="4"/>
  <c r="AU305" i="4"/>
  <c r="AU309" i="4"/>
  <c r="AU313" i="4"/>
  <c r="AU224" i="4"/>
  <c r="AU237" i="4"/>
  <c r="AU243" i="4"/>
  <c r="AU247" i="4"/>
  <c r="AU251" i="4"/>
  <c r="AU255" i="4"/>
  <c r="AU259" i="4"/>
  <c r="AU263" i="4"/>
  <c r="AU267" i="4"/>
  <c r="AU271" i="4"/>
  <c r="AU275" i="4"/>
  <c r="AU279" i="4"/>
  <c r="AU283" i="4"/>
  <c r="AU287" i="4"/>
  <c r="AU291" i="4"/>
  <c r="AU295" i="4"/>
  <c r="AU299" i="4"/>
  <c r="AU303" i="4"/>
  <c r="AU307" i="4"/>
  <c r="AS2" i="4"/>
  <c r="AS4" i="4"/>
  <c r="AS5" i="4"/>
  <c r="AS7" i="4"/>
  <c r="AS3" i="4"/>
  <c r="AS8" i="4"/>
  <c r="AS9" i="4"/>
  <c r="AS11" i="4"/>
  <c r="AS13" i="4"/>
  <c r="AS15" i="4"/>
  <c r="AS6" i="4"/>
  <c r="AS10" i="4"/>
  <c r="AS14" i="4"/>
  <c r="AS16" i="4"/>
  <c r="AS18" i="4"/>
  <c r="AS20" i="4"/>
  <c r="AS22" i="4"/>
  <c r="AS24" i="4"/>
  <c r="AS26" i="4"/>
  <c r="AS28" i="4"/>
  <c r="AS12" i="4"/>
  <c r="AS17" i="4"/>
  <c r="AS21" i="4"/>
  <c r="AS25" i="4"/>
  <c r="AS29" i="4"/>
  <c r="AS30" i="4"/>
  <c r="AS32" i="4"/>
  <c r="AS34" i="4"/>
  <c r="AS36" i="4"/>
  <c r="AS38" i="4"/>
  <c r="AS40" i="4"/>
  <c r="AS42" i="4"/>
  <c r="AS44" i="4"/>
  <c r="AS46" i="4"/>
  <c r="AS48" i="4"/>
  <c r="AS50" i="4"/>
  <c r="AS52" i="4"/>
  <c r="AS54" i="4"/>
  <c r="AS56" i="4"/>
  <c r="AS58" i="4"/>
  <c r="AS23" i="4"/>
  <c r="AS31" i="4"/>
  <c r="AS35" i="4"/>
  <c r="AS39" i="4"/>
  <c r="AS43" i="4"/>
  <c r="AS47" i="4"/>
  <c r="AS51" i="4"/>
  <c r="AS55" i="4"/>
  <c r="AS59" i="4"/>
  <c r="AS61" i="4"/>
  <c r="AS63" i="4"/>
  <c r="AS65" i="4"/>
  <c r="AS67" i="4"/>
  <c r="AS69" i="4"/>
  <c r="AS71" i="4"/>
  <c r="AS73" i="4"/>
  <c r="AS75" i="4"/>
  <c r="AS77" i="4"/>
  <c r="AS79" i="4"/>
  <c r="AS81" i="4"/>
  <c r="AS83" i="4"/>
  <c r="AS85" i="4"/>
  <c r="AS87" i="4"/>
  <c r="AS89" i="4"/>
  <c r="AS91" i="4"/>
  <c r="AS93" i="4"/>
  <c r="AS95" i="4"/>
  <c r="AS97" i="4"/>
  <c r="AS99" i="4"/>
  <c r="AS101" i="4"/>
  <c r="AS103" i="4"/>
  <c r="AS105" i="4"/>
  <c r="AS107" i="4"/>
  <c r="AS109" i="4"/>
  <c r="AS111" i="4"/>
  <c r="AS113" i="4"/>
  <c r="AS115" i="4"/>
  <c r="AS19" i="4"/>
  <c r="AS37" i="4"/>
  <c r="AS45" i="4"/>
  <c r="AS53" i="4"/>
  <c r="AS62" i="4"/>
  <c r="AS66" i="4"/>
  <c r="AS70" i="4"/>
  <c r="AS74" i="4"/>
  <c r="AS78" i="4"/>
  <c r="AS82" i="4"/>
  <c r="AS86" i="4"/>
  <c r="AS90" i="4"/>
  <c r="AS94" i="4"/>
  <c r="AS98" i="4"/>
  <c r="AS102" i="4"/>
  <c r="AS106" i="4"/>
  <c r="AS110" i="4"/>
  <c r="AS114" i="4"/>
  <c r="AS117" i="4"/>
  <c r="AS119" i="4"/>
  <c r="AS121" i="4"/>
  <c r="AS123" i="4"/>
  <c r="AS125" i="4"/>
  <c r="AS127" i="4"/>
  <c r="AS129" i="4"/>
  <c r="AS131" i="4"/>
  <c r="AS133" i="4"/>
  <c r="AS135" i="4"/>
  <c r="AS137" i="4"/>
  <c r="AS139" i="4"/>
  <c r="AS141" i="4"/>
  <c r="AS143" i="4"/>
  <c r="AS145" i="4"/>
  <c r="AS147" i="4"/>
  <c r="AS149" i="4"/>
  <c r="AS151" i="4"/>
  <c r="AS153" i="4"/>
  <c r="AS155" i="4"/>
  <c r="AS157" i="4"/>
  <c r="AS159" i="4"/>
  <c r="AS161" i="4"/>
  <c r="AS163" i="4"/>
  <c r="AS165" i="4"/>
  <c r="AS167" i="4"/>
  <c r="AS169" i="4"/>
  <c r="AS171" i="4"/>
  <c r="AS173" i="4"/>
  <c r="AS175" i="4"/>
  <c r="AS177" i="4"/>
  <c r="AS179" i="4"/>
  <c r="AS181" i="4"/>
  <c r="AS183" i="4"/>
  <c r="AS185" i="4"/>
  <c r="AS187" i="4"/>
  <c r="AS189" i="4"/>
  <c r="AS191" i="4"/>
  <c r="AS193" i="4"/>
  <c r="AS195" i="4"/>
  <c r="AS197" i="4"/>
  <c r="AS199" i="4"/>
  <c r="AS201" i="4"/>
  <c r="AS203" i="4"/>
  <c r="AS205" i="4"/>
  <c r="AS207" i="4"/>
  <c r="AS209" i="4"/>
  <c r="AS211" i="4"/>
  <c r="AS213" i="4"/>
  <c r="AS215" i="4"/>
  <c r="AS217" i="4"/>
  <c r="AS219" i="4"/>
  <c r="AS221" i="4"/>
  <c r="AS223" i="4"/>
  <c r="AS225" i="4"/>
  <c r="AS227" i="4"/>
  <c r="AS229" i="4"/>
  <c r="AS231" i="4"/>
  <c r="AS41" i="4"/>
  <c r="AS57" i="4"/>
  <c r="AS64" i="4"/>
  <c r="AS72" i="4"/>
  <c r="AS80" i="4"/>
  <c r="AS88" i="4"/>
  <c r="AS96" i="4"/>
  <c r="AS104" i="4"/>
  <c r="AS112" i="4"/>
  <c r="AS120" i="4"/>
  <c r="AS124" i="4"/>
  <c r="AS128" i="4"/>
  <c r="AS132" i="4"/>
  <c r="AS136" i="4"/>
  <c r="AS140" i="4"/>
  <c r="AS144" i="4"/>
  <c r="AS148" i="4"/>
  <c r="AS152" i="4"/>
  <c r="AS156" i="4"/>
  <c r="AS160" i="4"/>
  <c r="AS164" i="4"/>
  <c r="AS168" i="4"/>
  <c r="AS172" i="4"/>
  <c r="AS176" i="4"/>
  <c r="AS180" i="4"/>
  <c r="AS184" i="4"/>
  <c r="AS188" i="4"/>
  <c r="AS192" i="4"/>
  <c r="AS196" i="4"/>
  <c r="AS200" i="4"/>
  <c r="AS204" i="4"/>
  <c r="AS208" i="4"/>
  <c r="AS212" i="4"/>
  <c r="AS216" i="4"/>
  <c r="AS220" i="4"/>
  <c r="AS224" i="4"/>
  <c r="AS228" i="4"/>
  <c r="AS232" i="4"/>
  <c r="AS234" i="4"/>
  <c r="AS236" i="4"/>
  <c r="AS238" i="4"/>
  <c r="AS240" i="4"/>
  <c r="AS242" i="4"/>
  <c r="AS244" i="4"/>
  <c r="AS246" i="4"/>
  <c r="AS248" i="4"/>
  <c r="AS250" i="4"/>
  <c r="AS252" i="4"/>
  <c r="AS254" i="4"/>
  <c r="AS256" i="4"/>
  <c r="AS258" i="4"/>
  <c r="AS260" i="4"/>
  <c r="AS262" i="4"/>
  <c r="AS264" i="4"/>
  <c r="AS266" i="4"/>
  <c r="AS268" i="4"/>
  <c r="AS270" i="4"/>
  <c r="AS272" i="4"/>
  <c r="AS274" i="4"/>
  <c r="AS276" i="4"/>
  <c r="AS278" i="4"/>
  <c r="AS280" i="4"/>
  <c r="AS282" i="4"/>
  <c r="AS284" i="4"/>
  <c r="AS286" i="4"/>
  <c r="AS288" i="4"/>
  <c r="AS290" i="4"/>
  <c r="AS292" i="4"/>
  <c r="AS294" i="4"/>
  <c r="AS296" i="4"/>
  <c r="AS298" i="4"/>
  <c r="AS300" i="4"/>
  <c r="AS302" i="4"/>
  <c r="AS304" i="4"/>
  <c r="AS306" i="4"/>
  <c r="AS308" i="4"/>
  <c r="AS310" i="4"/>
  <c r="AS312" i="4"/>
  <c r="AS314" i="4"/>
  <c r="AS316" i="4"/>
  <c r="AS318" i="4"/>
  <c r="AS320" i="4"/>
  <c r="AS322" i="4"/>
  <c r="AS324" i="4"/>
  <c r="AS326" i="4"/>
  <c r="AS328" i="4"/>
  <c r="AS330" i="4"/>
  <c r="AS332" i="4"/>
  <c r="AS334" i="4"/>
  <c r="AS336" i="4"/>
  <c r="AS338" i="4"/>
  <c r="AS340" i="4"/>
  <c r="AS342" i="4"/>
  <c r="AS344" i="4"/>
  <c r="AS346" i="4"/>
  <c r="AS27" i="4"/>
  <c r="AS33" i="4"/>
  <c r="AS49" i="4"/>
  <c r="AS60" i="4"/>
  <c r="AS68" i="4"/>
  <c r="AS76" i="4"/>
  <c r="AS84" i="4"/>
  <c r="AS92" i="4"/>
  <c r="AS100" i="4"/>
  <c r="AS108" i="4"/>
  <c r="AS116" i="4"/>
  <c r="AS118" i="4"/>
  <c r="AS122" i="4"/>
  <c r="AS130" i="4"/>
  <c r="AS126" i="4"/>
  <c r="AS134" i="4"/>
  <c r="AS142" i="4"/>
  <c r="AS150" i="4"/>
  <c r="AS158" i="4"/>
  <c r="AS166" i="4"/>
  <c r="AS138" i="4"/>
  <c r="AS146" i="4"/>
  <c r="AS154" i="4"/>
  <c r="AS162" i="4"/>
  <c r="AS170" i="4"/>
  <c r="AS174" i="4"/>
  <c r="AS182" i="4"/>
  <c r="AS190" i="4"/>
  <c r="AS198" i="4"/>
  <c r="AS206" i="4"/>
  <c r="AS178" i="4"/>
  <c r="AS186" i="4"/>
  <c r="AS194" i="4"/>
  <c r="AS202" i="4"/>
  <c r="AS210" i="4"/>
  <c r="AS218" i="4"/>
  <c r="AS226" i="4"/>
  <c r="AS233" i="4"/>
  <c r="AS237" i="4"/>
  <c r="AS214" i="4"/>
  <c r="AS230" i="4"/>
  <c r="AS235" i="4"/>
  <c r="AS243" i="4"/>
  <c r="AS247" i="4"/>
  <c r="AS251" i="4"/>
  <c r="AS255" i="4"/>
  <c r="AS259" i="4"/>
  <c r="AS263" i="4"/>
  <c r="AS267" i="4"/>
  <c r="AS271" i="4"/>
  <c r="AS275" i="4"/>
  <c r="AS279" i="4"/>
  <c r="AS283" i="4"/>
  <c r="AS287" i="4"/>
  <c r="AS291" i="4"/>
  <c r="AS295" i="4"/>
  <c r="AS299" i="4"/>
  <c r="AS303" i="4"/>
  <c r="AS307" i="4"/>
  <c r="AS311" i="4"/>
  <c r="AS315" i="4"/>
  <c r="AS222" i="4"/>
  <c r="AS239" i="4"/>
  <c r="AS241" i="4"/>
  <c r="AS245" i="4"/>
  <c r="AS249" i="4"/>
  <c r="AS253" i="4"/>
  <c r="AS257" i="4"/>
  <c r="AS261" i="4"/>
  <c r="AS265" i="4"/>
  <c r="AS269" i="4"/>
  <c r="AS273" i="4"/>
  <c r="AS277" i="4"/>
  <c r="AS281" i="4"/>
  <c r="AS285" i="4"/>
  <c r="AS289" i="4"/>
  <c r="AS293" i="4"/>
  <c r="AS297" i="4"/>
  <c r="AS301" i="4"/>
  <c r="AS305" i="4"/>
  <c r="AS309" i="4"/>
  <c r="AQ2" i="4"/>
  <c r="AQ4" i="4"/>
  <c r="AQ3" i="4"/>
  <c r="AQ5" i="4"/>
  <c r="AQ7" i="4"/>
  <c r="AQ6" i="4"/>
  <c r="AQ9" i="4"/>
  <c r="AQ11" i="4"/>
  <c r="AQ13" i="4"/>
  <c r="AQ15" i="4"/>
  <c r="AQ12" i="4"/>
  <c r="AQ16" i="4"/>
  <c r="AQ18" i="4"/>
  <c r="AQ20" i="4"/>
  <c r="AQ22" i="4"/>
  <c r="AQ24" i="4"/>
  <c r="AQ26" i="4"/>
  <c r="AQ28" i="4"/>
  <c r="AQ30" i="4"/>
  <c r="AQ8" i="4"/>
  <c r="AQ10" i="4"/>
  <c r="AQ19" i="4"/>
  <c r="AQ23" i="4"/>
  <c r="AQ27" i="4"/>
  <c r="AQ32" i="4"/>
  <c r="AQ34" i="4"/>
  <c r="AQ36" i="4"/>
  <c r="AQ38" i="4"/>
  <c r="AQ40" i="4"/>
  <c r="AQ42" i="4"/>
  <c r="AQ44" i="4"/>
  <c r="AQ46" i="4"/>
  <c r="AQ48" i="4"/>
  <c r="AQ50" i="4"/>
  <c r="AQ52" i="4"/>
  <c r="AQ54" i="4"/>
  <c r="AQ56" i="4"/>
  <c r="AQ58" i="4"/>
  <c r="AQ14" i="4"/>
  <c r="AQ21" i="4"/>
  <c r="AQ29" i="4"/>
  <c r="AQ33" i="4"/>
  <c r="AQ37" i="4"/>
  <c r="AQ41" i="4"/>
  <c r="AQ45" i="4"/>
  <c r="AQ49" i="4"/>
  <c r="AQ53" i="4"/>
  <c r="AQ57" i="4"/>
  <c r="AQ59" i="4"/>
  <c r="AQ61" i="4"/>
  <c r="AQ63" i="4"/>
  <c r="AQ65" i="4"/>
  <c r="AQ67" i="4"/>
  <c r="AQ69" i="4"/>
  <c r="AQ71" i="4"/>
  <c r="AQ73" i="4"/>
  <c r="AQ75" i="4"/>
  <c r="AQ77" i="4"/>
  <c r="AQ79" i="4"/>
  <c r="AQ81" i="4"/>
  <c r="AQ83" i="4"/>
  <c r="AQ85" i="4"/>
  <c r="AQ87" i="4"/>
  <c r="AQ89" i="4"/>
  <c r="AQ91" i="4"/>
  <c r="AQ93" i="4"/>
  <c r="AQ95" i="4"/>
  <c r="AQ97" i="4"/>
  <c r="AQ99" i="4"/>
  <c r="AQ101" i="4"/>
  <c r="AQ103" i="4"/>
  <c r="AQ105" i="4"/>
  <c r="AQ107" i="4"/>
  <c r="AQ109" i="4"/>
  <c r="AQ111" i="4"/>
  <c r="AQ113" i="4"/>
  <c r="AQ115" i="4"/>
  <c r="AQ17" i="4"/>
  <c r="AQ35" i="4"/>
  <c r="AQ43" i="4"/>
  <c r="AQ51" i="4"/>
  <c r="AQ60" i="4"/>
  <c r="AQ64" i="4"/>
  <c r="AQ68" i="4"/>
  <c r="AQ72" i="4"/>
  <c r="AQ76" i="4"/>
  <c r="AQ80" i="4"/>
  <c r="AQ84" i="4"/>
  <c r="AQ88" i="4"/>
  <c r="AQ92" i="4"/>
  <c r="AQ96" i="4"/>
  <c r="AQ100" i="4"/>
  <c r="AQ104" i="4"/>
  <c r="AQ108" i="4"/>
  <c r="AQ112" i="4"/>
  <c r="AQ116" i="4"/>
  <c r="AQ117" i="4"/>
  <c r="AQ119" i="4"/>
  <c r="AQ121" i="4"/>
  <c r="AQ123" i="4"/>
  <c r="AQ125" i="4"/>
  <c r="AQ127" i="4"/>
  <c r="AQ129" i="4"/>
  <c r="AQ131" i="4"/>
  <c r="AQ133" i="4"/>
  <c r="AQ135" i="4"/>
  <c r="AQ137" i="4"/>
  <c r="AQ139" i="4"/>
  <c r="AQ141" i="4"/>
  <c r="AQ143" i="4"/>
  <c r="AQ145" i="4"/>
  <c r="AQ147" i="4"/>
  <c r="AQ149" i="4"/>
  <c r="AQ151" i="4"/>
  <c r="AQ153" i="4"/>
  <c r="AQ155" i="4"/>
  <c r="AQ157" i="4"/>
  <c r="AQ159" i="4"/>
  <c r="AQ161" i="4"/>
  <c r="AQ163" i="4"/>
  <c r="AQ165" i="4"/>
  <c r="AQ167" i="4"/>
  <c r="AQ169" i="4"/>
  <c r="AQ171" i="4"/>
  <c r="AQ173" i="4"/>
  <c r="AQ175" i="4"/>
  <c r="AQ177" i="4"/>
  <c r="AQ179" i="4"/>
  <c r="AQ181" i="4"/>
  <c r="AQ183" i="4"/>
  <c r="AQ185" i="4"/>
  <c r="AQ187" i="4"/>
  <c r="AQ189" i="4"/>
  <c r="AQ191" i="4"/>
  <c r="AQ193" i="4"/>
  <c r="AQ195" i="4"/>
  <c r="AQ197" i="4"/>
  <c r="AQ199" i="4"/>
  <c r="AQ201" i="4"/>
  <c r="AQ203" i="4"/>
  <c r="AQ205" i="4"/>
  <c r="AQ207" i="4"/>
  <c r="AQ209" i="4"/>
  <c r="AQ211" i="4"/>
  <c r="AQ213" i="4"/>
  <c r="AQ215" i="4"/>
  <c r="AQ217" i="4"/>
  <c r="AQ219" i="4"/>
  <c r="AQ221" i="4"/>
  <c r="AQ223" i="4"/>
  <c r="AQ225" i="4"/>
  <c r="AQ227" i="4"/>
  <c r="AQ229" i="4"/>
  <c r="AQ231" i="4"/>
  <c r="AQ25" i="4"/>
  <c r="AQ39" i="4"/>
  <c r="AQ55" i="4"/>
  <c r="AQ62" i="4"/>
  <c r="AQ70" i="4"/>
  <c r="AQ78" i="4"/>
  <c r="AQ86" i="4"/>
  <c r="AQ94" i="4"/>
  <c r="AQ102" i="4"/>
  <c r="AQ110" i="4"/>
  <c r="AQ118" i="4"/>
  <c r="AQ122" i="4"/>
  <c r="AQ126" i="4"/>
  <c r="AQ130" i="4"/>
  <c r="AQ134" i="4"/>
  <c r="AQ138" i="4"/>
  <c r="AQ142" i="4"/>
  <c r="AQ146" i="4"/>
  <c r="AQ150" i="4"/>
  <c r="AQ154" i="4"/>
  <c r="AQ158" i="4"/>
  <c r="AQ162" i="4"/>
  <c r="AQ166" i="4"/>
  <c r="AQ170" i="4"/>
  <c r="AQ174" i="4"/>
  <c r="AQ178" i="4"/>
  <c r="AQ182" i="4"/>
  <c r="AQ186" i="4"/>
  <c r="AQ190" i="4"/>
  <c r="AQ194" i="4"/>
  <c r="AQ198" i="4"/>
  <c r="AQ202" i="4"/>
  <c r="AQ206" i="4"/>
  <c r="AQ210" i="4"/>
  <c r="AQ214" i="4"/>
  <c r="AQ218" i="4"/>
  <c r="AQ222" i="4"/>
  <c r="AQ226" i="4"/>
  <c r="AQ230" i="4"/>
  <c r="AQ232" i="4"/>
  <c r="AQ234" i="4"/>
  <c r="AQ236" i="4"/>
  <c r="AQ238" i="4"/>
  <c r="AQ240" i="4"/>
  <c r="AQ242" i="4"/>
  <c r="AQ244" i="4"/>
  <c r="AQ246" i="4"/>
  <c r="AQ248" i="4"/>
  <c r="AQ250" i="4"/>
  <c r="AQ252" i="4"/>
  <c r="AQ254" i="4"/>
  <c r="AQ256" i="4"/>
  <c r="AQ258" i="4"/>
  <c r="AQ260" i="4"/>
  <c r="AQ262" i="4"/>
  <c r="AQ264" i="4"/>
  <c r="AQ266" i="4"/>
  <c r="AQ268" i="4"/>
  <c r="AQ270" i="4"/>
  <c r="AQ272" i="4"/>
  <c r="AQ274" i="4"/>
  <c r="AQ276" i="4"/>
  <c r="AQ278" i="4"/>
  <c r="AQ280" i="4"/>
  <c r="AQ282" i="4"/>
  <c r="AQ284" i="4"/>
  <c r="AQ286" i="4"/>
  <c r="AQ288" i="4"/>
  <c r="AQ290" i="4"/>
  <c r="AQ292" i="4"/>
  <c r="AQ294" i="4"/>
  <c r="AQ296" i="4"/>
  <c r="AQ298" i="4"/>
  <c r="AQ300" i="4"/>
  <c r="AQ302" i="4"/>
  <c r="AQ304" i="4"/>
  <c r="AQ306" i="4"/>
  <c r="AQ308" i="4"/>
  <c r="AQ310" i="4"/>
  <c r="AQ312" i="4"/>
  <c r="AQ314" i="4"/>
  <c r="AQ316" i="4"/>
  <c r="AQ318" i="4"/>
  <c r="AQ320" i="4"/>
  <c r="AQ322" i="4"/>
  <c r="AQ324" i="4"/>
  <c r="AQ326" i="4"/>
  <c r="AQ328" i="4"/>
  <c r="AQ330" i="4"/>
  <c r="AQ332" i="4"/>
  <c r="AQ334" i="4"/>
  <c r="AQ336" i="4"/>
  <c r="AQ338" i="4"/>
  <c r="AQ340" i="4"/>
  <c r="AQ342" i="4"/>
  <c r="AQ344" i="4"/>
  <c r="AQ346" i="4"/>
  <c r="AQ31" i="4"/>
  <c r="AQ47" i="4"/>
  <c r="AQ66" i="4"/>
  <c r="AQ74" i="4"/>
  <c r="AQ82" i="4"/>
  <c r="AQ90" i="4"/>
  <c r="AQ98" i="4"/>
  <c r="AQ106" i="4"/>
  <c r="AQ114" i="4"/>
  <c r="AQ128" i="4"/>
  <c r="AQ120" i="4"/>
  <c r="AQ124" i="4"/>
  <c r="AQ132" i="4"/>
  <c r="AQ140" i="4"/>
  <c r="AQ148" i="4"/>
  <c r="AQ156" i="4"/>
  <c r="AQ164" i="4"/>
  <c r="AQ136" i="4"/>
  <c r="AQ144" i="4"/>
  <c r="AQ152" i="4"/>
  <c r="AQ160" i="4"/>
  <c r="AQ168" i="4"/>
  <c r="AQ172" i="4"/>
  <c r="AQ180" i="4"/>
  <c r="AQ188" i="4"/>
  <c r="AQ196" i="4"/>
  <c r="AQ204" i="4"/>
  <c r="AQ212" i="4"/>
  <c r="AQ176" i="4"/>
  <c r="AQ184" i="4"/>
  <c r="AQ192" i="4"/>
  <c r="AQ200" i="4"/>
  <c r="AQ208" i="4"/>
  <c r="AQ216" i="4"/>
  <c r="AQ224" i="4"/>
  <c r="AQ235" i="4"/>
  <c r="AQ239" i="4"/>
  <c r="AQ228" i="4"/>
  <c r="AQ237" i="4"/>
  <c r="AQ241" i="4"/>
  <c r="AQ245" i="4"/>
  <c r="AQ249" i="4"/>
  <c r="AQ253" i="4"/>
  <c r="AQ257" i="4"/>
  <c r="AQ261" i="4"/>
  <c r="AQ265" i="4"/>
  <c r="AQ269" i="4"/>
  <c r="AQ273" i="4"/>
  <c r="AQ277" i="4"/>
  <c r="AQ281" i="4"/>
  <c r="AQ285" i="4"/>
  <c r="AQ289" i="4"/>
  <c r="AQ293" i="4"/>
  <c r="AQ297" i="4"/>
  <c r="AQ301" i="4"/>
  <c r="AQ305" i="4"/>
  <c r="AQ309" i="4"/>
  <c r="AQ313" i="4"/>
  <c r="AQ220" i="4"/>
  <c r="AQ233" i="4"/>
  <c r="AQ243" i="4"/>
  <c r="AQ247" i="4"/>
  <c r="AQ251" i="4"/>
  <c r="AQ255" i="4"/>
  <c r="AQ259" i="4"/>
  <c r="AQ263" i="4"/>
  <c r="AQ267" i="4"/>
  <c r="AQ271" i="4"/>
  <c r="AQ275" i="4"/>
  <c r="AQ279" i="4"/>
  <c r="AQ283" i="4"/>
  <c r="AQ287" i="4"/>
  <c r="AQ291" i="4"/>
  <c r="AQ295" i="4"/>
  <c r="AQ299" i="4"/>
  <c r="AQ303" i="4"/>
  <c r="AQ307" i="4"/>
  <c r="AO2" i="4"/>
  <c r="AO4" i="4"/>
  <c r="AO5" i="4"/>
  <c r="AO7" i="4"/>
  <c r="AO8" i="4"/>
  <c r="AO9" i="4"/>
  <c r="AO11" i="4"/>
  <c r="AO13" i="4"/>
  <c r="AO15" i="4"/>
  <c r="AO3" i="4"/>
  <c r="AO10" i="4"/>
  <c r="AO14" i="4"/>
  <c r="AO16" i="4"/>
  <c r="AO18" i="4"/>
  <c r="AO20" i="4"/>
  <c r="AO22" i="4"/>
  <c r="AO24" i="4"/>
  <c r="AO26" i="4"/>
  <c r="AO28" i="4"/>
  <c r="AO30" i="4"/>
  <c r="AO6" i="4"/>
  <c r="AO17" i="4"/>
  <c r="AO21" i="4"/>
  <c r="AO25" i="4"/>
  <c r="AO29" i="4"/>
  <c r="AO32" i="4"/>
  <c r="AO34" i="4"/>
  <c r="AO36" i="4"/>
  <c r="AO38" i="4"/>
  <c r="AO40" i="4"/>
  <c r="AO42" i="4"/>
  <c r="AO44" i="4"/>
  <c r="AO46" i="4"/>
  <c r="AO48" i="4"/>
  <c r="AO50" i="4"/>
  <c r="AO52" i="4"/>
  <c r="AO54" i="4"/>
  <c r="AO56" i="4"/>
  <c r="AO58" i="4"/>
  <c r="AO12" i="4"/>
  <c r="AO19" i="4"/>
  <c r="AO27" i="4"/>
  <c r="AO31" i="4"/>
  <c r="AO35" i="4"/>
  <c r="AO39" i="4"/>
  <c r="AO43" i="4"/>
  <c r="AO47" i="4"/>
  <c r="AO51" i="4"/>
  <c r="AO55" i="4"/>
  <c r="AO59" i="4"/>
  <c r="AO61" i="4"/>
  <c r="AO63" i="4"/>
  <c r="AO65" i="4"/>
  <c r="AO67" i="4"/>
  <c r="AO69" i="4"/>
  <c r="AO71" i="4"/>
  <c r="AO73" i="4"/>
  <c r="AO75" i="4"/>
  <c r="AO77" i="4"/>
  <c r="AO79" i="4"/>
  <c r="AO81" i="4"/>
  <c r="AO83" i="4"/>
  <c r="AO85" i="4"/>
  <c r="AO87" i="4"/>
  <c r="AO89" i="4"/>
  <c r="AO91" i="4"/>
  <c r="AO93" i="4"/>
  <c r="AO95" i="4"/>
  <c r="AO97" i="4"/>
  <c r="AO99" i="4"/>
  <c r="AO101" i="4"/>
  <c r="AO103" i="4"/>
  <c r="AO105" i="4"/>
  <c r="AO107" i="4"/>
  <c r="AO109" i="4"/>
  <c r="AO111" i="4"/>
  <c r="AO113" i="4"/>
  <c r="AO115" i="4"/>
  <c r="AO33" i="4"/>
  <c r="AO41" i="4"/>
  <c r="AO49" i="4"/>
  <c r="AO57" i="4"/>
  <c r="AO62" i="4"/>
  <c r="AO66" i="4"/>
  <c r="AO70" i="4"/>
  <c r="AO74" i="4"/>
  <c r="AO78" i="4"/>
  <c r="AO82" i="4"/>
  <c r="AO86" i="4"/>
  <c r="AO90" i="4"/>
  <c r="AO94" i="4"/>
  <c r="AO98" i="4"/>
  <c r="AO102" i="4"/>
  <c r="AO106" i="4"/>
  <c r="AO110" i="4"/>
  <c r="AO114" i="4"/>
  <c r="AO117" i="4"/>
  <c r="AO119" i="4"/>
  <c r="AO121" i="4"/>
  <c r="AO123" i="4"/>
  <c r="AO125" i="4"/>
  <c r="AO127" i="4"/>
  <c r="AO129" i="4"/>
  <c r="AO131" i="4"/>
  <c r="AO133" i="4"/>
  <c r="AO135" i="4"/>
  <c r="AO137" i="4"/>
  <c r="AO139" i="4"/>
  <c r="AO141" i="4"/>
  <c r="AO143" i="4"/>
  <c r="AO145" i="4"/>
  <c r="AO147" i="4"/>
  <c r="AO149" i="4"/>
  <c r="AO151" i="4"/>
  <c r="AO153" i="4"/>
  <c r="AO155" i="4"/>
  <c r="AO157" i="4"/>
  <c r="AO159" i="4"/>
  <c r="AO161" i="4"/>
  <c r="AO163" i="4"/>
  <c r="AO165" i="4"/>
  <c r="AO167" i="4"/>
  <c r="AO169" i="4"/>
  <c r="AO171" i="4"/>
  <c r="AO173" i="4"/>
  <c r="AO175" i="4"/>
  <c r="AO177" i="4"/>
  <c r="AO179" i="4"/>
  <c r="AO181" i="4"/>
  <c r="AO183" i="4"/>
  <c r="AO185" i="4"/>
  <c r="AO187" i="4"/>
  <c r="AO189" i="4"/>
  <c r="AO191" i="4"/>
  <c r="AO193" i="4"/>
  <c r="AO195" i="4"/>
  <c r="AO197" i="4"/>
  <c r="AO199" i="4"/>
  <c r="AO201" i="4"/>
  <c r="AO203" i="4"/>
  <c r="AO205" i="4"/>
  <c r="AO207" i="4"/>
  <c r="AO209" i="4"/>
  <c r="AO211" i="4"/>
  <c r="AO213" i="4"/>
  <c r="AO215" i="4"/>
  <c r="AO217" i="4"/>
  <c r="AO219" i="4"/>
  <c r="AO221" i="4"/>
  <c r="AO223" i="4"/>
  <c r="AO225" i="4"/>
  <c r="AO227" i="4"/>
  <c r="AO229" i="4"/>
  <c r="AO231" i="4"/>
  <c r="AO37" i="4"/>
  <c r="AO53" i="4"/>
  <c r="AO60" i="4"/>
  <c r="AO68" i="4"/>
  <c r="AO76" i="4"/>
  <c r="AO84" i="4"/>
  <c r="AO92" i="4"/>
  <c r="AO100" i="4"/>
  <c r="AO108" i="4"/>
  <c r="AO116" i="4"/>
  <c r="AO120" i="4"/>
  <c r="AO124" i="4"/>
  <c r="AO128" i="4"/>
  <c r="AO132" i="4"/>
  <c r="AO136" i="4"/>
  <c r="AO140" i="4"/>
  <c r="AO144" i="4"/>
  <c r="AO148" i="4"/>
  <c r="AO152" i="4"/>
  <c r="AO156" i="4"/>
  <c r="AO160" i="4"/>
  <c r="AO164" i="4"/>
  <c r="AO168" i="4"/>
  <c r="AO172" i="4"/>
  <c r="AO176" i="4"/>
  <c r="AO180" i="4"/>
  <c r="AO184" i="4"/>
  <c r="AO188" i="4"/>
  <c r="AO192" i="4"/>
  <c r="AO196" i="4"/>
  <c r="AO200" i="4"/>
  <c r="AO204" i="4"/>
  <c r="AO208" i="4"/>
  <c r="AO212" i="4"/>
  <c r="AO216" i="4"/>
  <c r="AO220" i="4"/>
  <c r="AO224" i="4"/>
  <c r="AO228" i="4"/>
  <c r="AO232" i="4"/>
  <c r="AO234" i="4"/>
  <c r="AO236" i="4"/>
  <c r="AO238" i="4"/>
  <c r="AO240" i="4"/>
  <c r="AO242" i="4"/>
  <c r="AO244" i="4"/>
  <c r="AO246" i="4"/>
  <c r="AO248" i="4"/>
  <c r="AO250" i="4"/>
  <c r="AO252" i="4"/>
  <c r="AO254" i="4"/>
  <c r="AO256" i="4"/>
  <c r="AO258" i="4"/>
  <c r="AO260" i="4"/>
  <c r="AO262" i="4"/>
  <c r="AO264" i="4"/>
  <c r="AO266" i="4"/>
  <c r="AO268" i="4"/>
  <c r="AO270" i="4"/>
  <c r="AO272" i="4"/>
  <c r="AO274" i="4"/>
  <c r="AO276" i="4"/>
  <c r="AO278" i="4"/>
  <c r="AO280" i="4"/>
  <c r="AO282" i="4"/>
  <c r="AO284" i="4"/>
  <c r="AO286" i="4"/>
  <c r="AO288" i="4"/>
  <c r="AO290" i="4"/>
  <c r="AO292" i="4"/>
  <c r="AO294" i="4"/>
  <c r="AO296" i="4"/>
  <c r="AO298" i="4"/>
  <c r="AO300" i="4"/>
  <c r="AO302" i="4"/>
  <c r="AO304" i="4"/>
  <c r="AO306" i="4"/>
  <c r="AO308" i="4"/>
  <c r="AO310" i="4"/>
  <c r="AO312" i="4"/>
  <c r="AO314" i="4"/>
  <c r="AO316" i="4"/>
  <c r="AO318" i="4"/>
  <c r="AO320" i="4"/>
  <c r="AO322" i="4"/>
  <c r="AO324" i="4"/>
  <c r="AO326" i="4"/>
  <c r="AO328" i="4"/>
  <c r="AO330" i="4"/>
  <c r="AO332" i="4"/>
  <c r="AO334" i="4"/>
  <c r="AO336" i="4"/>
  <c r="AO338" i="4"/>
  <c r="AO340" i="4"/>
  <c r="AO342" i="4"/>
  <c r="AO344" i="4"/>
  <c r="AO346" i="4"/>
  <c r="AO23" i="4"/>
  <c r="AO45" i="4"/>
  <c r="AO64" i="4"/>
  <c r="AO72" i="4"/>
  <c r="AO80" i="4"/>
  <c r="AO88" i="4"/>
  <c r="AO96" i="4"/>
  <c r="AO104" i="4"/>
  <c r="AO112" i="4"/>
  <c r="AO118" i="4"/>
  <c r="AO122" i="4"/>
  <c r="AO130" i="4"/>
  <c r="AO126" i="4"/>
  <c r="AO138" i="4"/>
  <c r="AO146" i="4"/>
  <c r="AO154" i="4"/>
  <c r="AO162" i="4"/>
  <c r="AO134" i="4"/>
  <c r="AO142" i="4"/>
  <c r="AO150" i="4"/>
  <c r="AO158" i="4"/>
  <c r="AO166" i="4"/>
  <c r="AO170" i="4"/>
  <c r="AO178" i="4"/>
  <c r="AO186" i="4"/>
  <c r="AO194" i="4"/>
  <c r="AO202" i="4"/>
  <c r="AO210" i="4"/>
  <c r="AO174" i="4"/>
  <c r="AO182" i="4"/>
  <c r="AO190" i="4"/>
  <c r="AO198" i="4"/>
  <c r="AO206" i="4"/>
  <c r="AO214" i="4"/>
  <c r="AO222" i="4"/>
  <c r="AO230" i="4"/>
  <c r="AO233" i="4"/>
  <c r="AO237" i="4"/>
  <c r="AO218" i="4"/>
  <c r="AO239" i="4"/>
  <c r="AO243" i="4"/>
  <c r="AO247" i="4"/>
  <c r="AO251" i="4"/>
  <c r="AO255" i="4"/>
  <c r="AO259" i="4"/>
  <c r="AO263" i="4"/>
  <c r="AO267" i="4"/>
  <c r="AO271" i="4"/>
  <c r="AO275" i="4"/>
  <c r="AO279" i="4"/>
  <c r="AO283" i="4"/>
  <c r="AO287" i="4"/>
  <c r="AO291" i="4"/>
  <c r="AO295" i="4"/>
  <c r="AO299" i="4"/>
  <c r="AO303" i="4"/>
  <c r="AO307" i="4"/>
  <c r="AO311" i="4"/>
  <c r="AO315" i="4"/>
  <c r="AO226" i="4"/>
  <c r="AO235" i="4"/>
  <c r="AO241" i="4"/>
  <c r="AO245" i="4"/>
  <c r="AO249" i="4"/>
  <c r="AO253" i="4"/>
  <c r="AO257" i="4"/>
  <c r="AO261" i="4"/>
  <c r="AO265" i="4"/>
  <c r="AO269" i="4"/>
  <c r="AO273" i="4"/>
  <c r="AO277" i="4"/>
  <c r="AO281" i="4"/>
  <c r="AO285" i="4"/>
  <c r="AO289" i="4"/>
  <c r="AO293" i="4"/>
  <c r="AO297" i="4"/>
  <c r="AO301" i="4"/>
  <c r="AO305" i="4"/>
  <c r="AO309" i="4"/>
  <c r="BS2" i="4"/>
  <c r="BS4" i="4"/>
  <c r="BS3" i="4"/>
  <c r="BS5" i="4"/>
  <c r="BS7" i="4"/>
  <c r="BS6" i="4"/>
  <c r="BS9" i="4"/>
  <c r="BS11" i="4"/>
  <c r="BS13" i="4"/>
  <c r="BS15" i="4"/>
  <c r="BS8" i="4"/>
  <c r="BS12" i="4"/>
  <c r="BS16" i="4"/>
  <c r="BS18" i="4"/>
  <c r="BS20" i="4"/>
  <c r="BS22" i="4"/>
  <c r="BS24" i="4"/>
  <c r="BS26" i="4"/>
  <c r="BS28" i="4"/>
  <c r="BS14" i="4"/>
  <c r="BS19" i="4"/>
  <c r="BS23" i="4"/>
  <c r="BS27" i="4"/>
  <c r="BS30" i="4"/>
  <c r="BS32" i="4"/>
  <c r="BS34" i="4"/>
  <c r="BS36" i="4"/>
  <c r="BS38" i="4"/>
  <c r="BS40" i="4"/>
  <c r="BS42" i="4"/>
  <c r="BS44" i="4"/>
  <c r="BS46" i="4"/>
  <c r="BS48" i="4"/>
  <c r="BS50" i="4"/>
  <c r="BS52" i="4"/>
  <c r="BS54" i="4"/>
  <c r="BS56" i="4"/>
  <c r="BS58" i="4"/>
  <c r="BS10" i="4"/>
  <c r="BS17" i="4"/>
  <c r="BS25" i="4"/>
  <c r="BS33" i="4"/>
  <c r="BS37" i="4"/>
  <c r="BS41" i="4"/>
  <c r="BS45" i="4"/>
  <c r="BS49" i="4"/>
  <c r="BS53" i="4"/>
  <c r="BS57" i="4"/>
  <c r="BS59" i="4"/>
  <c r="BS61" i="4"/>
  <c r="BS63" i="4"/>
  <c r="BS65" i="4"/>
  <c r="BS67" i="4"/>
  <c r="BS69" i="4"/>
  <c r="BS71" i="4"/>
  <c r="BS73" i="4"/>
  <c r="BS75" i="4"/>
  <c r="BS77" i="4"/>
  <c r="BS79" i="4"/>
  <c r="BS81" i="4"/>
  <c r="BS83" i="4"/>
  <c r="BS85" i="4"/>
  <c r="BS87" i="4"/>
  <c r="BS89" i="4"/>
  <c r="BS91" i="4"/>
  <c r="BS93" i="4"/>
  <c r="BS95" i="4"/>
  <c r="BS97" i="4"/>
  <c r="BS99" i="4"/>
  <c r="BS101" i="4"/>
  <c r="BS103" i="4"/>
  <c r="BS105" i="4"/>
  <c r="BS107" i="4"/>
  <c r="BS109" i="4"/>
  <c r="BS111" i="4"/>
  <c r="BS113" i="4"/>
  <c r="BS115" i="4"/>
  <c r="BS29" i="4"/>
  <c r="BS31" i="4"/>
  <c r="BS39" i="4"/>
  <c r="BS47" i="4"/>
  <c r="BS55" i="4"/>
  <c r="BS60" i="4"/>
  <c r="BS64" i="4"/>
  <c r="BS68" i="4"/>
  <c r="BS72" i="4"/>
  <c r="BS76" i="4"/>
  <c r="BS80" i="4"/>
  <c r="BS84" i="4"/>
  <c r="BS88" i="4"/>
  <c r="BS92" i="4"/>
  <c r="BS96" i="4"/>
  <c r="BS100" i="4"/>
  <c r="BS104" i="4"/>
  <c r="BS108" i="4"/>
  <c r="BS112" i="4"/>
  <c r="BS116" i="4"/>
  <c r="BS117" i="4"/>
  <c r="BS119" i="4"/>
  <c r="BS121" i="4"/>
  <c r="BS123" i="4"/>
  <c r="BS125" i="4"/>
  <c r="BS127" i="4"/>
  <c r="BS129" i="4"/>
  <c r="BS131" i="4"/>
  <c r="BS133" i="4"/>
  <c r="BS135" i="4"/>
  <c r="BS137" i="4"/>
  <c r="BS139" i="4"/>
  <c r="BS141" i="4"/>
  <c r="BS143" i="4"/>
  <c r="BS145" i="4"/>
  <c r="BS147" i="4"/>
  <c r="BS149" i="4"/>
  <c r="BS151" i="4"/>
  <c r="BS153" i="4"/>
  <c r="BS155" i="4"/>
  <c r="BS157" i="4"/>
  <c r="BS159" i="4"/>
  <c r="BS161" i="4"/>
  <c r="BS163" i="4"/>
  <c r="BS165" i="4"/>
  <c r="BS167" i="4"/>
  <c r="BS169" i="4"/>
  <c r="BS171" i="4"/>
  <c r="BS173" i="4"/>
  <c r="BS175" i="4"/>
  <c r="BS177" i="4"/>
  <c r="BS179" i="4"/>
  <c r="BS181" i="4"/>
  <c r="BS183" i="4"/>
  <c r="BS185" i="4"/>
  <c r="BS187" i="4"/>
  <c r="BS189" i="4"/>
  <c r="BS191" i="4"/>
  <c r="BS193" i="4"/>
  <c r="BS195" i="4"/>
  <c r="BS197" i="4"/>
  <c r="BS199" i="4"/>
  <c r="BS201" i="4"/>
  <c r="BS203" i="4"/>
  <c r="BS205" i="4"/>
  <c r="BS207" i="4"/>
  <c r="BS209" i="4"/>
  <c r="BS211" i="4"/>
  <c r="BS213" i="4"/>
  <c r="BS215" i="4"/>
  <c r="BS217" i="4"/>
  <c r="BS219" i="4"/>
  <c r="BS221" i="4"/>
  <c r="BS223" i="4"/>
  <c r="BS225" i="4"/>
  <c r="BS227" i="4"/>
  <c r="BS229" i="4"/>
  <c r="BS231" i="4"/>
  <c r="BS21" i="4"/>
  <c r="BS35" i="4"/>
  <c r="BS51" i="4"/>
  <c r="BS66" i="4"/>
  <c r="BS74" i="4"/>
  <c r="BS82" i="4"/>
  <c r="BS90" i="4"/>
  <c r="BS98" i="4"/>
  <c r="BS106" i="4"/>
  <c r="BS114" i="4"/>
  <c r="BS118" i="4"/>
  <c r="BS122" i="4"/>
  <c r="BS126" i="4"/>
  <c r="BS130" i="4"/>
  <c r="BS134" i="4"/>
  <c r="BS138" i="4"/>
  <c r="BS142" i="4"/>
  <c r="BS146" i="4"/>
  <c r="BS150" i="4"/>
  <c r="BS154" i="4"/>
  <c r="BS158" i="4"/>
  <c r="BS162" i="4"/>
  <c r="BS166" i="4"/>
  <c r="BS170" i="4"/>
  <c r="BS174" i="4"/>
  <c r="BS178" i="4"/>
  <c r="BS182" i="4"/>
  <c r="BS186" i="4"/>
  <c r="BS190" i="4"/>
  <c r="BS194" i="4"/>
  <c r="BS198" i="4"/>
  <c r="BS202" i="4"/>
  <c r="BS206" i="4"/>
  <c r="BS210" i="4"/>
  <c r="BS214" i="4"/>
  <c r="BS218" i="4"/>
  <c r="BS222" i="4"/>
  <c r="BS226" i="4"/>
  <c r="BS230" i="4"/>
  <c r="BS232" i="4"/>
  <c r="BS234" i="4"/>
  <c r="BS236" i="4"/>
  <c r="BS238" i="4"/>
  <c r="BS240" i="4"/>
  <c r="BS242" i="4"/>
  <c r="BS244" i="4"/>
  <c r="BS246" i="4"/>
  <c r="BS248" i="4"/>
  <c r="BS250" i="4"/>
  <c r="BS252" i="4"/>
  <c r="BS254" i="4"/>
  <c r="BS256" i="4"/>
  <c r="BS258" i="4"/>
  <c r="BS260" i="4"/>
  <c r="BS262" i="4"/>
  <c r="BS264" i="4"/>
  <c r="BS266" i="4"/>
  <c r="BS268" i="4"/>
  <c r="BS270" i="4"/>
  <c r="BS272" i="4"/>
  <c r="BS274" i="4"/>
  <c r="BS276" i="4"/>
  <c r="BS278" i="4"/>
  <c r="BS280" i="4"/>
  <c r="BS282" i="4"/>
  <c r="BS284" i="4"/>
  <c r="BS286" i="4"/>
  <c r="BS288" i="4"/>
  <c r="BS290" i="4"/>
  <c r="BS292" i="4"/>
  <c r="BS294" i="4"/>
  <c r="BS296" i="4"/>
  <c r="BS298" i="4"/>
  <c r="BS300" i="4"/>
  <c r="BS302" i="4"/>
  <c r="BS304" i="4"/>
  <c r="BS306" i="4"/>
  <c r="BS308" i="4"/>
  <c r="BS310" i="4"/>
  <c r="BS312" i="4"/>
  <c r="BS314" i="4"/>
  <c r="BS316" i="4"/>
  <c r="BS318" i="4"/>
  <c r="BS320" i="4"/>
  <c r="BS322" i="4"/>
  <c r="BS324" i="4"/>
  <c r="BS326" i="4"/>
  <c r="BS328" i="4"/>
  <c r="BS330" i="4"/>
  <c r="BS332" i="4"/>
  <c r="BS334" i="4"/>
  <c r="BS336" i="4"/>
  <c r="BS338" i="4"/>
  <c r="BS340" i="4"/>
  <c r="BS342" i="4"/>
  <c r="BS344" i="4"/>
  <c r="BS346" i="4"/>
  <c r="BS43" i="4"/>
  <c r="BS62" i="4"/>
  <c r="BS70" i="4"/>
  <c r="BS78" i="4"/>
  <c r="BS86" i="4"/>
  <c r="BS94" i="4"/>
  <c r="BS102" i="4"/>
  <c r="BS128" i="4"/>
  <c r="BS110" i="4"/>
  <c r="BS120" i="4"/>
  <c r="BS124" i="4"/>
  <c r="BS136" i="4"/>
  <c r="BS144" i="4"/>
  <c r="BS152" i="4"/>
  <c r="BS160" i="4"/>
  <c r="BS168" i="4"/>
  <c r="BS132" i="4"/>
  <c r="BS140" i="4"/>
  <c r="BS148" i="4"/>
  <c r="BS156" i="4"/>
  <c r="BS164" i="4"/>
  <c r="BS176" i="4"/>
  <c r="BS184" i="4"/>
  <c r="BS192" i="4"/>
  <c r="BS200" i="4"/>
  <c r="BS208" i="4"/>
  <c r="BS172" i="4"/>
  <c r="BS180" i="4"/>
  <c r="BS188" i="4"/>
  <c r="BS196" i="4"/>
  <c r="BS204" i="4"/>
  <c r="BS212" i="4"/>
  <c r="BS220" i="4"/>
  <c r="BS228" i="4"/>
  <c r="BS235" i="4"/>
  <c r="BS239" i="4"/>
  <c r="BS224" i="4"/>
  <c r="BS233" i="4"/>
  <c r="BS241" i="4"/>
  <c r="BS245" i="4"/>
  <c r="BS249" i="4"/>
  <c r="BS253" i="4"/>
  <c r="BS257" i="4"/>
  <c r="BS261" i="4"/>
  <c r="BS265" i="4"/>
  <c r="BS269" i="4"/>
  <c r="BS273" i="4"/>
  <c r="BS277" i="4"/>
  <c r="BS281" i="4"/>
  <c r="BS285" i="4"/>
  <c r="BS289" i="4"/>
  <c r="BS293" i="4"/>
  <c r="BS297" i="4"/>
  <c r="BS301" i="4"/>
  <c r="BS305" i="4"/>
  <c r="BS309" i="4"/>
  <c r="BS313" i="4"/>
  <c r="BS216" i="4"/>
  <c r="BS237" i="4"/>
  <c r="BS243" i="4"/>
  <c r="BS247" i="4"/>
  <c r="BS251" i="4"/>
  <c r="BS255" i="4"/>
  <c r="BS259" i="4"/>
  <c r="BS263" i="4"/>
  <c r="BS267" i="4"/>
  <c r="BS271" i="4"/>
  <c r="BS275" i="4"/>
  <c r="BS279" i="4"/>
  <c r="BS283" i="4"/>
  <c r="BS287" i="4"/>
  <c r="BS291" i="4"/>
  <c r="BS295" i="4"/>
  <c r="BS299" i="4"/>
  <c r="BS303" i="4"/>
  <c r="BS307" i="4"/>
  <c r="BQ2" i="4"/>
  <c r="BQ4" i="4"/>
  <c r="BQ5" i="4"/>
  <c r="BQ7" i="4"/>
  <c r="BQ3" i="4"/>
  <c r="BQ8" i="4"/>
  <c r="BQ9" i="4"/>
  <c r="BQ11" i="4"/>
  <c r="BQ13" i="4"/>
  <c r="BQ15" i="4"/>
  <c r="BQ6" i="4"/>
  <c r="BQ10" i="4"/>
  <c r="BQ14" i="4"/>
  <c r="BQ16" i="4"/>
  <c r="BQ18" i="4"/>
  <c r="BQ20" i="4"/>
  <c r="BQ22" i="4"/>
  <c r="BQ24" i="4"/>
  <c r="BQ26" i="4"/>
  <c r="BQ28" i="4"/>
  <c r="BQ12" i="4"/>
  <c r="BQ17" i="4"/>
  <c r="BQ21" i="4"/>
  <c r="BQ25" i="4"/>
  <c r="BQ29" i="4"/>
  <c r="BQ30" i="4"/>
  <c r="BQ32" i="4"/>
  <c r="BQ34" i="4"/>
  <c r="BQ36" i="4"/>
  <c r="BQ38" i="4"/>
  <c r="BQ40" i="4"/>
  <c r="BQ42" i="4"/>
  <c r="BQ44" i="4"/>
  <c r="BQ46" i="4"/>
  <c r="BQ48" i="4"/>
  <c r="BQ50" i="4"/>
  <c r="BQ52" i="4"/>
  <c r="BQ54" i="4"/>
  <c r="BQ56" i="4"/>
  <c r="BQ58" i="4"/>
  <c r="BQ23" i="4"/>
  <c r="BQ31" i="4"/>
  <c r="BQ35" i="4"/>
  <c r="BQ39" i="4"/>
  <c r="BQ43" i="4"/>
  <c r="BQ47" i="4"/>
  <c r="BQ51" i="4"/>
  <c r="BQ55" i="4"/>
  <c r="BQ59" i="4"/>
  <c r="BQ61" i="4"/>
  <c r="BQ63" i="4"/>
  <c r="BQ65" i="4"/>
  <c r="BQ67" i="4"/>
  <c r="BQ69" i="4"/>
  <c r="BQ71" i="4"/>
  <c r="BQ73" i="4"/>
  <c r="BQ75" i="4"/>
  <c r="BQ77" i="4"/>
  <c r="BQ79" i="4"/>
  <c r="BQ81" i="4"/>
  <c r="BQ83" i="4"/>
  <c r="BQ85" i="4"/>
  <c r="BQ87" i="4"/>
  <c r="BQ89" i="4"/>
  <c r="BQ91" i="4"/>
  <c r="BQ93" i="4"/>
  <c r="BQ95" i="4"/>
  <c r="BQ97" i="4"/>
  <c r="BQ99" i="4"/>
  <c r="BQ101" i="4"/>
  <c r="BQ103" i="4"/>
  <c r="BQ105" i="4"/>
  <c r="BQ107" i="4"/>
  <c r="BQ109" i="4"/>
  <c r="BQ111" i="4"/>
  <c r="BQ113" i="4"/>
  <c r="BQ115" i="4"/>
  <c r="BQ27" i="4"/>
  <c r="BQ37" i="4"/>
  <c r="BQ45" i="4"/>
  <c r="BQ53" i="4"/>
  <c r="BQ62" i="4"/>
  <c r="BQ66" i="4"/>
  <c r="BQ70" i="4"/>
  <c r="BQ74" i="4"/>
  <c r="BQ78" i="4"/>
  <c r="BQ82" i="4"/>
  <c r="BQ86" i="4"/>
  <c r="BQ90" i="4"/>
  <c r="BQ94" i="4"/>
  <c r="BQ98" i="4"/>
  <c r="BQ102" i="4"/>
  <c r="BQ106" i="4"/>
  <c r="BQ110" i="4"/>
  <c r="BQ114" i="4"/>
  <c r="BQ117" i="4"/>
  <c r="BQ119" i="4"/>
  <c r="BQ121" i="4"/>
  <c r="BQ123" i="4"/>
  <c r="BQ125" i="4"/>
  <c r="BQ127" i="4"/>
  <c r="BQ129" i="4"/>
  <c r="BQ131" i="4"/>
  <c r="BQ133" i="4"/>
  <c r="BQ135" i="4"/>
  <c r="BQ137" i="4"/>
  <c r="BQ139" i="4"/>
  <c r="BQ141" i="4"/>
  <c r="BQ143" i="4"/>
  <c r="BQ145" i="4"/>
  <c r="BQ147" i="4"/>
  <c r="BQ149" i="4"/>
  <c r="BQ151" i="4"/>
  <c r="BQ153" i="4"/>
  <c r="BQ155" i="4"/>
  <c r="BQ157" i="4"/>
  <c r="BQ159" i="4"/>
  <c r="BQ161" i="4"/>
  <c r="BQ163" i="4"/>
  <c r="BQ165" i="4"/>
  <c r="BQ167" i="4"/>
  <c r="BQ169" i="4"/>
  <c r="BQ171" i="4"/>
  <c r="BQ173" i="4"/>
  <c r="BQ175" i="4"/>
  <c r="BQ177" i="4"/>
  <c r="BQ179" i="4"/>
  <c r="BQ181" i="4"/>
  <c r="BQ183" i="4"/>
  <c r="BQ185" i="4"/>
  <c r="BQ187" i="4"/>
  <c r="BQ189" i="4"/>
  <c r="BQ191" i="4"/>
  <c r="BQ193" i="4"/>
  <c r="BQ195" i="4"/>
  <c r="BQ197" i="4"/>
  <c r="BQ199" i="4"/>
  <c r="BQ201" i="4"/>
  <c r="BQ203" i="4"/>
  <c r="BQ205" i="4"/>
  <c r="BQ207" i="4"/>
  <c r="BQ209" i="4"/>
  <c r="BQ211" i="4"/>
  <c r="BQ213" i="4"/>
  <c r="BQ215" i="4"/>
  <c r="BQ217" i="4"/>
  <c r="BQ219" i="4"/>
  <c r="BQ221" i="4"/>
  <c r="BQ223" i="4"/>
  <c r="BQ225" i="4"/>
  <c r="BQ227" i="4"/>
  <c r="BQ229" i="4"/>
  <c r="BQ231" i="4"/>
  <c r="BQ33" i="4"/>
  <c r="BQ49" i="4"/>
  <c r="BQ64" i="4"/>
  <c r="BQ72" i="4"/>
  <c r="BQ80" i="4"/>
  <c r="BQ88" i="4"/>
  <c r="BQ96" i="4"/>
  <c r="BQ104" i="4"/>
  <c r="BQ112" i="4"/>
  <c r="BQ120" i="4"/>
  <c r="BQ124" i="4"/>
  <c r="BQ128" i="4"/>
  <c r="BQ132" i="4"/>
  <c r="BQ136" i="4"/>
  <c r="BQ140" i="4"/>
  <c r="BQ144" i="4"/>
  <c r="BQ148" i="4"/>
  <c r="BQ152" i="4"/>
  <c r="BQ156" i="4"/>
  <c r="BQ160" i="4"/>
  <c r="BQ164" i="4"/>
  <c r="BQ168" i="4"/>
  <c r="BQ172" i="4"/>
  <c r="BQ176" i="4"/>
  <c r="BQ180" i="4"/>
  <c r="BQ184" i="4"/>
  <c r="BQ188" i="4"/>
  <c r="BQ192" i="4"/>
  <c r="BQ196" i="4"/>
  <c r="BQ200" i="4"/>
  <c r="BQ204" i="4"/>
  <c r="BQ208" i="4"/>
  <c r="BQ212" i="4"/>
  <c r="BQ216" i="4"/>
  <c r="BQ220" i="4"/>
  <c r="BQ224" i="4"/>
  <c r="BQ228" i="4"/>
  <c r="BQ232" i="4"/>
  <c r="BQ234" i="4"/>
  <c r="BQ236" i="4"/>
  <c r="BQ238" i="4"/>
  <c r="BQ240" i="4"/>
  <c r="BQ242" i="4"/>
  <c r="BQ244" i="4"/>
  <c r="BQ246" i="4"/>
  <c r="BQ248" i="4"/>
  <c r="BQ250" i="4"/>
  <c r="BQ252" i="4"/>
  <c r="BQ254" i="4"/>
  <c r="BQ256" i="4"/>
  <c r="BQ258" i="4"/>
  <c r="BQ260" i="4"/>
  <c r="BQ262" i="4"/>
  <c r="BQ264" i="4"/>
  <c r="BQ266" i="4"/>
  <c r="BQ268" i="4"/>
  <c r="BQ270" i="4"/>
  <c r="BQ272" i="4"/>
  <c r="BQ274" i="4"/>
  <c r="BQ276" i="4"/>
  <c r="BQ278" i="4"/>
  <c r="BQ280" i="4"/>
  <c r="BQ282" i="4"/>
  <c r="BQ284" i="4"/>
  <c r="BQ286" i="4"/>
  <c r="BQ288" i="4"/>
  <c r="BQ290" i="4"/>
  <c r="BQ292" i="4"/>
  <c r="BQ294" i="4"/>
  <c r="BQ296" i="4"/>
  <c r="BQ298" i="4"/>
  <c r="BQ300" i="4"/>
  <c r="BQ302" i="4"/>
  <c r="BQ304" i="4"/>
  <c r="BQ306" i="4"/>
  <c r="BQ308" i="4"/>
  <c r="BQ310" i="4"/>
  <c r="BQ312" i="4"/>
  <c r="BQ314" i="4"/>
  <c r="BQ316" i="4"/>
  <c r="BQ318" i="4"/>
  <c r="BQ320" i="4"/>
  <c r="BQ322" i="4"/>
  <c r="BQ324" i="4"/>
  <c r="BQ326" i="4"/>
  <c r="BQ328" i="4"/>
  <c r="BQ330" i="4"/>
  <c r="BQ332" i="4"/>
  <c r="BQ334" i="4"/>
  <c r="BQ336" i="4"/>
  <c r="BQ338" i="4"/>
  <c r="BQ340" i="4"/>
  <c r="BQ342" i="4"/>
  <c r="BQ344" i="4"/>
  <c r="BQ346" i="4"/>
  <c r="BQ19" i="4"/>
  <c r="BQ41" i="4"/>
  <c r="BQ57" i="4"/>
  <c r="BQ60" i="4"/>
  <c r="BQ68" i="4"/>
  <c r="BQ76" i="4"/>
  <c r="BQ84" i="4"/>
  <c r="BQ92" i="4"/>
  <c r="BQ100" i="4"/>
  <c r="BQ108" i="4"/>
  <c r="BQ116" i="4"/>
  <c r="BQ118" i="4"/>
  <c r="BQ122" i="4"/>
  <c r="BQ130" i="4"/>
  <c r="BQ126" i="4"/>
  <c r="BQ134" i="4"/>
  <c r="BQ142" i="4"/>
  <c r="BQ150" i="4"/>
  <c r="BQ158" i="4"/>
  <c r="BQ166" i="4"/>
  <c r="BQ138" i="4"/>
  <c r="BQ146" i="4"/>
  <c r="BQ154" i="4"/>
  <c r="BQ162" i="4"/>
  <c r="BQ174" i="4"/>
  <c r="BQ182" i="4"/>
  <c r="BQ190" i="4"/>
  <c r="BQ198" i="4"/>
  <c r="BQ206" i="4"/>
  <c r="BQ170" i="4"/>
  <c r="BQ178" i="4"/>
  <c r="BQ186" i="4"/>
  <c r="BQ194" i="4"/>
  <c r="BQ202" i="4"/>
  <c r="BQ210" i="4"/>
  <c r="BQ218" i="4"/>
  <c r="BQ226" i="4"/>
  <c r="BQ233" i="4"/>
  <c r="BQ237" i="4"/>
  <c r="BQ222" i="4"/>
  <c r="BQ235" i="4"/>
  <c r="BQ243" i="4"/>
  <c r="BQ247" i="4"/>
  <c r="BQ251" i="4"/>
  <c r="BQ255" i="4"/>
  <c r="BQ259" i="4"/>
  <c r="BQ263" i="4"/>
  <c r="BQ267" i="4"/>
  <c r="BQ271" i="4"/>
  <c r="BQ275" i="4"/>
  <c r="BQ279" i="4"/>
  <c r="BQ283" i="4"/>
  <c r="BQ287" i="4"/>
  <c r="BQ291" i="4"/>
  <c r="BQ295" i="4"/>
  <c r="BQ299" i="4"/>
  <c r="BQ303" i="4"/>
  <c r="BQ307" i="4"/>
  <c r="BQ311" i="4"/>
  <c r="BQ315" i="4"/>
  <c r="BQ214" i="4"/>
  <c r="BQ230" i="4"/>
  <c r="BQ239" i="4"/>
  <c r="BQ241" i="4"/>
  <c r="BQ245" i="4"/>
  <c r="BQ249" i="4"/>
  <c r="BQ253" i="4"/>
  <c r="BQ257" i="4"/>
  <c r="BQ261" i="4"/>
  <c r="BQ265" i="4"/>
  <c r="BQ269" i="4"/>
  <c r="BQ273" i="4"/>
  <c r="BQ277" i="4"/>
  <c r="BQ281" i="4"/>
  <c r="BQ285" i="4"/>
  <c r="BQ289" i="4"/>
  <c r="BQ293" i="4"/>
  <c r="BQ297" i="4"/>
  <c r="BQ301" i="4"/>
  <c r="BQ305" i="4"/>
  <c r="BQ309" i="4"/>
  <c r="BO2" i="4"/>
  <c r="BO4" i="4"/>
  <c r="BO3" i="4"/>
  <c r="BO5" i="4"/>
  <c r="BO7" i="4"/>
  <c r="BO6" i="4"/>
  <c r="BO9" i="4"/>
  <c r="BO11" i="4"/>
  <c r="BO13" i="4"/>
  <c r="BO15" i="4"/>
  <c r="BO12" i="4"/>
  <c r="BO16" i="4"/>
  <c r="BO18" i="4"/>
  <c r="BO20" i="4"/>
  <c r="BO22" i="4"/>
  <c r="BO24" i="4"/>
  <c r="BO26" i="4"/>
  <c r="BO28" i="4"/>
  <c r="BO10" i="4"/>
  <c r="BO19" i="4"/>
  <c r="BO23" i="4"/>
  <c r="BO27" i="4"/>
  <c r="BO30" i="4"/>
  <c r="BO32" i="4"/>
  <c r="BO34" i="4"/>
  <c r="BO36" i="4"/>
  <c r="BO38" i="4"/>
  <c r="BO40" i="4"/>
  <c r="BO42" i="4"/>
  <c r="BO44" i="4"/>
  <c r="BO46" i="4"/>
  <c r="BO48" i="4"/>
  <c r="BO50" i="4"/>
  <c r="BO52" i="4"/>
  <c r="BO54" i="4"/>
  <c r="BO56" i="4"/>
  <c r="BO58" i="4"/>
  <c r="BO8" i="4"/>
  <c r="BO21" i="4"/>
  <c r="BO29" i="4"/>
  <c r="BO33" i="4"/>
  <c r="BO37" i="4"/>
  <c r="BO41" i="4"/>
  <c r="BO45" i="4"/>
  <c r="BO49" i="4"/>
  <c r="BO53" i="4"/>
  <c r="BO57" i="4"/>
  <c r="BO59" i="4"/>
  <c r="BO61" i="4"/>
  <c r="BO63" i="4"/>
  <c r="BO65" i="4"/>
  <c r="BO67" i="4"/>
  <c r="BO69" i="4"/>
  <c r="BO71" i="4"/>
  <c r="BO73" i="4"/>
  <c r="BO75" i="4"/>
  <c r="BO77" i="4"/>
  <c r="BO79" i="4"/>
  <c r="BO81" i="4"/>
  <c r="BO83" i="4"/>
  <c r="BO85" i="4"/>
  <c r="BO87" i="4"/>
  <c r="BO89" i="4"/>
  <c r="BO91" i="4"/>
  <c r="BO93" i="4"/>
  <c r="BO95" i="4"/>
  <c r="BO97" i="4"/>
  <c r="BO99" i="4"/>
  <c r="BO101" i="4"/>
  <c r="BO103" i="4"/>
  <c r="BO105" i="4"/>
  <c r="BO107" i="4"/>
  <c r="BO109" i="4"/>
  <c r="BO111" i="4"/>
  <c r="BO113" i="4"/>
  <c r="BO115" i="4"/>
  <c r="BO14" i="4"/>
  <c r="BO25" i="4"/>
  <c r="BO35" i="4"/>
  <c r="BO43" i="4"/>
  <c r="BO51" i="4"/>
  <c r="BO60" i="4"/>
  <c r="BO64" i="4"/>
  <c r="BO68" i="4"/>
  <c r="BO72" i="4"/>
  <c r="BO76" i="4"/>
  <c r="BO80" i="4"/>
  <c r="BO84" i="4"/>
  <c r="BO88" i="4"/>
  <c r="BO92" i="4"/>
  <c r="BO96" i="4"/>
  <c r="BO100" i="4"/>
  <c r="BO104" i="4"/>
  <c r="BO108" i="4"/>
  <c r="BO112" i="4"/>
  <c r="BO116" i="4"/>
  <c r="BO117" i="4"/>
  <c r="BO119" i="4"/>
  <c r="BO121" i="4"/>
  <c r="BO123" i="4"/>
  <c r="BO125" i="4"/>
  <c r="BO127" i="4"/>
  <c r="BO129" i="4"/>
  <c r="BO131" i="4"/>
  <c r="BO133" i="4"/>
  <c r="BO135" i="4"/>
  <c r="BO137" i="4"/>
  <c r="BO139" i="4"/>
  <c r="BO141" i="4"/>
  <c r="BO143" i="4"/>
  <c r="BO145" i="4"/>
  <c r="BO147" i="4"/>
  <c r="BO149" i="4"/>
  <c r="BO151" i="4"/>
  <c r="BO153" i="4"/>
  <c r="BO155" i="4"/>
  <c r="BO157" i="4"/>
  <c r="BO159" i="4"/>
  <c r="BO161" i="4"/>
  <c r="BO163" i="4"/>
  <c r="BO165" i="4"/>
  <c r="BO167" i="4"/>
  <c r="BO169" i="4"/>
  <c r="BO171" i="4"/>
  <c r="BO173" i="4"/>
  <c r="BO175" i="4"/>
  <c r="BO177" i="4"/>
  <c r="BO179" i="4"/>
  <c r="BO181" i="4"/>
  <c r="BO183" i="4"/>
  <c r="BO185" i="4"/>
  <c r="BO187" i="4"/>
  <c r="BO189" i="4"/>
  <c r="BO191" i="4"/>
  <c r="BO193" i="4"/>
  <c r="BO195" i="4"/>
  <c r="BO197" i="4"/>
  <c r="BO199" i="4"/>
  <c r="BO201" i="4"/>
  <c r="BO203" i="4"/>
  <c r="BO205" i="4"/>
  <c r="BO207" i="4"/>
  <c r="BO209" i="4"/>
  <c r="BO211" i="4"/>
  <c r="BO213" i="4"/>
  <c r="BO215" i="4"/>
  <c r="BO217" i="4"/>
  <c r="BO219" i="4"/>
  <c r="BO221" i="4"/>
  <c r="BO223" i="4"/>
  <c r="BO225" i="4"/>
  <c r="BO227" i="4"/>
  <c r="BO229" i="4"/>
  <c r="BO231" i="4"/>
  <c r="BO17" i="4"/>
  <c r="BO31" i="4"/>
  <c r="BO47" i="4"/>
  <c r="BO62" i="4"/>
  <c r="BO70" i="4"/>
  <c r="BO78" i="4"/>
  <c r="BO86" i="4"/>
  <c r="BO94" i="4"/>
  <c r="BO102" i="4"/>
  <c r="BO110" i="4"/>
  <c r="BO118" i="4"/>
  <c r="BO122" i="4"/>
  <c r="BO126" i="4"/>
  <c r="BO130" i="4"/>
  <c r="BO134" i="4"/>
  <c r="BO138" i="4"/>
  <c r="BO142" i="4"/>
  <c r="BO146" i="4"/>
  <c r="BO150" i="4"/>
  <c r="BO154" i="4"/>
  <c r="BO158" i="4"/>
  <c r="BO162" i="4"/>
  <c r="BO166" i="4"/>
  <c r="BO170" i="4"/>
  <c r="BO174" i="4"/>
  <c r="BO178" i="4"/>
  <c r="BO182" i="4"/>
  <c r="BO186" i="4"/>
  <c r="BO190" i="4"/>
  <c r="BO194" i="4"/>
  <c r="BO198" i="4"/>
  <c r="BO202" i="4"/>
  <c r="BO206" i="4"/>
  <c r="BO210" i="4"/>
  <c r="BO214" i="4"/>
  <c r="BO218" i="4"/>
  <c r="BO222" i="4"/>
  <c r="BO226" i="4"/>
  <c r="BO230" i="4"/>
  <c r="BO232" i="4"/>
  <c r="BO234" i="4"/>
  <c r="BO236" i="4"/>
  <c r="BO238" i="4"/>
  <c r="BO240" i="4"/>
  <c r="BO242" i="4"/>
  <c r="BO244" i="4"/>
  <c r="BO246" i="4"/>
  <c r="BO248" i="4"/>
  <c r="BO250" i="4"/>
  <c r="BO252" i="4"/>
  <c r="BO254" i="4"/>
  <c r="BO256" i="4"/>
  <c r="BO258" i="4"/>
  <c r="BO260" i="4"/>
  <c r="BO262" i="4"/>
  <c r="BO264" i="4"/>
  <c r="BO266" i="4"/>
  <c r="BO268" i="4"/>
  <c r="BO270" i="4"/>
  <c r="BO272" i="4"/>
  <c r="BO274" i="4"/>
  <c r="BO276" i="4"/>
  <c r="BO278" i="4"/>
  <c r="BO280" i="4"/>
  <c r="BO282" i="4"/>
  <c r="BO284" i="4"/>
  <c r="BO286" i="4"/>
  <c r="BO288" i="4"/>
  <c r="BO290" i="4"/>
  <c r="BO292" i="4"/>
  <c r="BO294" i="4"/>
  <c r="BO296" i="4"/>
  <c r="BO298" i="4"/>
  <c r="BO300" i="4"/>
  <c r="BO302" i="4"/>
  <c r="BO304" i="4"/>
  <c r="BO306" i="4"/>
  <c r="BO308" i="4"/>
  <c r="BO310" i="4"/>
  <c r="BO312" i="4"/>
  <c r="BO314" i="4"/>
  <c r="BO316" i="4"/>
  <c r="BO318" i="4"/>
  <c r="BO320" i="4"/>
  <c r="BO322" i="4"/>
  <c r="BO324" i="4"/>
  <c r="BO326" i="4"/>
  <c r="BO328" i="4"/>
  <c r="BO330" i="4"/>
  <c r="BO332" i="4"/>
  <c r="BO334" i="4"/>
  <c r="BO336" i="4"/>
  <c r="BO338" i="4"/>
  <c r="BO340" i="4"/>
  <c r="BO342" i="4"/>
  <c r="BO344" i="4"/>
  <c r="BO346" i="4"/>
  <c r="BO39" i="4"/>
  <c r="BO55" i="4"/>
  <c r="BO66" i="4"/>
  <c r="BO74" i="4"/>
  <c r="BO82" i="4"/>
  <c r="BO90" i="4"/>
  <c r="BO98" i="4"/>
  <c r="BO106" i="4"/>
  <c r="BO114" i="4"/>
  <c r="BO128" i="4"/>
  <c r="BO120" i="4"/>
  <c r="BO124" i="4"/>
  <c r="BO132" i="4"/>
  <c r="BO140" i="4"/>
  <c r="BO148" i="4"/>
  <c r="BO156" i="4"/>
  <c r="BO164" i="4"/>
  <c r="BO136" i="4"/>
  <c r="BO144" i="4"/>
  <c r="BO152" i="4"/>
  <c r="BO160" i="4"/>
  <c r="BO168" i="4"/>
  <c r="BO172" i="4"/>
  <c r="BO180" i="4"/>
  <c r="BO188" i="4"/>
  <c r="BO196" i="4"/>
  <c r="BO204" i="4"/>
  <c r="BO212" i="4"/>
  <c r="BO176" i="4"/>
  <c r="BO184" i="4"/>
  <c r="BO192" i="4"/>
  <c r="BO200" i="4"/>
  <c r="BO208" i="4"/>
  <c r="BO216" i="4"/>
  <c r="BO224" i="4"/>
  <c r="BO235" i="4"/>
  <c r="BO239" i="4"/>
  <c r="BO220" i="4"/>
  <c r="BO237" i="4"/>
  <c r="BO241" i="4"/>
  <c r="BO245" i="4"/>
  <c r="BO249" i="4"/>
  <c r="BO253" i="4"/>
  <c r="BO257" i="4"/>
  <c r="BO261" i="4"/>
  <c r="BO265" i="4"/>
  <c r="BO269" i="4"/>
  <c r="BO273" i="4"/>
  <c r="BO277" i="4"/>
  <c r="BO281" i="4"/>
  <c r="BO285" i="4"/>
  <c r="BO289" i="4"/>
  <c r="BO293" i="4"/>
  <c r="BO297" i="4"/>
  <c r="BO301" i="4"/>
  <c r="BO305" i="4"/>
  <c r="BO309" i="4"/>
  <c r="BO313" i="4"/>
  <c r="BO228" i="4"/>
  <c r="BO233" i="4"/>
  <c r="BO243" i="4"/>
  <c r="BO247" i="4"/>
  <c r="BO251" i="4"/>
  <c r="BO255" i="4"/>
  <c r="BO259" i="4"/>
  <c r="BO263" i="4"/>
  <c r="BO267" i="4"/>
  <c r="BO271" i="4"/>
  <c r="BO275" i="4"/>
  <c r="BO279" i="4"/>
  <c r="BO283" i="4"/>
  <c r="BO287" i="4"/>
  <c r="BO291" i="4"/>
  <c r="BO295" i="4"/>
  <c r="BO299" i="4"/>
  <c r="BO303" i="4"/>
  <c r="BO307" i="4"/>
  <c r="BM2" i="4"/>
  <c r="BM4" i="4"/>
  <c r="BM5" i="4"/>
  <c r="BM7" i="4"/>
  <c r="BM8" i="4"/>
  <c r="BM9" i="4"/>
  <c r="BM11" i="4"/>
  <c r="BM13" i="4"/>
  <c r="BM15" i="4"/>
  <c r="BM10" i="4"/>
  <c r="BM14" i="4"/>
  <c r="BM16" i="4"/>
  <c r="BM18" i="4"/>
  <c r="BM20" i="4"/>
  <c r="BM22" i="4"/>
  <c r="BM24" i="4"/>
  <c r="BM26" i="4"/>
  <c r="BM28" i="4"/>
  <c r="BM17" i="4"/>
  <c r="BM21" i="4"/>
  <c r="BM25" i="4"/>
  <c r="BM29" i="4"/>
  <c r="BM30" i="4"/>
  <c r="BM32" i="4"/>
  <c r="BM34" i="4"/>
  <c r="BM36" i="4"/>
  <c r="BM38" i="4"/>
  <c r="BM40" i="4"/>
  <c r="BM42" i="4"/>
  <c r="BM44" i="4"/>
  <c r="BM46" i="4"/>
  <c r="BM48" i="4"/>
  <c r="BM50" i="4"/>
  <c r="BM52" i="4"/>
  <c r="BM54" i="4"/>
  <c r="BM56" i="4"/>
  <c r="BM58" i="4"/>
  <c r="BM19" i="4"/>
  <c r="BM27" i="4"/>
  <c r="BM31" i="4"/>
  <c r="BM35" i="4"/>
  <c r="BM39" i="4"/>
  <c r="BM43" i="4"/>
  <c r="BM47" i="4"/>
  <c r="BM51" i="4"/>
  <c r="BM55" i="4"/>
  <c r="BM59" i="4"/>
  <c r="BM61" i="4"/>
  <c r="BM63" i="4"/>
  <c r="BM65" i="4"/>
  <c r="BM67" i="4"/>
  <c r="BM69" i="4"/>
  <c r="BM71" i="4"/>
  <c r="BM73" i="4"/>
  <c r="BM75" i="4"/>
  <c r="BM77" i="4"/>
  <c r="BM79" i="4"/>
  <c r="BM81" i="4"/>
  <c r="BM83" i="4"/>
  <c r="BM85" i="4"/>
  <c r="BM87" i="4"/>
  <c r="BM89" i="4"/>
  <c r="BM91" i="4"/>
  <c r="BM93" i="4"/>
  <c r="BM95" i="4"/>
  <c r="BM97" i="4"/>
  <c r="BM99" i="4"/>
  <c r="BM101" i="4"/>
  <c r="BM103" i="4"/>
  <c r="BM105" i="4"/>
  <c r="BM107" i="4"/>
  <c r="BM109" i="4"/>
  <c r="BM111" i="4"/>
  <c r="BM113" i="4"/>
  <c r="BM115" i="4"/>
  <c r="BM3" i="4"/>
  <c r="BM23" i="4"/>
  <c r="BM33" i="4"/>
  <c r="BM41" i="4"/>
  <c r="BM49" i="4"/>
  <c r="BM57" i="4"/>
  <c r="BM62" i="4"/>
  <c r="BM66" i="4"/>
  <c r="BM70" i="4"/>
  <c r="BM74" i="4"/>
  <c r="BM78" i="4"/>
  <c r="BM82" i="4"/>
  <c r="BM86" i="4"/>
  <c r="BM90" i="4"/>
  <c r="BM94" i="4"/>
  <c r="BM98" i="4"/>
  <c r="BM102" i="4"/>
  <c r="BM106" i="4"/>
  <c r="BM110" i="4"/>
  <c r="BM114" i="4"/>
  <c r="BM117" i="4"/>
  <c r="BM119" i="4"/>
  <c r="BM121" i="4"/>
  <c r="BM123" i="4"/>
  <c r="BM125" i="4"/>
  <c r="BM127" i="4"/>
  <c r="BM129" i="4"/>
  <c r="BM131" i="4"/>
  <c r="BM133" i="4"/>
  <c r="BM135" i="4"/>
  <c r="BM137" i="4"/>
  <c r="BM139" i="4"/>
  <c r="BM141" i="4"/>
  <c r="BM143" i="4"/>
  <c r="BM145" i="4"/>
  <c r="BM147" i="4"/>
  <c r="BM149" i="4"/>
  <c r="BM151" i="4"/>
  <c r="BM153" i="4"/>
  <c r="BM155" i="4"/>
  <c r="BM157" i="4"/>
  <c r="BM159" i="4"/>
  <c r="BM161" i="4"/>
  <c r="BM163" i="4"/>
  <c r="BM165" i="4"/>
  <c r="BM167" i="4"/>
  <c r="BM169" i="4"/>
  <c r="BM171" i="4"/>
  <c r="BM173" i="4"/>
  <c r="BM175" i="4"/>
  <c r="BM177" i="4"/>
  <c r="BM179" i="4"/>
  <c r="BM181" i="4"/>
  <c r="BM183" i="4"/>
  <c r="BM185" i="4"/>
  <c r="BM187" i="4"/>
  <c r="BM189" i="4"/>
  <c r="BM191" i="4"/>
  <c r="BM193" i="4"/>
  <c r="BM195" i="4"/>
  <c r="BM197" i="4"/>
  <c r="BM199" i="4"/>
  <c r="BM201" i="4"/>
  <c r="BM203" i="4"/>
  <c r="BM205" i="4"/>
  <c r="BM207" i="4"/>
  <c r="BM209" i="4"/>
  <c r="BM211" i="4"/>
  <c r="BM213" i="4"/>
  <c r="BM215" i="4"/>
  <c r="BM217" i="4"/>
  <c r="BM219" i="4"/>
  <c r="BM221" i="4"/>
  <c r="BM223" i="4"/>
  <c r="BM225" i="4"/>
  <c r="BM227" i="4"/>
  <c r="BM229" i="4"/>
  <c r="BM231" i="4"/>
  <c r="BM6" i="4"/>
  <c r="BM45" i="4"/>
  <c r="BM60" i="4"/>
  <c r="BM68" i="4"/>
  <c r="BM76" i="4"/>
  <c r="BM84" i="4"/>
  <c r="BM92" i="4"/>
  <c r="BM100" i="4"/>
  <c r="BM108" i="4"/>
  <c r="BM116" i="4"/>
  <c r="BM120" i="4"/>
  <c r="BM124" i="4"/>
  <c r="BM128" i="4"/>
  <c r="BM132" i="4"/>
  <c r="BM136" i="4"/>
  <c r="BM140" i="4"/>
  <c r="BM144" i="4"/>
  <c r="BM148" i="4"/>
  <c r="BM152" i="4"/>
  <c r="BM156" i="4"/>
  <c r="BM160" i="4"/>
  <c r="BM164" i="4"/>
  <c r="BM168" i="4"/>
  <c r="BM172" i="4"/>
  <c r="BM176" i="4"/>
  <c r="BM180" i="4"/>
  <c r="BM184" i="4"/>
  <c r="BM188" i="4"/>
  <c r="BM192" i="4"/>
  <c r="BM196" i="4"/>
  <c r="BM200" i="4"/>
  <c r="BM204" i="4"/>
  <c r="BM208" i="4"/>
  <c r="BM212" i="4"/>
  <c r="BM216" i="4"/>
  <c r="BM220" i="4"/>
  <c r="BM224" i="4"/>
  <c r="BM228" i="4"/>
  <c r="BM232" i="4"/>
  <c r="BM234" i="4"/>
  <c r="BM236" i="4"/>
  <c r="BM238" i="4"/>
  <c r="BM240" i="4"/>
  <c r="BM242" i="4"/>
  <c r="BM244" i="4"/>
  <c r="BM246" i="4"/>
  <c r="BM248" i="4"/>
  <c r="BM250" i="4"/>
  <c r="BM252" i="4"/>
  <c r="BM254" i="4"/>
  <c r="BM256" i="4"/>
  <c r="BM258" i="4"/>
  <c r="BM260" i="4"/>
  <c r="BM262" i="4"/>
  <c r="BM264" i="4"/>
  <c r="BM266" i="4"/>
  <c r="BM268" i="4"/>
  <c r="BM270" i="4"/>
  <c r="BM272" i="4"/>
  <c r="BM274" i="4"/>
  <c r="BM276" i="4"/>
  <c r="BM278" i="4"/>
  <c r="BM280" i="4"/>
  <c r="BM282" i="4"/>
  <c r="BM284" i="4"/>
  <c r="BM286" i="4"/>
  <c r="BM288" i="4"/>
  <c r="BM290" i="4"/>
  <c r="BM292" i="4"/>
  <c r="BM294" i="4"/>
  <c r="BM296" i="4"/>
  <c r="BM298" i="4"/>
  <c r="BM300" i="4"/>
  <c r="BM302" i="4"/>
  <c r="BM304" i="4"/>
  <c r="BM306" i="4"/>
  <c r="BM308" i="4"/>
  <c r="BM310" i="4"/>
  <c r="BM312" i="4"/>
  <c r="BM314" i="4"/>
  <c r="BM316" i="4"/>
  <c r="BM318" i="4"/>
  <c r="BM320" i="4"/>
  <c r="BM322" i="4"/>
  <c r="BM324" i="4"/>
  <c r="BM326" i="4"/>
  <c r="BM328" i="4"/>
  <c r="BM330" i="4"/>
  <c r="BM332" i="4"/>
  <c r="BM334" i="4"/>
  <c r="BM336" i="4"/>
  <c r="BM338" i="4"/>
  <c r="BM340" i="4"/>
  <c r="BM342" i="4"/>
  <c r="BM344" i="4"/>
  <c r="BM346" i="4"/>
  <c r="BM12" i="4"/>
  <c r="BM37" i="4"/>
  <c r="BM53" i="4"/>
  <c r="BM64" i="4"/>
  <c r="BM72" i="4"/>
  <c r="BM80" i="4"/>
  <c r="BM88" i="4"/>
  <c r="BM96" i="4"/>
  <c r="BM104" i="4"/>
  <c r="BM112" i="4"/>
  <c r="BM118" i="4"/>
  <c r="BM122" i="4"/>
  <c r="BM130" i="4"/>
  <c r="BM126" i="4"/>
  <c r="BM138" i="4"/>
  <c r="BM146" i="4"/>
  <c r="BM154" i="4"/>
  <c r="BM162" i="4"/>
  <c r="BM134" i="4"/>
  <c r="BM142" i="4"/>
  <c r="BM150" i="4"/>
  <c r="BM158" i="4"/>
  <c r="BM166" i="4"/>
  <c r="BM170" i="4"/>
  <c r="BM178" i="4"/>
  <c r="BM186" i="4"/>
  <c r="BM194" i="4"/>
  <c r="BM202" i="4"/>
  <c r="BM210" i="4"/>
  <c r="BM174" i="4"/>
  <c r="BM182" i="4"/>
  <c r="BM190" i="4"/>
  <c r="BM198" i="4"/>
  <c r="BM206" i="4"/>
  <c r="BM214" i="4"/>
  <c r="BM222" i="4"/>
  <c r="BM230" i="4"/>
  <c r="BM233" i="4"/>
  <c r="BM237" i="4"/>
  <c r="BM226" i="4"/>
  <c r="BM239" i="4"/>
  <c r="BM243" i="4"/>
  <c r="BM247" i="4"/>
  <c r="BM251" i="4"/>
  <c r="BM255" i="4"/>
  <c r="BM259" i="4"/>
  <c r="BM263" i="4"/>
  <c r="BM267" i="4"/>
  <c r="BM271" i="4"/>
  <c r="BM275" i="4"/>
  <c r="BM279" i="4"/>
  <c r="BM283" i="4"/>
  <c r="BM287" i="4"/>
  <c r="BM291" i="4"/>
  <c r="BM295" i="4"/>
  <c r="BM299" i="4"/>
  <c r="BM303" i="4"/>
  <c r="BM307" i="4"/>
  <c r="BM311" i="4"/>
  <c r="BM315" i="4"/>
  <c r="BM218" i="4"/>
  <c r="BM235" i="4"/>
  <c r="BM241" i="4"/>
  <c r="BM245" i="4"/>
  <c r="BM249" i="4"/>
  <c r="BM253" i="4"/>
  <c r="BM257" i="4"/>
  <c r="BM261" i="4"/>
  <c r="BM265" i="4"/>
  <c r="BM269" i="4"/>
  <c r="BM273" i="4"/>
  <c r="BM277" i="4"/>
  <c r="BM281" i="4"/>
  <c r="BM285" i="4"/>
  <c r="BM289" i="4"/>
  <c r="BM293" i="4"/>
  <c r="BM297" i="4"/>
  <c r="BM301" i="4"/>
  <c r="BM305" i="4"/>
  <c r="BM309" i="4"/>
  <c r="AN346" i="4"/>
  <c r="AJ346" i="4"/>
  <c r="AF346" i="4"/>
  <c r="AB346" i="4"/>
  <c r="X346" i="4"/>
  <c r="T346" i="4"/>
  <c r="P346" i="4"/>
  <c r="L346" i="4"/>
  <c r="H346" i="4"/>
  <c r="D346" i="4"/>
  <c r="BS345" i="4"/>
  <c r="BO345" i="4"/>
  <c r="BK345" i="4"/>
  <c r="BG345" i="4"/>
  <c r="BC345" i="4"/>
  <c r="AY345" i="4"/>
  <c r="AU345" i="4"/>
  <c r="AQ345" i="4"/>
  <c r="AL344" i="4"/>
  <c r="AH344" i="4"/>
  <c r="AD344" i="4"/>
  <c r="Z344" i="4"/>
  <c r="V344" i="4"/>
  <c r="R344" i="4"/>
  <c r="N344" i="4"/>
  <c r="J344" i="4"/>
  <c r="F344" i="4"/>
  <c r="BQ343" i="4"/>
  <c r="BM343" i="4"/>
  <c r="BI343" i="4"/>
  <c r="BE343" i="4"/>
  <c r="BA343" i="4"/>
  <c r="AW343" i="4"/>
  <c r="AS343" i="4"/>
  <c r="AO343" i="4"/>
  <c r="AN342" i="4"/>
  <c r="AJ342" i="4"/>
  <c r="AF342" i="4"/>
  <c r="AB342" i="4"/>
  <c r="X342" i="4"/>
  <c r="T342" i="4"/>
  <c r="P342" i="4"/>
  <c r="L342" i="4"/>
  <c r="H342" i="4"/>
  <c r="D342" i="4"/>
  <c r="BS341" i="4"/>
  <c r="BO341" i="4"/>
  <c r="BK341" i="4"/>
  <c r="BG341" i="4"/>
  <c r="BC341" i="4"/>
  <c r="AY341" i="4"/>
  <c r="AU341" i="4"/>
  <c r="AQ341" i="4"/>
  <c r="AL340" i="4"/>
  <c r="AH340" i="4"/>
  <c r="AD340" i="4"/>
  <c r="Z340" i="4"/>
  <c r="V340" i="4"/>
  <c r="R340" i="4"/>
  <c r="N340" i="4"/>
  <c r="J340" i="4"/>
  <c r="F340" i="4"/>
  <c r="BQ339" i="4"/>
  <c r="BM339" i="4"/>
  <c r="BI339" i="4"/>
  <c r="BE339" i="4"/>
  <c r="BA339" i="4"/>
  <c r="AW339" i="4"/>
  <c r="AS339" i="4"/>
  <c r="AO339" i="4"/>
  <c r="AN338" i="4"/>
  <c r="AJ338" i="4"/>
  <c r="AF338" i="4"/>
  <c r="AB338" i="4"/>
  <c r="X338" i="4"/>
  <c r="T338" i="4"/>
  <c r="P338" i="4"/>
  <c r="L338" i="4"/>
  <c r="H338" i="4"/>
  <c r="D338" i="4"/>
  <c r="BS337" i="4"/>
  <c r="BO337" i="4"/>
  <c r="BK337" i="4"/>
  <c r="BG337" i="4"/>
  <c r="BC337" i="4"/>
  <c r="AY337" i="4"/>
  <c r="AU337" i="4"/>
  <c r="AQ337" i="4"/>
  <c r="AL336" i="4"/>
  <c r="AH336" i="4"/>
  <c r="AD336" i="4"/>
  <c r="Z336" i="4"/>
  <c r="V336" i="4"/>
  <c r="R336" i="4"/>
  <c r="N336" i="4"/>
  <c r="J336" i="4"/>
  <c r="F336" i="4"/>
  <c r="BQ335" i="4"/>
  <c r="BM335" i="4"/>
  <c r="BI335" i="4"/>
  <c r="BE335" i="4"/>
  <c r="BA335" i="4"/>
  <c r="AW335" i="4"/>
  <c r="AS335" i="4"/>
  <c r="AO335" i="4"/>
  <c r="AN334" i="4"/>
  <c r="AJ334" i="4"/>
  <c r="AF334" i="4"/>
  <c r="AB334" i="4"/>
  <c r="X334" i="4"/>
  <c r="T334" i="4"/>
  <c r="P334" i="4"/>
  <c r="L334" i="4"/>
  <c r="H334" i="4"/>
  <c r="D334" i="4"/>
  <c r="BS333" i="4"/>
  <c r="BO333" i="4"/>
  <c r="BK333" i="4"/>
  <c r="BG333" i="4"/>
  <c r="BC333" i="4"/>
  <c r="AY333" i="4"/>
  <c r="AU333" i="4"/>
  <c r="AQ333" i="4"/>
  <c r="AL332" i="4"/>
  <c r="AH332" i="4"/>
  <c r="AD332" i="4"/>
  <c r="Z332" i="4"/>
  <c r="V332" i="4"/>
  <c r="R332" i="4"/>
  <c r="N332" i="4"/>
  <c r="J332" i="4"/>
  <c r="F332" i="4"/>
  <c r="BQ331" i="4"/>
  <c r="BM331" i="4"/>
  <c r="BI331" i="4"/>
  <c r="BE331" i="4"/>
  <c r="BA331" i="4"/>
  <c r="AW331" i="4"/>
  <c r="AS331" i="4"/>
  <c r="AO331" i="4"/>
  <c r="AN330" i="4"/>
  <c r="AJ330" i="4"/>
  <c r="AF330" i="4"/>
  <c r="AB330" i="4"/>
  <c r="X330" i="4"/>
  <c r="T330" i="4"/>
  <c r="P330" i="4"/>
  <c r="L330" i="4"/>
  <c r="H330" i="4"/>
  <c r="D330" i="4"/>
  <c r="BS329" i="4"/>
  <c r="BO329" i="4"/>
  <c r="BK329" i="4"/>
  <c r="BG329" i="4"/>
  <c r="BC329" i="4"/>
  <c r="AY329" i="4"/>
  <c r="AU329" i="4"/>
  <c r="AQ329" i="4"/>
  <c r="AL328" i="4"/>
  <c r="AH328" i="4"/>
  <c r="AD328" i="4"/>
  <c r="Z328" i="4"/>
  <c r="V328" i="4"/>
  <c r="R328" i="4"/>
  <c r="N328" i="4"/>
  <c r="J328" i="4"/>
  <c r="F328" i="4"/>
  <c r="BQ327" i="4"/>
  <c r="BM327" i="4"/>
  <c r="BI327" i="4"/>
  <c r="BE327" i="4"/>
  <c r="BA327" i="4"/>
  <c r="AW327" i="4"/>
  <c r="AS327" i="4"/>
  <c r="AO327" i="4"/>
  <c r="AN326" i="4"/>
  <c r="AJ326" i="4"/>
  <c r="AF326" i="4"/>
  <c r="AB326" i="4"/>
  <c r="X326" i="4"/>
  <c r="T326" i="4"/>
  <c r="P326" i="4"/>
  <c r="L326" i="4"/>
  <c r="H326" i="4"/>
  <c r="D326" i="4"/>
  <c r="BS325" i="4"/>
  <c r="BO325" i="4"/>
  <c r="BK325" i="4"/>
  <c r="BG325" i="4"/>
  <c r="BC325" i="4"/>
  <c r="AY325" i="4"/>
  <c r="AU325" i="4"/>
  <c r="AQ325" i="4"/>
  <c r="AL324" i="4"/>
  <c r="AH324" i="4"/>
  <c r="AD324" i="4"/>
  <c r="Z324" i="4"/>
  <c r="V324" i="4"/>
  <c r="R324" i="4"/>
  <c r="N324" i="4"/>
  <c r="J324" i="4"/>
  <c r="F324" i="4"/>
  <c r="BQ323" i="4"/>
  <c r="BM323" i="4"/>
  <c r="BI323" i="4"/>
  <c r="BE323" i="4"/>
  <c r="BA323" i="4"/>
  <c r="AW323" i="4"/>
  <c r="AS323" i="4"/>
  <c r="AO323" i="4"/>
  <c r="AN322" i="4"/>
  <c r="AJ322" i="4"/>
  <c r="AF322" i="4"/>
  <c r="AB322" i="4"/>
  <c r="X322" i="4"/>
  <c r="T322" i="4"/>
  <c r="P322" i="4"/>
  <c r="L322" i="4"/>
  <c r="H322" i="4"/>
  <c r="D322" i="4"/>
  <c r="BS321" i="4"/>
  <c r="BO321" i="4"/>
  <c r="BK321" i="4"/>
  <c r="BG321" i="4"/>
  <c r="BC321" i="4"/>
  <c r="AY321" i="4"/>
  <c r="AU321" i="4"/>
  <c r="AQ321" i="4"/>
  <c r="AL320" i="4"/>
  <c r="AH320" i="4"/>
  <c r="AD320" i="4"/>
  <c r="Z320" i="4"/>
  <c r="V320" i="4"/>
  <c r="R320" i="4"/>
  <c r="N320" i="4"/>
  <c r="J320" i="4"/>
  <c r="F320" i="4"/>
  <c r="BQ319" i="4"/>
  <c r="BM319" i="4"/>
  <c r="BI319" i="4"/>
  <c r="BE319" i="4"/>
  <c r="BA319" i="4"/>
  <c r="AW319" i="4"/>
  <c r="AS319" i="4"/>
  <c r="AO319" i="4"/>
  <c r="AN318" i="4"/>
  <c r="AJ318" i="4"/>
  <c r="AF318" i="4"/>
  <c r="AB318" i="4"/>
  <c r="X318" i="4"/>
  <c r="T318" i="4"/>
  <c r="P318" i="4"/>
  <c r="L318" i="4"/>
  <c r="H318" i="4"/>
  <c r="D318" i="4"/>
  <c r="BS317" i="4"/>
  <c r="BO317" i="4"/>
  <c r="BK317" i="4"/>
  <c r="BG317" i="4"/>
  <c r="BC317" i="4"/>
  <c r="AY317" i="4"/>
  <c r="AU317" i="4"/>
  <c r="AQ317" i="4"/>
  <c r="AJ316" i="4"/>
  <c r="AB316" i="4"/>
  <c r="T316" i="4"/>
  <c r="L316" i="4"/>
  <c r="D316" i="4"/>
  <c r="BS315" i="4"/>
  <c r="BK315" i="4"/>
  <c r="BC315" i="4"/>
  <c r="AU315" i="4"/>
  <c r="AH314" i="4"/>
  <c r="Z314" i="4"/>
  <c r="R314" i="4"/>
  <c r="J314" i="4"/>
  <c r="BM313" i="4"/>
  <c r="BE313" i="4"/>
  <c r="AW313" i="4"/>
  <c r="AO313" i="4"/>
  <c r="AN312" i="4"/>
  <c r="AF312" i="4"/>
  <c r="X312" i="4"/>
  <c r="P312" i="4"/>
  <c r="H312" i="4"/>
  <c r="BO311" i="4"/>
  <c r="BG311" i="4"/>
  <c r="AY311" i="4"/>
  <c r="AQ311" i="4"/>
  <c r="AL310" i="4"/>
  <c r="AD310" i="4"/>
  <c r="V310" i="4"/>
  <c r="AN332" i="4"/>
  <c r="AJ332" i="4"/>
  <c r="AF332" i="4"/>
  <c r="AB332" i="4"/>
  <c r="X332" i="4"/>
  <c r="T332" i="4"/>
  <c r="P332" i="4"/>
  <c r="L332" i="4"/>
  <c r="H332" i="4"/>
  <c r="D332" i="4"/>
  <c r="BS331" i="4"/>
  <c r="BO331" i="4"/>
  <c r="BK331" i="4"/>
  <c r="BG331" i="4"/>
  <c r="BC331" i="4"/>
  <c r="AY331" i="4"/>
  <c r="AU331" i="4"/>
  <c r="AQ331" i="4"/>
  <c r="AL330" i="4"/>
  <c r="AH330" i="4"/>
  <c r="AD330" i="4"/>
  <c r="Z330" i="4"/>
  <c r="V330" i="4"/>
  <c r="R330" i="4"/>
  <c r="N330" i="4"/>
  <c r="J330" i="4"/>
  <c r="F330" i="4"/>
  <c r="BQ329" i="4"/>
  <c r="BM329" i="4"/>
  <c r="BI329" i="4"/>
  <c r="BE329" i="4"/>
  <c r="BA329" i="4"/>
  <c r="AW329" i="4"/>
  <c r="AS329" i="4"/>
  <c r="AO329" i="4"/>
  <c r="AN328" i="4"/>
  <c r="AJ328" i="4"/>
  <c r="AF328" i="4"/>
  <c r="AB328" i="4"/>
  <c r="X328" i="4"/>
  <c r="T328" i="4"/>
  <c r="P328" i="4"/>
  <c r="L328" i="4"/>
  <c r="H328" i="4"/>
  <c r="D328" i="4"/>
  <c r="BS327" i="4"/>
  <c r="BO327" i="4"/>
  <c r="BK327" i="4"/>
  <c r="BG327" i="4"/>
  <c r="BC327" i="4"/>
  <c r="AY327" i="4"/>
  <c r="AU327" i="4"/>
  <c r="AQ327" i="4"/>
  <c r="AL326" i="4"/>
  <c r="AH326" i="4"/>
  <c r="AD326" i="4"/>
  <c r="Z326" i="4"/>
  <c r="V326" i="4"/>
  <c r="R326" i="4"/>
  <c r="N326" i="4"/>
  <c r="J326" i="4"/>
  <c r="F326" i="4"/>
  <c r="BQ325" i="4"/>
  <c r="BM325" i="4"/>
  <c r="BI325" i="4"/>
  <c r="BE325" i="4"/>
  <c r="BA325" i="4"/>
  <c r="AW325" i="4"/>
  <c r="AS325" i="4"/>
  <c r="AO325" i="4"/>
  <c r="AN324" i="4"/>
  <c r="AJ324" i="4"/>
  <c r="AF324" i="4"/>
  <c r="AB324" i="4"/>
  <c r="X324" i="4"/>
  <c r="T324" i="4"/>
  <c r="P324" i="4"/>
  <c r="L324" i="4"/>
  <c r="H324" i="4"/>
  <c r="D324" i="4"/>
  <c r="BS323" i="4"/>
  <c r="BO323" i="4"/>
  <c r="BK323" i="4"/>
  <c r="BG323" i="4"/>
  <c r="BC323" i="4"/>
  <c r="AY323" i="4"/>
  <c r="AU323" i="4"/>
  <c r="AQ323" i="4"/>
  <c r="AL322" i="4"/>
  <c r="AH322" i="4"/>
  <c r="AD322" i="4"/>
  <c r="Z322" i="4"/>
  <c r="V322" i="4"/>
  <c r="R322" i="4"/>
  <c r="N322" i="4"/>
  <c r="J322" i="4"/>
  <c r="F322" i="4"/>
  <c r="BQ321" i="4"/>
  <c r="BM321" i="4"/>
  <c r="BI321" i="4"/>
  <c r="BE321" i="4"/>
  <c r="BA321" i="4"/>
  <c r="AW321" i="4"/>
  <c r="AS321" i="4"/>
  <c r="AO321" i="4"/>
  <c r="AN320" i="4"/>
  <c r="AJ320" i="4"/>
  <c r="AF320" i="4"/>
  <c r="AB320" i="4"/>
  <c r="X320" i="4"/>
  <c r="T320" i="4"/>
  <c r="P320" i="4"/>
  <c r="L320" i="4"/>
  <c r="H320" i="4"/>
  <c r="D320" i="4"/>
  <c r="BS319" i="4"/>
  <c r="BO319" i="4"/>
  <c r="BK319" i="4"/>
  <c r="BG319" i="4"/>
  <c r="BC319" i="4"/>
  <c r="AY319" i="4"/>
  <c r="AU319" i="4"/>
  <c r="AQ319" i="4"/>
  <c r="AL318" i="4"/>
  <c r="AH318" i="4"/>
  <c r="AD318" i="4"/>
  <c r="Z318" i="4"/>
  <c r="V318" i="4"/>
  <c r="R318" i="4"/>
  <c r="N318" i="4"/>
  <c r="J318" i="4"/>
  <c r="F318" i="4"/>
  <c r="BQ317" i="4"/>
  <c r="BM317" i="4"/>
  <c r="BI317" i="4"/>
  <c r="BE317" i="4"/>
  <c r="BA317" i="4"/>
  <c r="AW317" i="4"/>
  <c r="AS317" i="4"/>
  <c r="AO317" i="4"/>
  <c r="AN316" i="4"/>
  <c r="AF316" i="4"/>
  <c r="X316" i="4"/>
  <c r="P316" i="4"/>
  <c r="H316" i="4"/>
  <c r="BO315" i="4"/>
  <c r="BG315" i="4"/>
  <c r="AY315" i="4"/>
  <c r="AQ315" i="4"/>
  <c r="AL314" i="4"/>
  <c r="AD314" i="4"/>
  <c r="V314" i="4"/>
  <c r="N314" i="4"/>
  <c r="F314" i="4"/>
  <c r="BQ313" i="4"/>
  <c r="BI313" i="4"/>
  <c r="BA313" i="4"/>
  <c r="AS313" i="4"/>
  <c r="AJ312" i="4"/>
  <c r="AB312" i="4"/>
  <c r="T312" i="4"/>
  <c r="L312" i="4"/>
  <c r="D312" i="4"/>
  <c r="BS311" i="4"/>
  <c r="BK311" i="4"/>
  <c r="BC311" i="4"/>
  <c r="AU311" i="4"/>
  <c r="AH310" i="4"/>
  <c r="Z310" i="4"/>
  <c r="R310" i="4"/>
  <c r="B3" i="4"/>
  <c r="B5" i="4"/>
  <c r="B6" i="4"/>
  <c r="B8" i="4"/>
  <c r="B10" i="4"/>
  <c r="B12" i="4"/>
  <c r="B14" i="4"/>
  <c r="B16" i="4"/>
  <c r="B4" i="4"/>
  <c r="B11" i="4"/>
  <c r="B15" i="4"/>
  <c r="B17" i="4"/>
  <c r="B19" i="4"/>
  <c r="B21" i="4"/>
  <c r="B23" i="4"/>
  <c r="B25" i="4"/>
  <c r="B27" i="4"/>
  <c r="B29" i="4"/>
  <c r="B7" i="4"/>
  <c r="B9" i="4"/>
  <c r="B18" i="4"/>
  <c r="B22" i="4"/>
  <c r="B26" i="4"/>
  <c r="B30" i="4"/>
  <c r="B31" i="4"/>
  <c r="B33" i="4"/>
  <c r="B35" i="4"/>
  <c r="B37" i="4"/>
  <c r="B39" i="4"/>
  <c r="B41" i="4"/>
  <c r="B43" i="4"/>
  <c r="B45" i="4"/>
  <c r="B47" i="4"/>
  <c r="B49" i="4"/>
  <c r="B51" i="4"/>
  <c r="B53" i="4"/>
  <c r="B55" i="4"/>
  <c r="B57" i="4"/>
  <c r="B59" i="4"/>
  <c r="B13" i="4"/>
  <c r="B20" i="4"/>
  <c r="B28" i="4"/>
  <c r="B32" i="4"/>
  <c r="B36" i="4"/>
  <c r="B40" i="4"/>
  <c r="B44" i="4"/>
  <c r="B48" i="4"/>
  <c r="B52" i="4"/>
  <c r="B56" i="4"/>
  <c r="B60" i="4"/>
  <c r="B62" i="4"/>
  <c r="B64" i="4"/>
  <c r="B66" i="4"/>
  <c r="B68" i="4"/>
  <c r="B70" i="4"/>
  <c r="B72" i="4"/>
  <c r="B74" i="4"/>
  <c r="B76" i="4"/>
  <c r="B78" i="4"/>
  <c r="B80" i="4"/>
  <c r="B82" i="4"/>
  <c r="B84" i="4"/>
  <c r="B86" i="4"/>
  <c r="B88" i="4"/>
  <c r="B90" i="4"/>
  <c r="B92" i="4"/>
  <c r="B94" i="4"/>
  <c r="B96" i="4"/>
  <c r="B98" i="4"/>
  <c r="B100" i="4"/>
  <c r="B102" i="4"/>
  <c r="B104" i="4"/>
  <c r="B106" i="4"/>
  <c r="B108" i="4"/>
  <c r="B110" i="4"/>
  <c r="B112" i="4"/>
  <c r="B114" i="4"/>
  <c r="B116" i="4"/>
  <c r="B34" i="4"/>
  <c r="B42" i="4"/>
  <c r="B50" i="4"/>
  <c r="B58" i="4"/>
  <c r="B63" i="4"/>
  <c r="B67" i="4"/>
  <c r="B71" i="4"/>
  <c r="B75" i="4"/>
  <c r="B79" i="4"/>
  <c r="B83" i="4"/>
  <c r="B87" i="4"/>
  <c r="B91" i="4"/>
  <c r="B95" i="4"/>
  <c r="B99" i="4"/>
  <c r="B103" i="4"/>
  <c r="B107" i="4"/>
  <c r="B111" i="4"/>
  <c r="B115" i="4"/>
  <c r="B118" i="4"/>
  <c r="B120" i="4"/>
  <c r="B122" i="4"/>
  <c r="B124" i="4"/>
  <c r="B126" i="4"/>
  <c r="B128" i="4"/>
  <c r="B130" i="4"/>
  <c r="B132" i="4"/>
  <c r="B134" i="4"/>
  <c r="B136" i="4"/>
  <c r="B138" i="4"/>
  <c r="B140" i="4"/>
  <c r="B142" i="4"/>
  <c r="B144" i="4"/>
  <c r="B146" i="4"/>
  <c r="B148" i="4"/>
  <c r="B150" i="4"/>
  <c r="B152" i="4"/>
  <c r="B154" i="4"/>
  <c r="B156" i="4"/>
  <c r="B158" i="4"/>
  <c r="B160" i="4"/>
  <c r="B162" i="4"/>
  <c r="B164" i="4"/>
  <c r="B166" i="4"/>
  <c r="B168" i="4"/>
  <c r="B170" i="4"/>
  <c r="B172" i="4"/>
  <c r="B174" i="4"/>
  <c r="B176" i="4"/>
  <c r="B178" i="4"/>
  <c r="B180" i="4"/>
  <c r="B182" i="4"/>
  <c r="B184" i="4"/>
  <c r="B186" i="4"/>
  <c r="B188" i="4"/>
  <c r="B190" i="4"/>
  <c r="B192" i="4"/>
  <c r="B194" i="4"/>
  <c r="B196" i="4"/>
  <c r="B198" i="4"/>
  <c r="B200" i="4"/>
  <c r="B202" i="4"/>
  <c r="B204" i="4"/>
  <c r="B206" i="4"/>
  <c r="B208" i="4"/>
  <c r="B210" i="4"/>
  <c r="B212" i="4"/>
  <c r="B214" i="4"/>
  <c r="B216" i="4"/>
  <c r="B218" i="4"/>
  <c r="B220" i="4"/>
  <c r="B222" i="4"/>
  <c r="B224" i="4"/>
  <c r="B226" i="4"/>
  <c r="B228" i="4"/>
  <c r="B230" i="4"/>
  <c r="B232" i="4"/>
  <c r="I2" i="4"/>
  <c r="I4" i="4"/>
  <c r="I5" i="4"/>
  <c r="I7" i="4"/>
  <c r="I8" i="4"/>
  <c r="I9" i="4"/>
  <c r="I11" i="4"/>
  <c r="I13" i="4"/>
  <c r="I15" i="4"/>
  <c r="I3" i="4"/>
  <c r="I10" i="4"/>
  <c r="I14" i="4"/>
  <c r="I18" i="4"/>
  <c r="I20" i="4"/>
  <c r="I22" i="4"/>
  <c r="I24" i="4"/>
  <c r="I26" i="4"/>
  <c r="I28" i="4"/>
  <c r="I30" i="4"/>
  <c r="I6" i="4"/>
  <c r="I16" i="4"/>
  <c r="I17" i="4"/>
  <c r="I21" i="4"/>
  <c r="I25" i="4"/>
  <c r="I29" i="4"/>
  <c r="I32" i="4"/>
  <c r="I34" i="4"/>
  <c r="I36" i="4"/>
  <c r="I38" i="4"/>
  <c r="I40" i="4"/>
  <c r="I42" i="4"/>
  <c r="I44" i="4"/>
  <c r="I46" i="4"/>
  <c r="I48" i="4"/>
  <c r="I50" i="4"/>
  <c r="I52" i="4"/>
  <c r="I54" i="4"/>
  <c r="I56" i="4"/>
  <c r="I58" i="4"/>
  <c r="I12" i="4"/>
  <c r="I19" i="4"/>
  <c r="I27" i="4"/>
  <c r="I31" i="4"/>
  <c r="I35" i="4"/>
  <c r="I39" i="4"/>
  <c r="I43" i="4"/>
  <c r="I47" i="4"/>
  <c r="I51" i="4"/>
  <c r="I55" i="4"/>
  <c r="I59" i="4"/>
  <c r="I61" i="4"/>
  <c r="I63" i="4"/>
  <c r="I65" i="4"/>
  <c r="I67" i="4"/>
  <c r="I69" i="4"/>
  <c r="I71" i="4"/>
  <c r="I73" i="4"/>
  <c r="I75" i="4"/>
  <c r="I77" i="4"/>
  <c r="I79" i="4"/>
  <c r="I81" i="4"/>
  <c r="I83" i="4"/>
  <c r="I85" i="4"/>
  <c r="I87" i="4"/>
  <c r="I89" i="4"/>
  <c r="I91" i="4"/>
  <c r="I93" i="4"/>
  <c r="I95" i="4"/>
  <c r="I97" i="4"/>
  <c r="I99" i="4"/>
  <c r="I101" i="4"/>
  <c r="I103" i="4"/>
  <c r="I105" i="4"/>
  <c r="I107" i="4"/>
  <c r="I109" i="4"/>
  <c r="I111" i="4"/>
  <c r="I113" i="4"/>
  <c r="I115" i="4"/>
  <c r="I117" i="4"/>
  <c r="I33" i="4"/>
  <c r="I41" i="4"/>
  <c r="I49" i="4"/>
  <c r="I57" i="4"/>
  <c r="I62" i="4"/>
  <c r="I66" i="4"/>
  <c r="I70" i="4"/>
  <c r="I74" i="4"/>
  <c r="I78" i="4"/>
  <c r="I82" i="4"/>
  <c r="I86" i="4"/>
  <c r="I90" i="4"/>
  <c r="I94" i="4"/>
  <c r="I98" i="4"/>
  <c r="I102" i="4"/>
  <c r="I106" i="4"/>
  <c r="I110" i="4"/>
  <c r="I114" i="4"/>
  <c r="I119" i="4"/>
  <c r="I121" i="4"/>
  <c r="I123" i="4"/>
  <c r="I125" i="4"/>
  <c r="I127" i="4"/>
  <c r="I129" i="4"/>
  <c r="I131" i="4"/>
  <c r="I133" i="4"/>
  <c r="I135" i="4"/>
  <c r="I137" i="4"/>
  <c r="I139" i="4"/>
  <c r="I141" i="4"/>
  <c r="I143" i="4"/>
  <c r="I145" i="4"/>
  <c r="I147" i="4"/>
  <c r="I149" i="4"/>
  <c r="I151" i="4"/>
  <c r="I153" i="4"/>
  <c r="I155" i="4"/>
  <c r="I157" i="4"/>
  <c r="I159" i="4"/>
  <c r="I161" i="4"/>
  <c r="I163" i="4"/>
  <c r="I165" i="4"/>
  <c r="I167" i="4"/>
  <c r="I169" i="4"/>
  <c r="I171" i="4"/>
  <c r="I173" i="4"/>
  <c r="I175" i="4"/>
  <c r="I177" i="4"/>
  <c r="I179" i="4"/>
  <c r="I181" i="4"/>
  <c r="I183" i="4"/>
  <c r="I185" i="4"/>
  <c r="I187" i="4"/>
  <c r="I189" i="4"/>
  <c r="I191" i="4"/>
  <c r="I193" i="4"/>
  <c r="I195" i="4"/>
  <c r="I197" i="4"/>
  <c r="I199" i="4"/>
  <c r="I201" i="4"/>
  <c r="I203" i="4"/>
  <c r="I205" i="4"/>
  <c r="I207" i="4"/>
  <c r="I209" i="4"/>
  <c r="I211" i="4"/>
  <c r="I213" i="4"/>
  <c r="I215" i="4"/>
  <c r="I217" i="4"/>
  <c r="I219" i="4"/>
  <c r="I221" i="4"/>
  <c r="I223" i="4"/>
  <c r="I225" i="4"/>
  <c r="I227" i="4"/>
  <c r="I229" i="4"/>
  <c r="I231" i="4"/>
  <c r="G2" i="4"/>
  <c r="G4" i="4"/>
  <c r="G3" i="4"/>
  <c r="G7" i="4"/>
  <c r="G5" i="4"/>
  <c r="G6" i="4"/>
  <c r="G9" i="4"/>
  <c r="G11" i="4"/>
  <c r="G13" i="4"/>
  <c r="G15" i="4"/>
  <c r="G8" i="4"/>
  <c r="G12" i="4"/>
  <c r="G16" i="4"/>
  <c r="G18" i="4"/>
  <c r="G20" i="4"/>
  <c r="G22" i="4"/>
  <c r="G24" i="4"/>
  <c r="G26" i="4"/>
  <c r="G28" i="4"/>
  <c r="G30" i="4"/>
  <c r="G14" i="4"/>
  <c r="G19" i="4"/>
  <c r="G23" i="4"/>
  <c r="G27" i="4"/>
  <c r="G32" i="4"/>
  <c r="G34" i="4"/>
  <c r="G36" i="4"/>
  <c r="G38" i="4"/>
  <c r="G40" i="4"/>
  <c r="G42" i="4"/>
  <c r="G44" i="4"/>
  <c r="G46" i="4"/>
  <c r="G48" i="4"/>
  <c r="G50" i="4"/>
  <c r="G52" i="4"/>
  <c r="G54" i="4"/>
  <c r="G56" i="4"/>
  <c r="G58" i="4"/>
  <c r="G10" i="4"/>
  <c r="G17" i="4"/>
  <c r="G25" i="4"/>
  <c r="G33" i="4"/>
  <c r="G37" i="4"/>
  <c r="G41" i="4"/>
  <c r="G45" i="4"/>
  <c r="G49" i="4"/>
  <c r="G53" i="4"/>
  <c r="G57" i="4"/>
  <c r="G61" i="4"/>
  <c r="G63" i="4"/>
  <c r="G65" i="4"/>
  <c r="G67" i="4"/>
  <c r="G69" i="4"/>
  <c r="G71" i="4"/>
  <c r="G73" i="4"/>
  <c r="G75" i="4"/>
  <c r="G77" i="4"/>
  <c r="G79" i="4"/>
  <c r="G81" i="4"/>
  <c r="G83" i="4"/>
  <c r="G85" i="4"/>
  <c r="G87" i="4"/>
  <c r="G89" i="4"/>
  <c r="G91" i="4"/>
  <c r="G93" i="4"/>
  <c r="G95" i="4"/>
  <c r="G97" i="4"/>
  <c r="G99" i="4"/>
  <c r="G101" i="4"/>
  <c r="G103" i="4"/>
  <c r="G105" i="4"/>
  <c r="G107" i="4"/>
  <c r="G109" i="4"/>
  <c r="G111" i="4"/>
  <c r="G113" i="4"/>
  <c r="G115" i="4"/>
  <c r="G117" i="4"/>
  <c r="G29" i="4"/>
  <c r="G31" i="4"/>
  <c r="G39" i="4"/>
  <c r="G47" i="4"/>
  <c r="G55" i="4"/>
  <c r="G60" i="4"/>
  <c r="G64" i="4"/>
  <c r="G68" i="4"/>
  <c r="G72" i="4"/>
  <c r="G76" i="4"/>
  <c r="G80" i="4"/>
  <c r="G84" i="4"/>
  <c r="G88" i="4"/>
  <c r="G92" i="4"/>
  <c r="G96" i="4"/>
  <c r="G100" i="4"/>
  <c r="G104" i="4"/>
  <c r="G108" i="4"/>
  <c r="G112" i="4"/>
  <c r="G116" i="4"/>
  <c r="G119" i="4"/>
  <c r="G121" i="4"/>
  <c r="G123" i="4"/>
  <c r="G125" i="4"/>
  <c r="G127" i="4"/>
  <c r="G129" i="4"/>
  <c r="G131" i="4"/>
  <c r="G133" i="4"/>
  <c r="G135" i="4"/>
  <c r="G137" i="4"/>
  <c r="G139" i="4"/>
  <c r="G141" i="4"/>
  <c r="G143" i="4"/>
  <c r="G145" i="4"/>
  <c r="G147" i="4"/>
  <c r="G149" i="4"/>
  <c r="G151" i="4"/>
  <c r="G153" i="4"/>
  <c r="G155" i="4"/>
  <c r="G157" i="4"/>
  <c r="G159" i="4"/>
  <c r="G161" i="4"/>
  <c r="G163" i="4"/>
  <c r="G165" i="4"/>
  <c r="G167" i="4"/>
  <c r="G169" i="4"/>
  <c r="G171" i="4"/>
  <c r="G173" i="4"/>
  <c r="G175" i="4"/>
  <c r="G177" i="4"/>
  <c r="G179" i="4"/>
  <c r="G181" i="4"/>
  <c r="G183" i="4"/>
  <c r="G185" i="4"/>
  <c r="G187" i="4"/>
  <c r="G189" i="4"/>
  <c r="G191" i="4"/>
  <c r="G193" i="4"/>
  <c r="G195" i="4"/>
  <c r="G197" i="4"/>
  <c r="G199" i="4"/>
  <c r="G201" i="4"/>
  <c r="G203" i="4"/>
  <c r="G205" i="4"/>
  <c r="G207" i="4"/>
  <c r="G209" i="4"/>
  <c r="G211" i="4"/>
  <c r="G213" i="4"/>
  <c r="G215" i="4"/>
  <c r="G217" i="4"/>
  <c r="G219" i="4"/>
  <c r="G221" i="4"/>
  <c r="G223" i="4"/>
  <c r="G225" i="4"/>
  <c r="G227" i="4"/>
  <c r="G229" i="4"/>
  <c r="G231" i="4"/>
  <c r="E2" i="4"/>
  <c r="E4" i="4"/>
  <c r="E5" i="4"/>
  <c r="E7" i="4"/>
  <c r="E3" i="4"/>
  <c r="E8" i="4"/>
  <c r="E9" i="4"/>
  <c r="E11" i="4"/>
  <c r="E13" i="4"/>
  <c r="E15" i="4"/>
  <c r="E6" i="4"/>
  <c r="E10" i="4"/>
  <c r="E14" i="4"/>
  <c r="E18" i="4"/>
  <c r="E20" i="4"/>
  <c r="E22" i="4"/>
  <c r="E24" i="4"/>
  <c r="E26" i="4"/>
  <c r="E28" i="4"/>
  <c r="E30" i="4"/>
  <c r="E12" i="4"/>
  <c r="E17" i="4"/>
  <c r="E21" i="4"/>
  <c r="E25" i="4"/>
  <c r="E29" i="4"/>
  <c r="E32" i="4"/>
  <c r="E34" i="4"/>
  <c r="E36" i="4"/>
  <c r="E38" i="4"/>
  <c r="E40" i="4"/>
  <c r="E42" i="4"/>
  <c r="E44" i="4"/>
  <c r="E46" i="4"/>
  <c r="E48" i="4"/>
  <c r="E50" i="4"/>
  <c r="E52" i="4"/>
  <c r="E54" i="4"/>
  <c r="E56" i="4"/>
  <c r="E58" i="4"/>
  <c r="E23" i="4"/>
  <c r="E31" i="4"/>
  <c r="E35" i="4"/>
  <c r="E39" i="4"/>
  <c r="E43" i="4"/>
  <c r="E47" i="4"/>
  <c r="E51" i="4"/>
  <c r="E55" i="4"/>
  <c r="E59" i="4"/>
  <c r="E61" i="4"/>
  <c r="E63" i="4"/>
  <c r="E65" i="4"/>
  <c r="E67" i="4"/>
  <c r="E69" i="4"/>
  <c r="E71" i="4"/>
  <c r="E73" i="4"/>
  <c r="E75" i="4"/>
  <c r="E77" i="4"/>
  <c r="E79" i="4"/>
  <c r="E81" i="4"/>
  <c r="E83" i="4"/>
  <c r="E85" i="4"/>
  <c r="E87" i="4"/>
  <c r="E89" i="4"/>
  <c r="E91" i="4"/>
  <c r="E93" i="4"/>
  <c r="E95" i="4"/>
  <c r="E97" i="4"/>
  <c r="E99" i="4"/>
  <c r="E101" i="4"/>
  <c r="E103" i="4"/>
  <c r="E105" i="4"/>
  <c r="E107" i="4"/>
  <c r="E109" i="4"/>
  <c r="E111" i="4"/>
  <c r="E113" i="4"/>
  <c r="E115" i="4"/>
  <c r="E117" i="4"/>
  <c r="E27" i="4"/>
  <c r="E37" i="4"/>
  <c r="E45" i="4"/>
  <c r="E53" i="4"/>
  <c r="E62" i="4"/>
  <c r="E66" i="4"/>
  <c r="E70" i="4"/>
  <c r="E74" i="4"/>
  <c r="E78" i="4"/>
  <c r="E82" i="4"/>
  <c r="E86" i="4"/>
  <c r="E90" i="4"/>
  <c r="E94" i="4"/>
  <c r="E98" i="4"/>
  <c r="E102" i="4"/>
  <c r="E106" i="4"/>
  <c r="E110" i="4"/>
  <c r="E114" i="4"/>
  <c r="E119" i="4"/>
  <c r="E121" i="4"/>
  <c r="E123" i="4"/>
  <c r="E125" i="4"/>
  <c r="E127" i="4"/>
  <c r="E129" i="4"/>
  <c r="E131" i="4"/>
  <c r="E133" i="4"/>
  <c r="E135" i="4"/>
  <c r="E137" i="4"/>
  <c r="E139" i="4"/>
  <c r="E141" i="4"/>
  <c r="E143" i="4"/>
  <c r="E145" i="4"/>
  <c r="E147" i="4"/>
  <c r="E149" i="4"/>
  <c r="E151" i="4"/>
  <c r="E153" i="4"/>
  <c r="E155" i="4"/>
  <c r="E157" i="4"/>
  <c r="E159" i="4"/>
  <c r="E161" i="4"/>
  <c r="E163" i="4"/>
  <c r="E165" i="4"/>
  <c r="E167" i="4"/>
  <c r="E169" i="4"/>
  <c r="E171" i="4"/>
  <c r="E173" i="4"/>
  <c r="E175" i="4"/>
  <c r="E177" i="4"/>
  <c r="E179" i="4"/>
  <c r="E181" i="4"/>
  <c r="E183" i="4"/>
  <c r="E185" i="4"/>
  <c r="E187" i="4"/>
  <c r="E189" i="4"/>
  <c r="E191" i="4"/>
  <c r="E193" i="4"/>
  <c r="E195" i="4"/>
  <c r="E197" i="4"/>
  <c r="E199" i="4"/>
  <c r="E201" i="4"/>
  <c r="E203" i="4"/>
  <c r="E205" i="4"/>
  <c r="E207" i="4"/>
  <c r="E209" i="4"/>
  <c r="E211" i="4"/>
  <c r="E213" i="4"/>
  <c r="E215" i="4"/>
  <c r="E217" i="4"/>
  <c r="E219" i="4"/>
  <c r="E221" i="4"/>
  <c r="E223" i="4"/>
  <c r="E225" i="4"/>
  <c r="E227" i="4"/>
  <c r="E229" i="4"/>
  <c r="E231" i="4"/>
  <c r="C2" i="4"/>
  <c r="C4" i="4"/>
  <c r="C3" i="4"/>
  <c r="C7" i="4"/>
  <c r="C6" i="4"/>
  <c r="C9" i="4"/>
  <c r="C11" i="4"/>
  <c r="C13" i="4"/>
  <c r="C15" i="4"/>
  <c r="C12" i="4"/>
  <c r="C16" i="4"/>
  <c r="C18" i="4"/>
  <c r="C20" i="4"/>
  <c r="C22" i="4"/>
  <c r="C24" i="4"/>
  <c r="C26" i="4"/>
  <c r="C28" i="4"/>
  <c r="C30" i="4"/>
  <c r="C5" i="4"/>
  <c r="C10" i="4"/>
  <c r="C19" i="4"/>
  <c r="C23" i="4"/>
  <c r="C27" i="4"/>
  <c r="C32" i="4"/>
  <c r="C34" i="4"/>
  <c r="C36" i="4"/>
  <c r="C38" i="4"/>
  <c r="C40" i="4"/>
  <c r="C42" i="4"/>
  <c r="C44" i="4"/>
  <c r="C46" i="4"/>
  <c r="C48" i="4"/>
  <c r="C50" i="4"/>
  <c r="C52" i="4"/>
  <c r="C54" i="4"/>
  <c r="C56" i="4"/>
  <c r="C58" i="4"/>
  <c r="C8" i="4"/>
  <c r="C21" i="4"/>
  <c r="C29" i="4"/>
  <c r="C33" i="4"/>
  <c r="C37" i="4"/>
  <c r="C41" i="4"/>
  <c r="C45" i="4"/>
  <c r="C49" i="4"/>
  <c r="C53" i="4"/>
  <c r="C57" i="4"/>
  <c r="C61" i="4"/>
  <c r="C63" i="4"/>
  <c r="C65" i="4"/>
  <c r="C67" i="4"/>
  <c r="C69" i="4"/>
  <c r="C71" i="4"/>
  <c r="C73" i="4"/>
  <c r="C75" i="4"/>
  <c r="C77" i="4"/>
  <c r="C79" i="4"/>
  <c r="C81" i="4"/>
  <c r="C83" i="4"/>
  <c r="C85" i="4"/>
  <c r="C87" i="4"/>
  <c r="C89" i="4"/>
  <c r="C91" i="4"/>
  <c r="C93" i="4"/>
  <c r="C95" i="4"/>
  <c r="C97" i="4"/>
  <c r="C99" i="4"/>
  <c r="C101" i="4"/>
  <c r="C103" i="4"/>
  <c r="C105" i="4"/>
  <c r="C107" i="4"/>
  <c r="C109" i="4"/>
  <c r="C111" i="4"/>
  <c r="C113" i="4"/>
  <c r="C115" i="4"/>
  <c r="C117" i="4"/>
  <c r="C14" i="4"/>
  <c r="C25" i="4"/>
  <c r="C35" i="4"/>
  <c r="C43" i="4"/>
  <c r="C51" i="4"/>
  <c r="C59" i="4"/>
  <c r="C60" i="4"/>
  <c r="C64" i="4"/>
  <c r="C68" i="4"/>
  <c r="C72" i="4"/>
  <c r="C76" i="4"/>
  <c r="C80" i="4"/>
  <c r="C84" i="4"/>
  <c r="C88" i="4"/>
  <c r="C92" i="4"/>
  <c r="C96" i="4"/>
  <c r="C100" i="4"/>
  <c r="C104" i="4"/>
  <c r="C108" i="4"/>
  <c r="C112" i="4"/>
  <c r="C116" i="4"/>
  <c r="C119" i="4"/>
  <c r="C121" i="4"/>
  <c r="C123" i="4"/>
  <c r="C125" i="4"/>
  <c r="C127" i="4"/>
  <c r="C129" i="4"/>
  <c r="C131" i="4"/>
  <c r="C133" i="4"/>
  <c r="C135" i="4"/>
  <c r="C137" i="4"/>
  <c r="C139" i="4"/>
  <c r="C141" i="4"/>
  <c r="C143" i="4"/>
  <c r="C145" i="4"/>
  <c r="C147" i="4"/>
  <c r="C149" i="4"/>
  <c r="C151" i="4"/>
  <c r="C153" i="4"/>
  <c r="C155" i="4"/>
  <c r="C157" i="4"/>
  <c r="C159" i="4"/>
  <c r="C161" i="4"/>
  <c r="C163" i="4"/>
  <c r="C165" i="4"/>
  <c r="C167" i="4"/>
  <c r="C169" i="4"/>
  <c r="C171" i="4"/>
  <c r="C173" i="4"/>
  <c r="C175" i="4"/>
  <c r="C177" i="4"/>
  <c r="C179" i="4"/>
  <c r="C181" i="4"/>
  <c r="C183" i="4"/>
  <c r="C185" i="4"/>
  <c r="C187" i="4"/>
  <c r="C189" i="4"/>
  <c r="C191" i="4"/>
  <c r="C193" i="4"/>
  <c r="C195" i="4"/>
  <c r="C197" i="4"/>
  <c r="C199" i="4"/>
  <c r="C201" i="4"/>
  <c r="C203" i="4"/>
  <c r="C205" i="4"/>
  <c r="C207" i="4"/>
  <c r="C209" i="4"/>
  <c r="C211" i="4"/>
  <c r="C213" i="4"/>
  <c r="C215" i="4"/>
  <c r="C217" i="4"/>
  <c r="C219" i="4"/>
  <c r="C221" i="4"/>
  <c r="C223" i="4"/>
  <c r="C225" i="4"/>
  <c r="C227" i="4"/>
  <c r="C229" i="4"/>
  <c r="C231" i="4"/>
  <c r="AM2" i="4"/>
  <c r="AM4" i="4"/>
  <c r="AM3" i="4"/>
  <c r="AM5" i="4"/>
  <c r="AM7" i="4"/>
  <c r="AM6" i="4"/>
  <c r="AM9" i="4"/>
  <c r="AM11" i="4"/>
  <c r="AM13" i="4"/>
  <c r="AM15" i="4"/>
  <c r="AM8" i="4"/>
  <c r="AM12" i="4"/>
  <c r="AM16" i="4"/>
  <c r="AM18" i="4"/>
  <c r="AM20" i="4"/>
  <c r="AM22" i="4"/>
  <c r="AM24" i="4"/>
  <c r="AM26" i="4"/>
  <c r="AM28" i="4"/>
  <c r="AM30" i="4"/>
  <c r="AM14" i="4"/>
  <c r="AM19" i="4"/>
  <c r="AM23" i="4"/>
  <c r="AM27" i="4"/>
  <c r="AM32" i="4"/>
  <c r="AM34" i="4"/>
  <c r="AM36" i="4"/>
  <c r="AM38" i="4"/>
  <c r="AM40" i="4"/>
  <c r="AM42" i="4"/>
  <c r="AM44" i="4"/>
  <c r="AM46" i="4"/>
  <c r="AM48" i="4"/>
  <c r="AM50" i="4"/>
  <c r="AM52" i="4"/>
  <c r="AM54" i="4"/>
  <c r="AM56" i="4"/>
  <c r="AM58" i="4"/>
  <c r="AM10" i="4"/>
  <c r="AM17" i="4"/>
  <c r="AM25" i="4"/>
  <c r="AM33" i="4"/>
  <c r="AM37" i="4"/>
  <c r="AM41" i="4"/>
  <c r="AM45" i="4"/>
  <c r="AM49" i="4"/>
  <c r="AM53" i="4"/>
  <c r="AM57" i="4"/>
  <c r="AM59" i="4"/>
  <c r="AM61" i="4"/>
  <c r="AM63" i="4"/>
  <c r="AM65" i="4"/>
  <c r="AM67" i="4"/>
  <c r="AM69" i="4"/>
  <c r="AM71" i="4"/>
  <c r="AM73" i="4"/>
  <c r="AM75" i="4"/>
  <c r="AM77" i="4"/>
  <c r="AM79" i="4"/>
  <c r="AM81" i="4"/>
  <c r="AM83" i="4"/>
  <c r="AM85" i="4"/>
  <c r="AM87" i="4"/>
  <c r="AM89" i="4"/>
  <c r="AM91" i="4"/>
  <c r="AM93" i="4"/>
  <c r="AM95" i="4"/>
  <c r="AM97" i="4"/>
  <c r="AM99" i="4"/>
  <c r="AM101" i="4"/>
  <c r="AM103" i="4"/>
  <c r="AM105" i="4"/>
  <c r="AM107" i="4"/>
  <c r="AM109" i="4"/>
  <c r="AM111" i="4"/>
  <c r="AM113" i="4"/>
  <c r="AM115" i="4"/>
  <c r="AM29" i="4"/>
  <c r="AM31" i="4"/>
  <c r="AM39" i="4"/>
  <c r="AM47" i="4"/>
  <c r="AM55" i="4"/>
  <c r="AM60" i="4"/>
  <c r="AM64" i="4"/>
  <c r="AM68" i="4"/>
  <c r="AM72" i="4"/>
  <c r="AM76" i="4"/>
  <c r="AM80" i="4"/>
  <c r="AM84" i="4"/>
  <c r="AM88" i="4"/>
  <c r="AM92" i="4"/>
  <c r="AM96" i="4"/>
  <c r="AM100" i="4"/>
  <c r="AM104" i="4"/>
  <c r="AM108" i="4"/>
  <c r="AM112" i="4"/>
  <c r="AM116" i="4"/>
  <c r="AM117" i="4"/>
  <c r="AM119" i="4"/>
  <c r="AM121" i="4"/>
  <c r="AM123" i="4"/>
  <c r="AM125" i="4"/>
  <c r="AM127" i="4"/>
  <c r="AM129" i="4"/>
  <c r="AM131" i="4"/>
  <c r="AM133" i="4"/>
  <c r="AM135" i="4"/>
  <c r="AM137" i="4"/>
  <c r="AM139" i="4"/>
  <c r="AM141" i="4"/>
  <c r="AM143" i="4"/>
  <c r="AM145" i="4"/>
  <c r="AM147" i="4"/>
  <c r="AM149" i="4"/>
  <c r="AM151" i="4"/>
  <c r="AM153" i="4"/>
  <c r="AM155" i="4"/>
  <c r="AM157" i="4"/>
  <c r="AM159" i="4"/>
  <c r="AM161" i="4"/>
  <c r="AM163" i="4"/>
  <c r="AM165" i="4"/>
  <c r="AM167" i="4"/>
  <c r="AM169" i="4"/>
  <c r="AM171" i="4"/>
  <c r="AM173" i="4"/>
  <c r="AM175" i="4"/>
  <c r="AM177" i="4"/>
  <c r="AM179" i="4"/>
  <c r="AM181" i="4"/>
  <c r="AM183" i="4"/>
  <c r="AM185" i="4"/>
  <c r="AM187" i="4"/>
  <c r="AM189" i="4"/>
  <c r="AM191" i="4"/>
  <c r="AM193" i="4"/>
  <c r="AM195" i="4"/>
  <c r="AM197" i="4"/>
  <c r="AM199" i="4"/>
  <c r="AM201" i="4"/>
  <c r="AM203" i="4"/>
  <c r="AM205" i="4"/>
  <c r="AM207" i="4"/>
  <c r="AM209" i="4"/>
  <c r="AM211" i="4"/>
  <c r="AM213" i="4"/>
  <c r="AM215" i="4"/>
  <c r="AM217" i="4"/>
  <c r="AM219" i="4"/>
  <c r="AM221" i="4"/>
  <c r="AM223" i="4"/>
  <c r="AM225" i="4"/>
  <c r="AM227" i="4"/>
  <c r="AM229" i="4"/>
  <c r="AM231" i="4"/>
  <c r="AK2" i="4"/>
  <c r="AK4" i="4"/>
  <c r="AK5" i="4"/>
  <c r="AK7" i="4"/>
  <c r="AK3" i="4"/>
  <c r="AK8" i="4"/>
  <c r="AK9" i="4"/>
  <c r="AK11" i="4"/>
  <c r="AK13" i="4"/>
  <c r="AK15" i="4"/>
  <c r="AK6" i="4"/>
  <c r="AK10" i="4"/>
  <c r="AK14" i="4"/>
  <c r="AK16" i="4"/>
  <c r="AK18" i="4"/>
  <c r="AK20" i="4"/>
  <c r="AK22" i="4"/>
  <c r="AK24" i="4"/>
  <c r="AK26" i="4"/>
  <c r="AK28" i="4"/>
  <c r="AK30" i="4"/>
  <c r="AK12" i="4"/>
  <c r="AK17" i="4"/>
  <c r="AK21" i="4"/>
  <c r="AK25" i="4"/>
  <c r="AK29" i="4"/>
  <c r="AK32" i="4"/>
  <c r="AK34" i="4"/>
  <c r="AK36" i="4"/>
  <c r="AK38" i="4"/>
  <c r="AK40" i="4"/>
  <c r="AK42" i="4"/>
  <c r="AK44" i="4"/>
  <c r="AK46" i="4"/>
  <c r="AK48" i="4"/>
  <c r="AK50" i="4"/>
  <c r="AK52" i="4"/>
  <c r="AK54" i="4"/>
  <c r="AK56" i="4"/>
  <c r="AK58" i="4"/>
  <c r="AK23" i="4"/>
  <c r="AK31" i="4"/>
  <c r="AK35" i="4"/>
  <c r="AK39" i="4"/>
  <c r="AK43" i="4"/>
  <c r="AK47" i="4"/>
  <c r="AK51" i="4"/>
  <c r="AK55" i="4"/>
  <c r="AK59" i="4"/>
  <c r="AK61" i="4"/>
  <c r="AK63" i="4"/>
  <c r="AK65" i="4"/>
  <c r="AK67" i="4"/>
  <c r="AK69" i="4"/>
  <c r="AK71" i="4"/>
  <c r="AK73" i="4"/>
  <c r="AK75" i="4"/>
  <c r="AK77" i="4"/>
  <c r="AK79" i="4"/>
  <c r="AK81" i="4"/>
  <c r="AK83" i="4"/>
  <c r="AK85" i="4"/>
  <c r="AK87" i="4"/>
  <c r="AK89" i="4"/>
  <c r="AK91" i="4"/>
  <c r="AK93" i="4"/>
  <c r="AK95" i="4"/>
  <c r="AK97" i="4"/>
  <c r="AK99" i="4"/>
  <c r="AK101" i="4"/>
  <c r="AK103" i="4"/>
  <c r="AK105" i="4"/>
  <c r="AK107" i="4"/>
  <c r="AK109" i="4"/>
  <c r="AK111" i="4"/>
  <c r="AK113" i="4"/>
  <c r="AK115" i="4"/>
  <c r="AK27" i="4"/>
  <c r="AK37" i="4"/>
  <c r="AK45" i="4"/>
  <c r="AK53" i="4"/>
  <c r="AK62" i="4"/>
  <c r="AK66" i="4"/>
  <c r="AK70" i="4"/>
  <c r="AK74" i="4"/>
  <c r="AK78" i="4"/>
  <c r="AK82" i="4"/>
  <c r="AK86" i="4"/>
  <c r="AK90" i="4"/>
  <c r="AK94" i="4"/>
  <c r="AK98" i="4"/>
  <c r="AK102" i="4"/>
  <c r="AK106" i="4"/>
  <c r="AK110" i="4"/>
  <c r="AK114" i="4"/>
  <c r="AK117" i="4"/>
  <c r="AK119" i="4"/>
  <c r="AK121" i="4"/>
  <c r="AK123" i="4"/>
  <c r="AK125" i="4"/>
  <c r="AK127" i="4"/>
  <c r="AK129" i="4"/>
  <c r="AK131" i="4"/>
  <c r="AK133" i="4"/>
  <c r="AK135" i="4"/>
  <c r="AK137" i="4"/>
  <c r="AK139" i="4"/>
  <c r="AK141" i="4"/>
  <c r="AK143" i="4"/>
  <c r="AK145" i="4"/>
  <c r="AK147" i="4"/>
  <c r="AK149" i="4"/>
  <c r="AK151" i="4"/>
  <c r="AK153" i="4"/>
  <c r="AK155" i="4"/>
  <c r="AK157" i="4"/>
  <c r="AK159" i="4"/>
  <c r="AK161" i="4"/>
  <c r="AK163" i="4"/>
  <c r="AK165" i="4"/>
  <c r="AK167" i="4"/>
  <c r="AK169" i="4"/>
  <c r="AK171" i="4"/>
  <c r="AK173" i="4"/>
  <c r="AK175" i="4"/>
  <c r="AK177" i="4"/>
  <c r="AK179" i="4"/>
  <c r="AK181" i="4"/>
  <c r="AK183" i="4"/>
  <c r="AK185" i="4"/>
  <c r="AK187" i="4"/>
  <c r="AK189" i="4"/>
  <c r="AK191" i="4"/>
  <c r="AK193" i="4"/>
  <c r="AK195" i="4"/>
  <c r="AK197" i="4"/>
  <c r="AK199" i="4"/>
  <c r="AK201" i="4"/>
  <c r="AK203" i="4"/>
  <c r="AK205" i="4"/>
  <c r="AK207" i="4"/>
  <c r="AK209" i="4"/>
  <c r="AK211" i="4"/>
  <c r="AK213" i="4"/>
  <c r="AK215" i="4"/>
  <c r="AK217" i="4"/>
  <c r="AK219" i="4"/>
  <c r="AK221" i="4"/>
  <c r="AK223" i="4"/>
  <c r="AK225" i="4"/>
  <c r="AK227" i="4"/>
  <c r="AK229" i="4"/>
  <c r="AK231" i="4"/>
  <c r="AI2" i="4"/>
  <c r="AI4" i="4"/>
  <c r="AI3" i="4"/>
  <c r="AI5" i="4"/>
  <c r="AI7" i="4"/>
  <c r="AI6" i="4"/>
  <c r="AI9" i="4"/>
  <c r="AI11" i="4"/>
  <c r="AI13" i="4"/>
  <c r="AI15" i="4"/>
  <c r="AI12" i="4"/>
  <c r="AI16" i="4"/>
  <c r="AI18" i="4"/>
  <c r="AI20" i="4"/>
  <c r="AI22" i="4"/>
  <c r="AI24" i="4"/>
  <c r="AI26" i="4"/>
  <c r="AI28" i="4"/>
  <c r="AI30" i="4"/>
  <c r="AI10" i="4"/>
  <c r="AI19" i="4"/>
  <c r="AI23" i="4"/>
  <c r="AI27" i="4"/>
  <c r="AI32" i="4"/>
  <c r="AI34" i="4"/>
  <c r="AI36" i="4"/>
  <c r="AI38" i="4"/>
  <c r="AI40" i="4"/>
  <c r="AI42" i="4"/>
  <c r="AI44" i="4"/>
  <c r="AI46" i="4"/>
  <c r="AI48" i="4"/>
  <c r="AI50" i="4"/>
  <c r="AI52" i="4"/>
  <c r="AI54" i="4"/>
  <c r="AI56" i="4"/>
  <c r="AI58" i="4"/>
  <c r="AI8" i="4"/>
  <c r="AI21" i="4"/>
  <c r="AI29" i="4"/>
  <c r="AI33" i="4"/>
  <c r="AI37" i="4"/>
  <c r="AI41" i="4"/>
  <c r="AI45" i="4"/>
  <c r="AI49" i="4"/>
  <c r="AI53" i="4"/>
  <c r="AI57" i="4"/>
  <c r="AI59" i="4"/>
  <c r="AI61" i="4"/>
  <c r="AI63" i="4"/>
  <c r="AI65" i="4"/>
  <c r="AI67" i="4"/>
  <c r="AI69" i="4"/>
  <c r="AI71" i="4"/>
  <c r="AI73" i="4"/>
  <c r="AI75" i="4"/>
  <c r="AI77" i="4"/>
  <c r="AI79" i="4"/>
  <c r="AI81" i="4"/>
  <c r="AI83" i="4"/>
  <c r="AI85" i="4"/>
  <c r="AI87" i="4"/>
  <c r="AI89" i="4"/>
  <c r="AI91" i="4"/>
  <c r="AI93" i="4"/>
  <c r="AI95" i="4"/>
  <c r="AI97" i="4"/>
  <c r="AI99" i="4"/>
  <c r="AI101" i="4"/>
  <c r="AI103" i="4"/>
  <c r="AI105" i="4"/>
  <c r="AI107" i="4"/>
  <c r="AI109" i="4"/>
  <c r="AI111" i="4"/>
  <c r="AI113" i="4"/>
  <c r="AI115" i="4"/>
  <c r="AI14" i="4"/>
  <c r="AI25" i="4"/>
  <c r="AI35" i="4"/>
  <c r="AI43" i="4"/>
  <c r="AI51" i="4"/>
  <c r="AI60" i="4"/>
  <c r="AI64" i="4"/>
  <c r="AI68" i="4"/>
  <c r="AI72" i="4"/>
  <c r="AI76" i="4"/>
  <c r="AI80" i="4"/>
  <c r="AI84" i="4"/>
  <c r="AI88" i="4"/>
  <c r="AI92" i="4"/>
  <c r="AI96" i="4"/>
  <c r="AI100" i="4"/>
  <c r="AI104" i="4"/>
  <c r="AI108" i="4"/>
  <c r="AI112" i="4"/>
  <c r="AI116" i="4"/>
  <c r="AI117" i="4"/>
  <c r="AI119" i="4"/>
  <c r="AI121" i="4"/>
  <c r="AI123" i="4"/>
  <c r="AI125" i="4"/>
  <c r="AI127" i="4"/>
  <c r="AI129" i="4"/>
  <c r="AI131" i="4"/>
  <c r="AI133" i="4"/>
  <c r="AI135" i="4"/>
  <c r="AI137" i="4"/>
  <c r="AI139" i="4"/>
  <c r="AI141" i="4"/>
  <c r="AI143" i="4"/>
  <c r="AI145" i="4"/>
  <c r="AI147" i="4"/>
  <c r="AI149" i="4"/>
  <c r="AI151" i="4"/>
  <c r="AI153" i="4"/>
  <c r="AI155" i="4"/>
  <c r="AI157" i="4"/>
  <c r="AI159" i="4"/>
  <c r="AI161" i="4"/>
  <c r="AI163" i="4"/>
  <c r="AI165" i="4"/>
  <c r="AI167" i="4"/>
  <c r="AI169" i="4"/>
  <c r="AI171" i="4"/>
  <c r="AI173" i="4"/>
  <c r="AI175" i="4"/>
  <c r="AI177" i="4"/>
  <c r="AI179" i="4"/>
  <c r="AI181" i="4"/>
  <c r="AI183" i="4"/>
  <c r="AI185" i="4"/>
  <c r="AI187" i="4"/>
  <c r="AI189" i="4"/>
  <c r="AI191" i="4"/>
  <c r="AI193" i="4"/>
  <c r="AI195" i="4"/>
  <c r="AI197" i="4"/>
  <c r="AI199" i="4"/>
  <c r="AI201" i="4"/>
  <c r="AI203" i="4"/>
  <c r="AI205" i="4"/>
  <c r="AI207" i="4"/>
  <c r="AI209" i="4"/>
  <c r="AI211" i="4"/>
  <c r="AI213" i="4"/>
  <c r="AI215" i="4"/>
  <c r="AI217" i="4"/>
  <c r="AI219" i="4"/>
  <c r="AI221" i="4"/>
  <c r="AI223" i="4"/>
  <c r="AI225" i="4"/>
  <c r="AI227" i="4"/>
  <c r="AI229" i="4"/>
  <c r="AI231" i="4"/>
  <c r="AG2" i="4"/>
  <c r="AG4" i="4"/>
  <c r="AG5" i="4"/>
  <c r="AG7" i="4"/>
  <c r="AG8" i="4"/>
  <c r="AG9" i="4"/>
  <c r="AG11" i="4"/>
  <c r="AG13" i="4"/>
  <c r="AG15" i="4"/>
  <c r="AG10" i="4"/>
  <c r="AG14" i="4"/>
  <c r="AG16" i="4"/>
  <c r="AG18" i="4"/>
  <c r="AG20" i="4"/>
  <c r="AG22" i="4"/>
  <c r="AG24" i="4"/>
  <c r="AG26" i="4"/>
  <c r="AG28" i="4"/>
  <c r="AG30" i="4"/>
  <c r="AG17" i="4"/>
  <c r="AG21" i="4"/>
  <c r="AG25" i="4"/>
  <c r="AG29" i="4"/>
  <c r="AG32" i="4"/>
  <c r="AG34" i="4"/>
  <c r="AG36" i="4"/>
  <c r="AG38" i="4"/>
  <c r="AG40" i="4"/>
  <c r="AG42" i="4"/>
  <c r="AG44" i="4"/>
  <c r="AG46" i="4"/>
  <c r="AG48" i="4"/>
  <c r="AG50" i="4"/>
  <c r="AG52" i="4"/>
  <c r="AG54" i="4"/>
  <c r="AG56" i="4"/>
  <c r="AG58" i="4"/>
  <c r="AG3" i="4"/>
  <c r="AG19" i="4"/>
  <c r="AG27" i="4"/>
  <c r="AG31" i="4"/>
  <c r="AG35" i="4"/>
  <c r="AG39" i="4"/>
  <c r="AG43" i="4"/>
  <c r="AG47" i="4"/>
  <c r="AG51" i="4"/>
  <c r="AG55" i="4"/>
  <c r="AG59" i="4"/>
  <c r="AG61" i="4"/>
  <c r="AG63" i="4"/>
  <c r="AG65" i="4"/>
  <c r="AG67" i="4"/>
  <c r="AG69" i="4"/>
  <c r="AG71" i="4"/>
  <c r="AG73" i="4"/>
  <c r="AG75" i="4"/>
  <c r="AG77" i="4"/>
  <c r="AG79" i="4"/>
  <c r="AG81" i="4"/>
  <c r="AG83" i="4"/>
  <c r="AG85" i="4"/>
  <c r="AG87" i="4"/>
  <c r="AG89" i="4"/>
  <c r="AG91" i="4"/>
  <c r="AG93" i="4"/>
  <c r="AG95" i="4"/>
  <c r="AG97" i="4"/>
  <c r="AG99" i="4"/>
  <c r="AG101" i="4"/>
  <c r="AG103" i="4"/>
  <c r="AG105" i="4"/>
  <c r="AG107" i="4"/>
  <c r="AG109" i="4"/>
  <c r="AG111" i="4"/>
  <c r="AG113" i="4"/>
  <c r="AG115" i="4"/>
  <c r="AG6" i="4"/>
  <c r="AG23" i="4"/>
  <c r="AG33" i="4"/>
  <c r="AG41" i="4"/>
  <c r="AG49" i="4"/>
  <c r="AG57" i="4"/>
  <c r="AG62" i="4"/>
  <c r="AG66" i="4"/>
  <c r="AG70" i="4"/>
  <c r="AG74" i="4"/>
  <c r="AG78" i="4"/>
  <c r="AG82" i="4"/>
  <c r="AG86" i="4"/>
  <c r="AG90" i="4"/>
  <c r="AG94" i="4"/>
  <c r="AG98" i="4"/>
  <c r="AG102" i="4"/>
  <c r="AG106" i="4"/>
  <c r="AG110" i="4"/>
  <c r="AG114" i="4"/>
  <c r="AG117" i="4"/>
  <c r="AG119" i="4"/>
  <c r="AG121" i="4"/>
  <c r="AG123" i="4"/>
  <c r="AG125" i="4"/>
  <c r="AG127" i="4"/>
  <c r="AG129" i="4"/>
  <c r="AG131" i="4"/>
  <c r="AG133" i="4"/>
  <c r="AG135" i="4"/>
  <c r="AG137" i="4"/>
  <c r="AG139" i="4"/>
  <c r="AG141" i="4"/>
  <c r="AG143" i="4"/>
  <c r="AG145" i="4"/>
  <c r="AG147" i="4"/>
  <c r="AG149" i="4"/>
  <c r="AG151" i="4"/>
  <c r="AG153" i="4"/>
  <c r="AG155" i="4"/>
  <c r="AG157" i="4"/>
  <c r="AG159" i="4"/>
  <c r="AG161" i="4"/>
  <c r="AG163" i="4"/>
  <c r="AG165" i="4"/>
  <c r="AG167" i="4"/>
  <c r="AG169" i="4"/>
  <c r="AG171" i="4"/>
  <c r="AG173" i="4"/>
  <c r="AG175" i="4"/>
  <c r="AG177" i="4"/>
  <c r="AG179" i="4"/>
  <c r="AG181" i="4"/>
  <c r="AG183" i="4"/>
  <c r="AG185" i="4"/>
  <c r="AG187" i="4"/>
  <c r="AG189" i="4"/>
  <c r="AG191" i="4"/>
  <c r="AG193" i="4"/>
  <c r="AG195" i="4"/>
  <c r="AG197" i="4"/>
  <c r="AG199" i="4"/>
  <c r="AG201" i="4"/>
  <c r="AG203" i="4"/>
  <c r="AG205" i="4"/>
  <c r="AG207" i="4"/>
  <c r="AG209" i="4"/>
  <c r="AG211" i="4"/>
  <c r="AG213" i="4"/>
  <c r="AG215" i="4"/>
  <c r="AG217" i="4"/>
  <c r="AG219" i="4"/>
  <c r="AG221" i="4"/>
  <c r="AG223" i="4"/>
  <c r="AG225" i="4"/>
  <c r="AG227" i="4"/>
  <c r="AG229" i="4"/>
  <c r="AG231" i="4"/>
  <c r="AE2" i="4"/>
  <c r="AE4" i="4"/>
  <c r="AE3" i="4"/>
  <c r="AE5" i="4"/>
  <c r="AE7" i="4"/>
  <c r="AE6" i="4"/>
  <c r="AE9" i="4"/>
  <c r="AE11" i="4"/>
  <c r="AE13" i="4"/>
  <c r="AE15" i="4"/>
  <c r="AE8" i="4"/>
  <c r="AE12" i="4"/>
  <c r="AE16" i="4"/>
  <c r="AE18" i="4"/>
  <c r="AE20" i="4"/>
  <c r="AE22" i="4"/>
  <c r="AE24" i="4"/>
  <c r="AE26" i="4"/>
  <c r="AE28" i="4"/>
  <c r="AE30" i="4"/>
  <c r="AE14" i="4"/>
  <c r="AE19" i="4"/>
  <c r="AE23" i="4"/>
  <c r="AE27" i="4"/>
  <c r="AE32" i="4"/>
  <c r="AE34" i="4"/>
  <c r="AE36" i="4"/>
  <c r="AE38" i="4"/>
  <c r="AE40" i="4"/>
  <c r="AE42" i="4"/>
  <c r="AE44" i="4"/>
  <c r="AE46" i="4"/>
  <c r="AE48" i="4"/>
  <c r="AE50" i="4"/>
  <c r="AE52" i="4"/>
  <c r="AE54" i="4"/>
  <c r="AE56" i="4"/>
  <c r="AE58" i="4"/>
  <c r="AE17" i="4"/>
  <c r="AE25" i="4"/>
  <c r="AE33" i="4"/>
  <c r="AE37" i="4"/>
  <c r="AE41" i="4"/>
  <c r="AE45" i="4"/>
  <c r="AE49" i="4"/>
  <c r="AE53" i="4"/>
  <c r="AE57" i="4"/>
  <c r="AE61" i="4"/>
  <c r="AE63" i="4"/>
  <c r="AE65" i="4"/>
  <c r="AE67" i="4"/>
  <c r="AE69" i="4"/>
  <c r="AE71" i="4"/>
  <c r="AE73" i="4"/>
  <c r="AE75" i="4"/>
  <c r="AE77" i="4"/>
  <c r="AE79" i="4"/>
  <c r="AE81" i="4"/>
  <c r="AE83" i="4"/>
  <c r="AE85" i="4"/>
  <c r="AE87" i="4"/>
  <c r="AE89" i="4"/>
  <c r="AE91" i="4"/>
  <c r="AE93" i="4"/>
  <c r="AE95" i="4"/>
  <c r="AE97" i="4"/>
  <c r="AE99" i="4"/>
  <c r="AE101" i="4"/>
  <c r="AE103" i="4"/>
  <c r="AE105" i="4"/>
  <c r="AE107" i="4"/>
  <c r="AE109" i="4"/>
  <c r="AE111" i="4"/>
  <c r="AE113" i="4"/>
  <c r="AE115" i="4"/>
  <c r="AE10" i="4"/>
  <c r="AE21" i="4"/>
  <c r="AE31" i="4"/>
  <c r="AE39" i="4"/>
  <c r="AE47" i="4"/>
  <c r="AE55" i="4"/>
  <c r="AE60" i="4"/>
  <c r="AE64" i="4"/>
  <c r="AE68" i="4"/>
  <c r="AE72" i="4"/>
  <c r="AE76" i="4"/>
  <c r="AE80" i="4"/>
  <c r="AE84" i="4"/>
  <c r="AE88" i="4"/>
  <c r="AE92" i="4"/>
  <c r="AE96" i="4"/>
  <c r="AE100" i="4"/>
  <c r="AE104" i="4"/>
  <c r="AE108" i="4"/>
  <c r="AE112" i="4"/>
  <c r="AE116" i="4"/>
  <c r="AE117" i="4"/>
  <c r="AE119" i="4"/>
  <c r="AE121" i="4"/>
  <c r="AE123" i="4"/>
  <c r="AE125" i="4"/>
  <c r="AE127" i="4"/>
  <c r="AE129" i="4"/>
  <c r="AE131" i="4"/>
  <c r="AE133" i="4"/>
  <c r="AE135" i="4"/>
  <c r="AE137" i="4"/>
  <c r="AE139" i="4"/>
  <c r="AE141" i="4"/>
  <c r="AE143" i="4"/>
  <c r="AE145" i="4"/>
  <c r="AE147" i="4"/>
  <c r="AE149" i="4"/>
  <c r="AE151" i="4"/>
  <c r="AE153" i="4"/>
  <c r="AE155" i="4"/>
  <c r="AE157" i="4"/>
  <c r="AE159" i="4"/>
  <c r="AE161" i="4"/>
  <c r="AE163" i="4"/>
  <c r="AE165" i="4"/>
  <c r="AE167" i="4"/>
  <c r="AE169" i="4"/>
  <c r="AE171" i="4"/>
  <c r="AE173" i="4"/>
  <c r="AE175" i="4"/>
  <c r="AE177" i="4"/>
  <c r="AE179" i="4"/>
  <c r="AE181" i="4"/>
  <c r="AE183" i="4"/>
  <c r="AE185" i="4"/>
  <c r="AE187" i="4"/>
  <c r="AE189" i="4"/>
  <c r="AE191" i="4"/>
  <c r="AE193" i="4"/>
  <c r="AE195" i="4"/>
  <c r="AE197" i="4"/>
  <c r="AE199" i="4"/>
  <c r="AE201" i="4"/>
  <c r="AE203" i="4"/>
  <c r="AE205" i="4"/>
  <c r="AE207" i="4"/>
  <c r="AE209" i="4"/>
  <c r="AE211" i="4"/>
  <c r="AE213" i="4"/>
  <c r="AE215" i="4"/>
  <c r="AE217" i="4"/>
  <c r="AE219" i="4"/>
  <c r="AE221" i="4"/>
  <c r="AE223" i="4"/>
  <c r="AE225" i="4"/>
  <c r="AE227" i="4"/>
  <c r="AE229" i="4"/>
  <c r="AE231" i="4"/>
  <c r="AC2" i="4"/>
  <c r="AC4" i="4"/>
  <c r="AC5" i="4"/>
  <c r="AC7" i="4"/>
  <c r="AC3" i="4"/>
  <c r="AC8" i="4"/>
  <c r="AC9" i="4"/>
  <c r="AC11" i="4"/>
  <c r="AC13" i="4"/>
  <c r="AC15" i="4"/>
  <c r="AC6" i="4"/>
  <c r="AC10" i="4"/>
  <c r="AC14" i="4"/>
  <c r="AC16" i="4"/>
  <c r="AC18" i="4"/>
  <c r="AC20" i="4"/>
  <c r="AC22" i="4"/>
  <c r="AC24" i="4"/>
  <c r="AC26" i="4"/>
  <c r="AC28" i="4"/>
  <c r="AC30" i="4"/>
  <c r="AC12" i="4"/>
  <c r="AC17" i="4"/>
  <c r="AC21" i="4"/>
  <c r="AC25" i="4"/>
  <c r="AC29" i="4"/>
  <c r="AC32" i="4"/>
  <c r="AC34" i="4"/>
  <c r="AC36" i="4"/>
  <c r="AC38" i="4"/>
  <c r="AC40" i="4"/>
  <c r="AC42" i="4"/>
  <c r="AC44" i="4"/>
  <c r="AC46" i="4"/>
  <c r="AC48" i="4"/>
  <c r="AC50" i="4"/>
  <c r="AC52" i="4"/>
  <c r="AC54" i="4"/>
  <c r="AC56" i="4"/>
  <c r="AC58" i="4"/>
  <c r="AC23" i="4"/>
  <c r="AC31" i="4"/>
  <c r="AC35" i="4"/>
  <c r="AC39" i="4"/>
  <c r="AC43" i="4"/>
  <c r="AC47" i="4"/>
  <c r="AC51" i="4"/>
  <c r="AC55" i="4"/>
  <c r="AC59" i="4"/>
  <c r="AC61" i="4"/>
  <c r="AC63" i="4"/>
  <c r="AC65" i="4"/>
  <c r="AC67" i="4"/>
  <c r="AC69" i="4"/>
  <c r="AC71" i="4"/>
  <c r="AC73" i="4"/>
  <c r="AC75" i="4"/>
  <c r="AC77" i="4"/>
  <c r="AC79" i="4"/>
  <c r="AC81" i="4"/>
  <c r="AC83" i="4"/>
  <c r="AC85" i="4"/>
  <c r="AC87" i="4"/>
  <c r="AC89" i="4"/>
  <c r="AC91" i="4"/>
  <c r="AC93" i="4"/>
  <c r="AC95" i="4"/>
  <c r="AC97" i="4"/>
  <c r="AC99" i="4"/>
  <c r="AC101" i="4"/>
  <c r="AC103" i="4"/>
  <c r="AC105" i="4"/>
  <c r="AC107" i="4"/>
  <c r="AC109" i="4"/>
  <c r="AC111" i="4"/>
  <c r="AC113" i="4"/>
  <c r="AC115" i="4"/>
  <c r="AC19" i="4"/>
  <c r="AC37" i="4"/>
  <c r="AC45" i="4"/>
  <c r="AC53" i="4"/>
  <c r="AC62" i="4"/>
  <c r="AC66" i="4"/>
  <c r="AC70" i="4"/>
  <c r="AC74" i="4"/>
  <c r="AC78" i="4"/>
  <c r="AC82" i="4"/>
  <c r="AC86" i="4"/>
  <c r="AC90" i="4"/>
  <c r="AC94" i="4"/>
  <c r="AC98" i="4"/>
  <c r="AC102" i="4"/>
  <c r="AC106" i="4"/>
  <c r="AC110" i="4"/>
  <c r="AC114" i="4"/>
  <c r="AC117" i="4"/>
  <c r="AC119" i="4"/>
  <c r="AC121" i="4"/>
  <c r="AC123" i="4"/>
  <c r="AC125" i="4"/>
  <c r="AC127" i="4"/>
  <c r="AC129" i="4"/>
  <c r="AC131" i="4"/>
  <c r="AC133" i="4"/>
  <c r="AC135" i="4"/>
  <c r="AC137" i="4"/>
  <c r="AC139" i="4"/>
  <c r="AC141" i="4"/>
  <c r="AC143" i="4"/>
  <c r="AC145" i="4"/>
  <c r="AC147" i="4"/>
  <c r="AC149" i="4"/>
  <c r="AC151" i="4"/>
  <c r="AC153" i="4"/>
  <c r="AC155" i="4"/>
  <c r="AC157" i="4"/>
  <c r="AC159" i="4"/>
  <c r="AC161" i="4"/>
  <c r="AC163" i="4"/>
  <c r="AC165" i="4"/>
  <c r="AC167" i="4"/>
  <c r="AC169" i="4"/>
  <c r="AC171" i="4"/>
  <c r="AC173" i="4"/>
  <c r="AC175" i="4"/>
  <c r="AC177" i="4"/>
  <c r="AC179" i="4"/>
  <c r="AC181" i="4"/>
  <c r="AC183" i="4"/>
  <c r="AC185" i="4"/>
  <c r="AC187" i="4"/>
  <c r="AC189" i="4"/>
  <c r="AC191" i="4"/>
  <c r="AC193" i="4"/>
  <c r="AC195" i="4"/>
  <c r="AC197" i="4"/>
  <c r="AC199" i="4"/>
  <c r="AC201" i="4"/>
  <c r="AC203" i="4"/>
  <c r="AC205" i="4"/>
  <c r="AC207" i="4"/>
  <c r="AC209" i="4"/>
  <c r="AC211" i="4"/>
  <c r="AC213" i="4"/>
  <c r="AC215" i="4"/>
  <c r="AC217" i="4"/>
  <c r="AC219" i="4"/>
  <c r="AC221" i="4"/>
  <c r="AC223" i="4"/>
  <c r="AC225" i="4"/>
  <c r="AC227" i="4"/>
  <c r="AC229" i="4"/>
  <c r="AC231" i="4"/>
  <c r="AA2" i="4"/>
  <c r="AA4" i="4"/>
  <c r="AA3" i="4"/>
  <c r="AA7" i="4"/>
  <c r="AA6" i="4"/>
  <c r="AA9" i="4"/>
  <c r="AA11" i="4"/>
  <c r="AA13" i="4"/>
  <c r="AA15" i="4"/>
  <c r="AA5" i="4"/>
  <c r="AA12" i="4"/>
  <c r="AA16" i="4"/>
  <c r="AA18" i="4"/>
  <c r="AA20" i="4"/>
  <c r="AA22" i="4"/>
  <c r="AA24" i="4"/>
  <c r="AA26" i="4"/>
  <c r="AA28" i="4"/>
  <c r="AA30" i="4"/>
  <c r="AA8" i="4"/>
  <c r="AA10" i="4"/>
  <c r="AA19" i="4"/>
  <c r="AA23" i="4"/>
  <c r="AA27" i="4"/>
  <c r="AA32" i="4"/>
  <c r="AA34" i="4"/>
  <c r="AA36" i="4"/>
  <c r="AA38" i="4"/>
  <c r="AA40" i="4"/>
  <c r="AA42" i="4"/>
  <c r="AA44" i="4"/>
  <c r="AA46" i="4"/>
  <c r="AA48" i="4"/>
  <c r="AA50" i="4"/>
  <c r="AA52" i="4"/>
  <c r="AA54" i="4"/>
  <c r="AA56" i="4"/>
  <c r="AA58" i="4"/>
  <c r="AA14" i="4"/>
  <c r="AA21" i="4"/>
  <c r="AA29" i="4"/>
  <c r="AA33" i="4"/>
  <c r="AA37" i="4"/>
  <c r="AA41" i="4"/>
  <c r="AA45" i="4"/>
  <c r="AA49" i="4"/>
  <c r="AA53" i="4"/>
  <c r="AA57" i="4"/>
  <c r="AA61" i="4"/>
  <c r="AA63" i="4"/>
  <c r="AA65" i="4"/>
  <c r="AA67" i="4"/>
  <c r="AA69" i="4"/>
  <c r="AA71" i="4"/>
  <c r="AA73" i="4"/>
  <c r="AA75" i="4"/>
  <c r="AA77" i="4"/>
  <c r="AA79" i="4"/>
  <c r="AA81" i="4"/>
  <c r="AA83" i="4"/>
  <c r="AA85" i="4"/>
  <c r="AA87" i="4"/>
  <c r="AA89" i="4"/>
  <c r="AA91" i="4"/>
  <c r="AA93" i="4"/>
  <c r="AA95" i="4"/>
  <c r="AA97" i="4"/>
  <c r="AA99" i="4"/>
  <c r="AA101" i="4"/>
  <c r="AA103" i="4"/>
  <c r="AA105" i="4"/>
  <c r="AA107" i="4"/>
  <c r="AA109" i="4"/>
  <c r="AA111" i="4"/>
  <c r="AA113" i="4"/>
  <c r="AA115" i="4"/>
  <c r="AA17" i="4"/>
  <c r="AA35" i="4"/>
  <c r="AA43" i="4"/>
  <c r="AA51" i="4"/>
  <c r="AA59" i="4"/>
  <c r="AA60" i="4"/>
  <c r="AA64" i="4"/>
  <c r="AA68" i="4"/>
  <c r="AA72" i="4"/>
  <c r="AA76" i="4"/>
  <c r="AA80" i="4"/>
  <c r="AA84" i="4"/>
  <c r="AA88" i="4"/>
  <c r="AA92" i="4"/>
  <c r="AA96" i="4"/>
  <c r="AA100" i="4"/>
  <c r="AA104" i="4"/>
  <c r="AA108" i="4"/>
  <c r="AA112" i="4"/>
  <c r="AA116" i="4"/>
  <c r="AA117" i="4"/>
  <c r="AA119" i="4"/>
  <c r="AA121" i="4"/>
  <c r="AA123" i="4"/>
  <c r="AA125" i="4"/>
  <c r="AA127" i="4"/>
  <c r="AA129" i="4"/>
  <c r="AA131" i="4"/>
  <c r="AA133" i="4"/>
  <c r="AA135" i="4"/>
  <c r="AA137" i="4"/>
  <c r="AA139" i="4"/>
  <c r="AA141" i="4"/>
  <c r="AA143" i="4"/>
  <c r="AA145" i="4"/>
  <c r="AA147" i="4"/>
  <c r="AA149" i="4"/>
  <c r="AA151" i="4"/>
  <c r="AA153" i="4"/>
  <c r="AA155" i="4"/>
  <c r="AA157" i="4"/>
  <c r="AA159" i="4"/>
  <c r="AA161" i="4"/>
  <c r="AA163" i="4"/>
  <c r="AA165" i="4"/>
  <c r="AA167" i="4"/>
  <c r="AA169" i="4"/>
  <c r="AA171" i="4"/>
  <c r="AA173" i="4"/>
  <c r="AA175" i="4"/>
  <c r="AA177" i="4"/>
  <c r="AA179" i="4"/>
  <c r="AA181" i="4"/>
  <c r="AA183" i="4"/>
  <c r="AA185" i="4"/>
  <c r="AA187" i="4"/>
  <c r="AA189" i="4"/>
  <c r="AA191" i="4"/>
  <c r="AA193" i="4"/>
  <c r="AA195" i="4"/>
  <c r="AA197" i="4"/>
  <c r="AA199" i="4"/>
  <c r="AA201" i="4"/>
  <c r="AA203" i="4"/>
  <c r="AA205" i="4"/>
  <c r="AA207" i="4"/>
  <c r="AA209" i="4"/>
  <c r="AA211" i="4"/>
  <c r="AA213" i="4"/>
  <c r="AA215" i="4"/>
  <c r="AA217" i="4"/>
  <c r="AA219" i="4"/>
  <c r="AA221" i="4"/>
  <c r="AA223" i="4"/>
  <c r="AA225" i="4"/>
  <c r="AA227" i="4"/>
  <c r="AA229" i="4"/>
  <c r="AA231" i="4"/>
  <c r="Y2" i="4"/>
  <c r="Y4" i="4"/>
  <c r="Y5" i="4"/>
  <c r="Y7" i="4"/>
  <c r="Y8" i="4"/>
  <c r="Y9" i="4"/>
  <c r="Y11" i="4"/>
  <c r="Y13" i="4"/>
  <c r="Y15" i="4"/>
  <c r="Y3" i="4"/>
  <c r="Y10" i="4"/>
  <c r="Y14" i="4"/>
  <c r="Y16" i="4"/>
  <c r="Y18" i="4"/>
  <c r="Y20" i="4"/>
  <c r="Y22" i="4"/>
  <c r="Y24" i="4"/>
  <c r="Y26" i="4"/>
  <c r="Y28" i="4"/>
  <c r="Y30" i="4"/>
  <c r="Y6" i="4"/>
  <c r="Y17" i="4"/>
  <c r="Y21" i="4"/>
  <c r="Y25" i="4"/>
  <c r="Y29" i="4"/>
  <c r="Y32" i="4"/>
  <c r="Y34" i="4"/>
  <c r="Y36" i="4"/>
  <c r="Y38" i="4"/>
  <c r="Y40" i="4"/>
  <c r="Y42" i="4"/>
  <c r="Y44" i="4"/>
  <c r="Y46" i="4"/>
  <c r="Y48" i="4"/>
  <c r="Y50" i="4"/>
  <c r="Y52" i="4"/>
  <c r="Y54" i="4"/>
  <c r="Y56" i="4"/>
  <c r="Y58" i="4"/>
  <c r="Y12" i="4"/>
  <c r="Y19" i="4"/>
  <c r="Y27" i="4"/>
  <c r="Y31" i="4"/>
  <c r="Y35" i="4"/>
  <c r="Y39" i="4"/>
  <c r="Y43" i="4"/>
  <c r="Y47" i="4"/>
  <c r="Y51" i="4"/>
  <c r="Y55" i="4"/>
  <c r="Y59" i="4"/>
  <c r="Y61" i="4"/>
  <c r="Y63" i="4"/>
  <c r="Y65" i="4"/>
  <c r="Y67" i="4"/>
  <c r="Y69" i="4"/>
  <c r="Y71" i="4"/>
  <c r="Y73" i="4"/>
  <c r="Y75" i="4"/>
  <c r="Y77" i="4"/>
  <c r="Y79" i="4"/>
  <c r="Y81" i="4"/>
  <c r="Y83" i="4"/>
  <c r="Y85" i="4"/>
  <c r="Y87" i="4"/>
  <c r="Y89" i="4"/>
  <c r="Y91" i="4"/>
  <c r="Y93" i="4"/>
  <c r="Y95" i="4"/>
  <c r="Y97" i="4"/>
  <c r="Y99" i="4"/>
  <c r="Y101" i="4"/>
  <c r="Y103" i="4"/>
  <c r="Y105" i="4"/>
  <c r="Y107" i="4"/>
  <c r="Y109" i="4"/>
  <c r="Y111" i="4"/>
  <c r="Y113" i="4"/>
  <c r="Y115" i="4"/>
  <c r="Y33" i="4"/>
  <c r="Y41" i="4"/>
  <c r="Y49" i="4"/>
  <c r="Y57" i="4"/>
  <c r="Y62" i="4"/>
  <c r="Y66" i="4"/>
  <c r="Y70" i="4"/>
  <c r="Y74" i="4"/>
  <c r="Y78" i="4"/>
  <c r="Y82" i="4"/>
  <c r="Y86" i="4"/>
  <c r="Y90" i="4"/>
  <c r="Y94" i="4"/>
  <c r="Y98" i="4"/>
  <c r="Y102" i="4"/>
  <c r="Y106" i="4"/>
  <c r="Y110" i="4"/>
  <c r="Y114" i="4"/>
  <c r="Y117" i="4"/>
  <c r="Y119" i="4"/>
  <c r="Y121" i="4"/>
  <c r="Y123" i="4"/>
  <c r="Y125" i="4"/>
  <c r="Y127" i="4"/>
  <c r="Y129" i="4"/>
  <c r="Y131" i="4"/>
  <c r="Y133" i="4"/>
  <c r="Y135" i="4"/>
  <c r="Y137" i="4"/>
  <c r="Y139" i="4"/>
  <c r="Y141" i="4"/>
  <c r="Y143" i="4"/>
  <c r="Y145" i="4"/>
  <c r="Y147" i="4"/>
  <c r="Y149" i="4"/>
  <c r="Y151" i="4"/>
  <c r="Y153" i="4"/>
  <c r="Y155" i="4"/>
  <c r="Y157" i="4"/>
  <c r="Y159" i="4"/>
  <c r="Y161" i="4"/>
  <c r="Y163" i="4"/>
  <c r="Y165" i="4"/>
  <c r="Y167" i="4"/>
  <c r="Y169" i="4"/>
  <c r="Y171" i="4"/>
  <c r="Y173" i="4"/>
  <c r="Y175" i="4"/>
  <c r="Y177" i="4"/>
  <c r="Y179" i="4"/>
  <c r="Y181" i="4"/>
  <c r="Y183" i="4"/>
  <c r="Y185" i="4"/>
  <c r="Y187" i="4"/>
  <c r="Y189" i="4"/>
  <c r="Y191" i="4"/>
  <c r="Y193" i="4"/>
  <c r="Y195" i="4"/>
  <c r="Y197" i="4"/>
  <c r="Y199" i="4"/>
  <c r="Y201" i="4"/>
  <c r="Y203" i="4"/>
  <c r="Y205" i="4"/>
  <c r="Y207" i="4"/>
  <c r="Y209" i="4"/>
  <c r="Y211" i="4"/>
  <c r="Y213" i="4"/>
  <c r="Y215" i="4"/>
  <c r="Y217" i="4"/>
  <c r="Y219" i="4"/>
  <c r="Y221" i="4"/>
  <c r="Y223" i="4"/>
  <c r="Y225" i="4"/>
  <c r="Y227" i="4"/>
  <c r="Y229" i="4"/>
  <c r="Y231" i="4"/>
  <c r="W2" i="4"/>
  <c r="W4" i="4"/>
  <c r="W3" i="4"/>
  <c r="W7" i="4"/>
  <c r="W5" i="4"/>
  <c r="W6" i="4"/>
  <c r="W9" i="4"/>
  <c r="W11" i="4"/>
  <c r="W13" i="4"/>
  <c r="W15" i="4"/>
  <c r="W8" i="4"/>
  <c r="W12" i="4"/>
  <c r="W16" i="4"/>
  <c r="W18" i="4"/>
  <c r="W20" i="4"/>
  <c r="W22" i="4"/>
  <c r="W24" i="4"/>
  <c r="W26" i="4"/>
  <c r="W28" i="4"/>
  <c r="W30" i="4"/>
  <c r="W14" i="4"/>
  <c r="W19" i="4"/>
  <c r="W23" i="4"/>
  <c r="W27" i="4"/>
  <c r="W32" i="4"/>
  <c r="W34" i="4"/>
  <c r="W36" i="4"/>
  <c r="W38" i="4"/>
  <c r="W40" i="4"/>
  <c r="W42" i="4"/>
  <c r="W44" i="4"/>
  <c r="W46" i="4"/>
  <c r="W48" i="4"/>
  <c r="W50" i="4"/>
  <c r="W52" i="4"/>
  <c r="W54" i="4"/>
  <c r="W56" i="4"/>
  <c r="W58" i="4"/>
  <c r="W10" i="4"/>
  <c r="W17" i="4"/>
  <c r="W25" i="4"/>
  <c r="W33" i="4"/>
  <c r="W37" i="4"/>
  <c r="W41" i="4"/>
  <c r="W45" i="4"/>
  <c r="W49" i="4"/>
  <c r="W53" i="4"/>
  <c r="W57" i="4"/>
  <c r="W61" i="4"/>
  <c r="W63" i="4"/>
  <c r="W65" i="4"/>
  <c r="W67" i="4"/>
  <c r="W69" i="4"/>
  <c r="W71" i="4"/>
  <c r="W73" i="4"/>
  <c r="W75" i="4"/>
  <c r="W77" i="4"/>
  <c r="W79" i="4"/>
  <c r="W81" i="4"/>
  <c r="W83" i="4"/>
  <c r="W85" i="4"/>
  <c r="W87" i="4"/>
  <c r="W89" i="4"/>
  <c r="W91" i="4"/>
  <c r="W93" i="4"/>
  <c r="W95" i="4"/>
  <c r="W97" i="4"/>
  <c r="W99" i="4"/>
  <c r="W101" i="4"/>
  <c r="W103" i="4"/>
  <c r="W105" i="4"/>
  <c r="W107" i="4"/>
  <c r="W109" i="4"/>
  <c r="W111" i="4"/>
  <c r="W113" i="4"/>
  <c r="W115" i="4"/>
  <c r="W29" i="4"/>
  <c r="W31" i="4"/>
  <c r="W39" i="4"/>
  <c r="W47" i="4"/>
  <c r="W55" i="4"/>
  <c r="W60" i="4"/>
  <c r="W64" i="4"/>
  <c r="W68" i="4"/>
  <c r="W72" i="4"/>
  <c r="W76" i="4"/>
  <c r="W80" i="4"/>
  <c r="W84" i="4"/>
  <c r="W88" i="4"/>
  <c r="W92" i="4"/>
  <c r="W96" i="4"/>
  <c r="W100" i="4"/>
  <c r="W104" i="4"/>
  <c r="W108" i="4"/>
  <c r="W112" i="4"/>
  <c r="W116" i="4"/>
  <c r="W117" i="4"/>
  <c r="W119" i="4"/>
  <c r="W121" i="4"/>
  <c r="W123" i="4"/>
  <c r="W125" i="4"/>
  <c r="W127" i="4"/>
  <c r="W129" i="4"/>
  <c r="W131" i="4"/>
  <c r="W133" i="4"/>
  <c r="W135" i="4"/>
  <c r="W137" i="4"/>
  <c r="W139" i="4"/>
  <c r="W141" i="4"/>
  <c r="W143" i="4"/>
  <c r="W145" i="4"/>
  <c r="W147" i="4"/>
  <c r="W149" i="4"/>
  <c r="W151" i="4"/>
  <c r="W153" i="4"/>
  <c r="W155" i="4"/>
  <c r="W157" i="4"/>
  <c r="W159" i="4"/>
  <c r="W161" i="4"/>
  <c r="W163" i="4"/>
  <c r="W165" i="4"/>
  <c r="W167" i="4"/>
  <c r="W169" i="4"/>
  <c r="W171" i="4"/>
  <c r="W173" i="4"/>
  <c r="W175" i="4"/>
  <c r="W177" i="4"/>
  <c r="W179" i="4"/>
  <c r="W181" i="4"/>
  <c r="W183" i="4"/>
  <c r="W185" i="4"/>
  <c r="W187" i="4"/>
  <c r="W189" i="4"/>
  <c r="W191" i="4"/>
  <c r="W193" i="4"/>
  <c r="W195" i="4"/>
  <c r="W197" i="4"/>
  <c r="W199" i="4"/>
  <c r="W201" i="4"/>
  <c r="W203" i="4"/>
  <c r="W205" i="4"/>
  <c r="W207" i="4"/>
  <c r="W209" i="4"/>
  <c r="W211" i="4"/>
  <c r="W213" i="4"/>
  <c r="W215" i="4"/>
  <c r="W217" i="4"/>
  <c r="W219" i="4"/>
  <c r="W221" i="4"/>
  <c r="W223" i="4"/>
  <c r="W225" i="4"/>
  <c r="W227" i="4"/>
  <c r="W229" i="4"/>
  <c r="W231" i="4"/>
  <c r="U2" i="4"/>
  <c r="U4" i="4"/>
  <c r="U5" i="4"/>
  <c r="U7" i="4"/>
  <c r="U3" i="4"/>
  <c r="U8" i="4"/>
  <c r="U9" i="4"/>
  <c r="U11" i="4"/>
  <c r="U13" i="4"/>
  <c r="U15" i="4"/>
  <c r="U6" i="4"/>
  <c r="U10" i="4"/>
  <c r="U14" i="4"/>
  <c r="U16" i="4"/>
  <c r="U18" i="4"/>
  <c r="U20" i="4"/>
  <c r="U22" i="4"/>
  <c r="U24" i="4"/>
  <c r="U26" i="4"/>
  <c r="U28" i="4"/>
  <c r="U30" i="4"/>
  <c r="U12" i="4"/>
  <c r="U17" i="4"/>
  <c r="U21" i="4"/>
  <c r="U25" i="4"/>
  <c r="U29" i="4"/>
  <c r="U32" i="4"/>
  <c r="U34" i="4"/>
  <c r="U36" i="4"/>
  <c r="U38" i="4"/>
  <c r="U40" i="4"/>
  <c r="U42" i="4"/>
  <c r="U44" i="4"/>
  <c r="U46" i="4"/>
  <c r="U48" i="4"/>
  <c r="U50" i="4"/>
  <c r="U52" i="4"/>
  <c r="U54" i="4"/>
  <c r="U56" i="4"/>
  <c r="U58" i="4"/>
  <c r="U23" i="4"/>
  <c r="U31" i="4"/>
  <c r="U35" i="4"/>
  <c r="U39" i="4"/>
  <c r="U43" i="4"/>
  <c r="U47" i="4"/>
  <c r="U51" i="4"/>
  <c r="U55" i="4"/>
  <c r="U59" i="4"/>
  <c r="U61" i="4"/>
  <c r="U63" i="4"/>
  <c r="U65" i="4"/>
  <c r="U67" i="4"/>
  <c r="U69" i="4"/>
  <c r="U71" i="4"/>
  <c r="U73" i="4"/>
  <c r="U75" i="4"/>
  <c r="U77" i="4"/>
  <c r="U79" i="4"/>
  <c r="U81" i="4"/>
  <c r="U83" i="4"/>
  <c r="U85" i="4"/>
  <c r="U87" i="4"/>
  <c r="U89" i="4"/>
  <c r="U91" i="4"/>
  <c r="U93" i="4"/>
  <c r="U95" i="4"/>
  <c r="U97" i="4"/>
  <c r="U99" i="4"/>
  <c r="U101" i="4"/>
  <c r="U103" i="4"/>
  <c r="U105" i="4"/>
  <c r="U107" i="4"/>
  <c r="U109" i="4"/>
  <c r="U111" i="4"/>
  <c r="U113" i="4"/>
  <c r="U115" i="4"/>
  <c r="U27" i="4"/>
  <c r="U37" i="4"/>
  <c r="U45" i="4"/>
  <c r="U53" i="4"/>
  <c r="U62" i="4"/>
  <c r="U66" i="4"/>
  <c r="U70" i="4"/>
  <c r="U74" i="4"/>
  <c r="U78" i="4"/>
  <c r="U82" i="4"/>
  <c r="U86" i="4"/>
  <c r="U90" i="4"/>
  <c r="U94" i="4"/>
  <c r="U98" i="4"/>
  <c r="U102" i="4"/>
  <c r="U106" i="4"/>
  <c r="U110" i="4"/>
  <c r="U114" i="4"/>
  <c r="U117" i="4"/>
  <c r="U119" i="4"/>
  <c r="U121" i="4"/>
  <c r="U123" i="4"/>
  <c r="U125" i="4"/>
  <c r="U127" i="4"/>
  <c r="U129" i="4"/>
  <c r="U131" i="4"/>
  <c r="U133" i="4"/>
  <c r="U135" i="4"/>
  <c r="U137" i="4"/>
  <c r="U139" i="4"/>
  <c r="U141" i="4"/>
  <c r="U143" i="4"/>
  <c r="U145" i="4"/>
  <c r="U147" i="4"/>
  <c r="U149" i="4"/>
  <c r="U151" i="4"/>
  <c r="U153" i="4"/>
  <c r="U155" i="4"/>
  <c r="U157" i="4"/>
  <c r="U159" i="4"/>
  <c r="U161" i="4"/>
  <c r="U163" i="4"/>
  <c r="U165" i="4"/>
  <c r="U167" i="4"/>
  <c r="U169" i="4"/>
  <c r="U171" i="4"/>
  <c r="U173" i="4"/>
  <c r="U175" i="4"/>
  <c r="U177" i="4"/>
  <c r="U179" i="4"/>
  <c r="U181" i="4"/>
  <c r="U183" i="4"/>
  <c r="U185" i="4"/>
  <c r="U187" i="4"/>
  <c r="U189" i="4"/>
  <c r="U191" i="4"/>
  <c r="U193" i="4"/>
  <c r="U195" i="4"/>
  <c r="U197" i="4"/>
  <c r="U199" i="4"/>
  <c r="U201" i="4"/>
  <c r="U203" i="4"/>
  <c r="U205" i="4"/>
  <c r="U207" i="4"/>
  <c r="U209" i="4"/>
  <c r="U211" i="4"/>
  <c r="U213" i="4"/>
  <c r="U215" i="4"/>
  <c r="U217" i="4"/>
  <c r="U219" i="4"/>
  <c r="U221" i="4"/>
  <c r="U223" i="4"/>
  <c r="U225" i="4"/>
  <c r="U227" i="4"/>
  <c r="U229" i="4"/>
  <c r="U231" i="4"/>
  <c r="S2" i="4"/>
  <c r="S4" i="4"/>
  <c r="S3" i="4"/>
  <c r="S7" i="4"/>
  <c r="S6" i="4"/>
  <c r="S9" i="4"/>
  <c r="S11" i="4"/>
  <c r="S13" i="4"/>
  <c r="S15" i="4"/>
  <c r="S12" i="4"/>
  <c r="S16" i="4"/>
  <c r="S18" i="4"/>
  <c r="S20" i="4"/>
  <c r="S22" i="4"/>
  <c r="S24" i="4"/>
  <c r="S26" i="4"/>
  <c r="S28" i="4"/>
  <c r="S30" i="4"/>
  <c r="S10" i="4"/>
  <c r="S19" i="4"/>
  <c r="S23" i="4"/>
  <c r="S27" i="4"/>
  <c r="S32" i="4"/>
  <c r="S34" i="4"/>
  <c r="S36" i="4"/>
  <c r="S38" i="4"/>
  <c r="S40" i="4"/>
  <c r="S42" i="4"/>
  <c r="S44" i="4"/>
  <c r="S46" i="4"/>
  <c r="S48" i="4"/>
  <c r="S50" i="4"/>
  <c r="S52" i="4"/>
  <c r="S54" i="4"/>
  <c r="S56" i="4"/>
  <c r="S58" i="4"/>
  <c r="S5" i="4"/>
  <c r="S21" i="4"/>
  <c r="S29" i="4"/>
  <c r="S33" i="4"/>
  <c r="S37" i="4"/>
  <c r="S41" i="4"/>
  <c r="S45" i="4"/>
  <c r="S49" i="4"/>
  <c r="S53" i="4"/>
  <c r="S57" i="4"/>
  <c r="S61" i="4"/>
  <c r="S63" i="4"/>
  <c r="S65" i="4"/>
  <c r="S67" i="4"/>
  <c r="S69" i="4"/>
  <c r="S71" i="4"/>
  <c r="S73" i="4"/>
  <c r="S75" i="4"/>
  <c r="S77" i="4"/>
  <c r="S79" i="4"/>
  <c r="S81" i="4"/>
  <c r="S83" i="4"/>
  <c r="S85" i="4"/>
  <c r="S87" i="4"/>
  <c r="S89" i="4"/>
  <c r="S91" i="4"/>
  <c r="S93" i="4"/>
  <c r="S95" i="4"/>
  <c r="S97" i="4"/>
  <c r="S99" i="4"/>
  <c r="S101" i="4"/>
  <c r="S103" i="4"/>
  <c r="S105" i="4"/>
  <c r="S107" i="4"/>
  <c r="S109" i="4"/>
  <c r="S111" i="4"/>
  <c r="S113" i="4"/>
  <c r="S115" i="4"/>
  <c r="S8" i="4"/>
  <c r="S25" i="4"/>
  <c r="S35" i="4"/>
  <c r="S43" i="4"/>
  <c r="S51" i="4"/>
  <c r="S59" i="4"/>
  <c r="S60" i="4"/>
  <c r="S64" i="4"/>
  <c r="S68" i="4"/>
  <c r="S72" i="4"/>
  <c r="S76" i="4"/>
  <c r="S80" i="4"/>
  <c r="S84" i="4"/>
  <c r="S88" i="4"/>
  <c r="S92" i="4"/>
  <c r="S96" i="4"/>
  <c r="S100" i="4"/>
  <c r="S104" i="4"/>
  <c r="S108" i="4"/>
  <c r="S112" i="4"/>
  <c r="S116" i="4"/>
  <c r="S117" i="4"/>
  <c r="S119" i="4"/>
  <c r="S121" i="4"/>
  <c r="S123" i="4"/>
  <c r="S125" i="4"/>
  <c r="S127" i="4"/>
  <c r="S129" i="4"/>
  <c r="S131" i="4"/>
  <c r="S133" i="4"/>
  <c r="S135" i="4"/>
  <c r="S137" i="4"/>
  <c r="S139" i="4"/>
  <c r="S141" i="4"/>
  <c r="S143" i="4"/>
  <c r="S145" i="4"/>
  <c r="S147" i="4"/>
  <c r="S149" i="4"/>
  <c r="S151" i="4"/>
  <c r="S153" i="4"/>
  <c r="S155" i="4"/>
  <c r="S157" i="4"/>
  <c r="S159" i="4"/>
  <c r="S161" i="4"/>
  <c r="S163" i="4"/>
  <c r="S165" i="4"/>
  <c r="S167" i="4"/>
  <c r="S169" i="4"/>
  <c r="S171" i="4"/>
  <c r="S173" i="4"/>
  <c r="S175" i="4"/>
  <c r="S177" i="4"/>
  <c r="S179" i="4"/>
  <c r="S181" i="4"/>
  <c r="S183" i="4"/>
  <c r="S185" i="4"/>
  <c r="S187" i="4"/>
  <c r="S189" i="4"/>
  <c r="S191" i="4"/>
  <c r="S193" i="4"/>
  <c r="S195" i="4"/>
  <c r="S197" i="4"/>
  <c r="S199" i="4"/>
  <c r="S201" i="4"/>
  <c r="S203" i="4"/>
  <c r="S205" i="4"/>
  <c r="S207" i="4"/>
  <c r="S209" i="4"/>
  <c r="S211" i="4"/>
  <c r="S213" i="4"/>
  <c r="S215" i="4"/>
  <c r="S217" i="4"/>
  <c r="S219" i="4"/>
  <c r="S221" i="4"/>
  <c r="S223" i="4"/>
  <c r="S225" i="4"/>
  <c r="S227" i="4"/>
  <c r="S229" i="4"/>
  <c r="S231" i="4"/>
  <c r="Q2" i="4"/>
  <c r="Q4" i="4"/>
  <c r="Q5" i="4"/>
  <c r="Q7" i="4"/>
  <c r="Q8" i="4"/>
  <c r="Q9" i="4"/>
  <c r="Q11" i="4"/>
  <c r="Q13" i="4"/>
  <c r="Q15" i="4"/>
  <c r="Q10" i="4"/>
  <c r="Q14" i="4"/>
  <c r="Q16" i="4"/>
  <c r="Q18" i="4"/>
  <c r="Q20" i="4"/>
  <c r="Q22" i="4"/>
  <c r="Q24" i="4"/>
  <c r="Q26" i="4"/>
  <c r="Q28" i="4"/>
  <c r="Q30" i="4"/>
  <c r="Q3" i="4"/>
  <c r="Q17" i="4"/>
  <c r="Q21" i="4"/>
  <c r="Q25" i="4"/>
  <c r="Q29" i="4"/>
  <c r="Q32" i="4"/>
  <c r="Q34" i="4"/>
  <c r="Q36" i="4"/>
  <c r="Q38" i="4"/>
  <c r="Q40" i="4"/>
  <c r="Q42" i="4"/>
  <c r="Q44" i="4"/>
  <c r="Q46" i="4"/>
  <c r="Q48" i="4"/>
  <c r="Q50" i="4"/>
  <c r="Q52" i="4"/>
  <c r="Q54" i="4"/>
  <c r="Q56" i="4"/>
  <c r="Q58" i="4"/>
  <c r="Q6" i="4"/>
  <c r="Q19" i="4"/>
  <c r="Q27" i="4"/>
  <c r="Q31" i="4"/>
  <c r="Q35" i="4"/>
  <c r="Q39" i="4"/>
  <c r="Q43" i="4"/>
  <c r="Q47" i="4"/>
  <c r="Q51" i="4"/>
  <c r="Q55" i="4"/>
  <c r="Q59" i="4"/>
  <c r="Q61" i="4"/>
  <c r="Q63" i="4"/>
  <c r="Q65" i="4"/>
  <c r="Q67" i="4"/>
  <c r="Q69" i="4"/>
  <c r="Q71" i="4"/>
  <c r="Q73" i="4"/>
  <c r="Q75" i="4"/>
  <c r="Q77" i="4"/>
  <c r="Q79" i="4"/>
  <c r="Q81" i="4"/>
  <c r="Q83" i="4"/>
  <c r="Q85" i="4"/>
  <c r="Q87" i="4"/>
  <c r="Q89" i="4"/>
  <c r="Q91" i="4"/>
  <c r="Q93" i="4"/>
  <c r="Q95" i="4"/>
  <c r="Q97" i="4"/>
  <c r="Q99" i="4"/>
  <c r="Q101" i="4"/>
  <c r="Q103" i="4"/>
  <c r="Q105" i="4"/>
  <c r="Q107" i="4"/>
  <c r="Q109" i="4"/>
  <c r="Q111" i="4"/>
  <c r="Q113" i="4"/>
  <c r="Q115" i="4"/>
  <c r="Q12" i="4"/>
  <c r="Q23" i="4"/>
  <c r="Q33" i="4"/>
  <c r="Q41" i="4"/>
  <c r="Q49" i="4"/>
  <c r="Q57" i="4"/>
  <c r="Q62" i="4"/>
  <c r="Q66" i="4"/>
  <c r="Q70" i="4"/>
  <c r="Q74" i="4"/>
  <c r="Q78" i="4"/>
  <c r="Q82" i="4"/>
  <c r="Q86" i="4"/>
  <c r="Q90" i="4"/>
  <c r="Q94" i="4"/>
  <c r="Q98" i="4"/>
  <c r="Q102" i="4"/>
  <c r="Q106" i="4"/>
  <c r="Q110" i="4"/>
  <c r="Q114" i="4"/>
  <c r="Q117" i="4"/>
  <c r="Q119" i="4"/>
  <c r="Q121" i="4"/>
  <c r="Q123" i="4"/>
  <c r="Q125" i="4"/>
  <c r="Q127" i="4"/>
  <c r="Q129" i="4"/>
  <c r="Q131" i="4"/>
  <c r="Q133" i="4"/>
  <c r="Q135" i="4"/>
  <c r="Q137" i="4"/>
  <c r="Q139" i="4"/>
  <c r="Q141" i="4"/>
  <c r="Q143" i="4"/>
  <c r="Q145" i="4"/>
  <c r="Q147" i="4"/>
  <c r="Q149" i="4"/>
  <c r="Q151" i="4"/>
  <c r="Q153" i="4"/>
  <c r="Q155" i="4"/>
  <c r="Q157" i="4"/>
  <c r="Q159" i="4"/>
  <c r="Q161" i="4"/>
  <c r="Q163" i="4"/>
  <c r="Q165" i="4"/>
  <c r="Q167" i="4"/>
  <c r="Q169" i="4"/>
  <c r="Q171" i="4"/>
  <c r="Q173" i="4"/>
  <c r="Q175" i="4"/>
  <c r="Q177" i="4"/>
  <c r="Q179" i="4"/>
  <c r="Q181" i="4"/>
  <c r="Q183" i="4"/>
  <c r="Q185" i="4"/>
  <c r="Q187" i="4"/>
  <c r="Q189" i="4"/>
  <c r="Q191" i="4"/>
  <c r="Q193" i="4"/>
  <c r="Q195" i="4"/>
  <c r="Q197" i="4"/>
  <c r="Q199" i="4"/>
  <c r="Q201" i="4"/>
  <c r="Q203" i="4"/>
  <c r="Q205" i="4"/>
  <c r="Q207" i="4"/>
  <c r="Q209" i="4"/>
  <c r="Q211" i="4"/>
  <c r="Q213" i="4"/>
  <c r="Q215" i="4"/>
  <c r="Q217" i="4"/>
  <c r="Q219" i="4"/>
  <c r="Q221" i="4"/>
  <c r="Q223" i="4"/>
  <c r="Q225" i="4"/>
  <c r="Q227" i="4"/>
  <c r="Q229" i="4"/>
  <c r="Q231" i="4"/>
  <c r="O2" i="4"/>
  <c r="O4" i="4"/>
  <c r="O3" i="4"/>
  <c r="O7" i="4"/>
  <c r="O5" i="4"/>
  <c r="O6" i="4"/>
  <c r="O9" i="4"/>
  <c r="O11" i="4"/>
  <c r="O13" i="4"/>
  <c r="O15" i="4"/>
  <c r="O8" i="4"/>
  <c r="O12" i="4"/>
  <c r="O16" i="4"/>
  <c r="O18" i="4"/>
  <c r="O20" i="4"/>
  <c r="O22" i="4"/>
  <c r="O24" i="4"/>
  <c r="O26" i="4"/>
  <c r="O28" i="4"/>
  <c r="O30" i="4"/>
  <c r="O14" i="4"/>
  <c r="O19" i="4"/>
  <c r="O23" i="4"/>
  <c r="O27" i="4"/>
  <c r="O32" i="4"/>
  <c r="O34" i="4"/>
  <c r="O36" i="4"/>
  <c r="O38" i="4"/>
  <c r="O40" i="4"/>
  <c r="O42" i="4"/>
  <c r="O44" i="4"/>
  <c r="O46" i="4"/>
  <c r="O48" i="4"/>
  <c r="O50" i="4"/>
  <c r="O52" i="4"/>
  <c r="O54" i="4"/>
  <c r="O56" i="4"/>
  <c r="O58" i="4"/>
  <c r="O17" i="4"/>
  <c r="O25" i="4"/>
  <c r="O33" i="4"/>
  <c r="O37" i="4"/>
  <c r="O41" i="4"/>
  <c r="O45" i="4"/>
  <c r="O49" i="4"/>
  <c r="O53" i="4"/>
  <c r="O57" i="4"/>
  <c r="O61" i="4"/>
  <c r="O63" i="4"/>
  <c r="O65" i="4"/>
  <c r="O67" i="4"/>
  <c r="O69" i="4"/>
  <c r="O71" i="4"/>
  <c r="O73" i="4"/>
  <c r="O75" i="4"/>
  <c r="O77" i="4"/>
  <c r="O79" i="4"/>
  <c r="O81" i="4"/>
  <c r="O83" i="4"/>
  <c r="O85" i="4"/>
  <c r="O87" i="4"/>
  <c r="O89" i="4"/>
  <c r="O91" i="4"/>
  <c r="O93" i="4"/>
  <c r="O95" i="4"/>
  <c r="O97" i="4"/>
  <c r="O99" i="4"/>
  <c r="O101" i="4"/>
  <c r="O103" i="4"/>
  <c r="O105" i="4"/>
  <c r="O107" i="4"/>
  <c r="O109" i="4"/>
  <c r="O111" i="4"/>
  <c r="O113" i="4"/>
  <c r="O115" i="4"/>
  <c r="O21" i="4"/>
  <c r="O31" i="4"/>
  <c r="O39" i="4"/>
  <c r="O47" i="4"/>
  <c r="O55" i="4"/>
  <c r="O60" i="4"/>
  <c r="O64" i="4"/>
  <c r="O68" i="4"/>
  <c r="O72" i="4"/>
  <c r="O76" i="4"/>
  <c r="O80" i="4"/>
  <c r="O84" i="4"/>
  <c r="O88" i="4"/>
  <c r="O92" i="4"/>
  <c r="O96" i="4"/>
  <c r="O100" i="4"/>
  <c r="O104" i="4"/>
  <c r="O108" i="4"/>
  <c r="O112" i="4"/>
  <c r="O116" i="4"/>
  <c r="O117" i="4"/>
  <c r="O119" i="4"/>
  <c r="O121" i="4"/>
  <c r="O123" i="4"/>
  <c r="O125" i="4"/>
  <c r="O127" i="4"/>
  <c r="O129" i="4"/>
  <c r="O131" i="4"/>
  <c r="O133" i="4"/>
  <c r="O135" i="4"/>
  <c r="O137" i="4"/>
  <c r="O139" i="4"/>
  <c r="O141" i="4"/>
  <c r="O143" i="4"/>
  <c r="O145" i="4"/>
  <c r="O147" i="4"/>
  <c r="O149" i="4"/>
  <c r="O151" i="4"/>
  <c r="O153" i="4"/>
  <c r="O155" i="4"/>
  <c r="O157" i="4"/>
  <c r="O159" i="4"/>
  <c r="O161" i="4"/>
  <c r="O163" i="4"/>
  <c r="O165" i="4"/>
  <c r="O167" i="4"/>
  <c r="O169" i="4"/>
  <c r="O171" i="4"/>
  <c r="O173" i="4"/>
  <c r="O175" i="4"/>
  <c r="O177" i="4"/>
  <c r="O179" i="4"/>
  <c r="O181" i="4"/>
  <c r="O183" i="4"/>
  <c r="O185" i="4"/>
  <c r="O187" i="4"/>
  <c r="O189" i="4"/>
  <c r="O191" i="4"/>
  <c r="O193" i="4"/>
  <c r="O195" i="4"/>
  <c r="O197" i="4"/>
  <c r="O199" i="4"/>
  <c r="O201" i="4"/>
  <c r="O203" i="4"/>
  <c r="O205" i="4"/>
  <c r="O207" i="4"/>
  <c r="O209" i="4"/>
  <c r="O211" i="4"/>
  <c r="O213" i="4"/>
  <c r="O215" i="4"/>
  <c r="O217" i="4"/>
  <c r="O219" i="4"/>
  <c r="O221" i="4"/>
  <c r="O223" i="4"/>
  <c r="O225" i="4"/>
  <c r="O227" i="4"/>
  <c r="O229" i="4"/>
  <c r="O231" i="4"/>
  <c r="M2" i="4"/>
  <c r="M4" i="4"/>
  <c r="M5" i="4"/>
  <c r="M7" i="4"/>
  <c r="M3" i="4"/>
  <c r="M8" i="4"/>
  <c r="M9" i="4"/>
  <c r="M11" i="4"/>
  <c r="M13" i="4"/>
  <c r="M15" i="4"/>
  <c r="M6" i="4"/>
  <c r="M10" i="4"/>
  <c r="M14" i="4"/>
  <c r="M18" i="4"/>
  <c r="M20" i="4"/>
  <c r="M22" i="4"/>
  <c r="M24" i="4"/>
  <c r="M26" i="4"/>
  <c r="M28" i="4"/>
  <c r="M30" i="4"/>
  <c r="M12" i="4"/>
  <c r="M17" i="4"/>
  <c r="M21" i="4"/>
  <c r="M25" i="4"/>
  <c r="M29" i="4"/>
  <c r="M32" i="4"/>
  <c r="M34" i="4"/>
  <c r="M36" i="4"/>
  <c r="M38" i="4"/>
  <c r="M40" i="4"/>
  <c r="M42" i="4"/>
  <c r="M44" i="4"/>
  <c r="M46" i="4"/>
  <c r="M48" i="4"/>
  <c r="M50" i="4"/>
  <c r="M52" i="4"/>
  <c r="M54" i="4"/>
  <c r="M56" i="4"/>
  <c r="M58" i="4"/>
  <c r="M16" i="4"/>
  <c r="M23" i="4"/>
  <c r="M31" i="4"/>
  <c r="M35" i="4"/>
  <c r="M39" i="4"/>
  <c r="M43" i="4"/>
  <c r="M47" i="4"/>
  <c r="M51" i="4"/>
  <c r="M55" i="4"/>
  <c r="M59" i="4"/>
  <c r="M61" i="4"/>
  <c r="M63" i="4"/>
  <c r="M65" i="4"/>
  <c r="M67" i="4"/>
  <c r="M69" i="4"/>
  <c r="M71" i="4"/>
  <c r="M73" i="4"/>
  <c r="M75" i="4"/>
  <c r="M77" i="4"/>
  <c r="M79" i="4"/>
  <c r="M81" i="4"/>
  <c r="M83" i="4"/>
  <c r="M85" i="4"/>
  <c r="M87" i="4"/>
  <c r="M89" i="4"/>
  <c r="M91" i="4"/>
  <c r="M93" i="4"/>
  <c r="M95" i="4"/>
  <c r="M97" i="4"/>
  <c r="M99" i="4"/>
  <c r="M101" i="4"/>
  <c r="M103" i="4"/>
  <c r="M105" i="4"/>
  <c r="M107" i="4"/>
  <c r="M109" i="4"/>
  <c r="M111" i="4"/>
  <c r="M113" i="4"/>
  <c r="M115" i="4"/>
  <c r="M19" i="4"/>
  <c r="M37" i="4"/>
  <c r="M45" i="4"/>
  <c r="M53" i="4"/>
  <c r="M62" i="4"/>
  <c r="M66" i="4"/>
  <c r="M70" i="4"/>
  <c r="M74" i="4"/>
  <c r="M78" i="4"/>
  <c r="M82" i="4"/>
  <c r="M86" i="4"/>
  <c r="M90" i="4"/>
  <c r="M94" i="4"/>
  <c r="M98" i="4"/>
  <c r="M102" i="4"/>
  <c r="M106" i="4"/>
  <c r="M110" i="4"/>
  <c r="M114" i="4"/>
  <c r="M117" i="4"/>
  <c r="M119" i="4"/>
  <c r="M121" i="4"/>
  <c r="M123" i="4"/>
  <c r="M125" i="4"/>
  <c r="M127" i="4"/>
  <c r="M129" i="4"/>
  <c r="M131" i="4"/>
  <c r="M133" i="4"/>
  <c r="M135" i="4"/>
  <c r="M137" i="4"/>
  <c r="M139" i="4"/>
  <c r="M141" i="4"/>
  <c r="M143" i="4"/>
  <c r="M145" i="4"/>
  <c r="M147" i="4"/>
  <c r="M149" i="4"/>
  <c r="M151" i="4"/>
  <c r="M153" i="4"/>
  <c r="M155" i="4"/>
  <c r="M157" i="4"/>
  <c r="M159" i="4"/>
  <c r="M161" i="4"/>
  <c r="M163" i="4"/>
  <c r="M165" i="4"/>
  <c r="M167" i="4"/>
  <c r="M169" i="4"/>
  <c r="M171" i="4"/>
  <c r="M173" i="4"/>
  <c r="M175" i="4"/>
  <c r="M177" i="4"/>
  <c r="M179" i="4"/>
  <c r="M181" i="4"/>
  <c r="M183" i="4"/>
  <c r="M185" i="4"/>
  <c r="M187" i="4"/>
  <c r="M189" i="4"/>
  <c r="M191" i="4"/>
  <c r="M193" i="4"/>
  <c r="M195" i="4"/>
  <c r="M197" i="4"/>
  <c r="M199" i="4"/>
  <c r="M201" i="4"/>
  <c r="M203" i="4"/>
  <c r="M205" i="4"/>
  <c r="M207" i="4"/>
  <c r="M209" i="4"/>
  <c r="M211" i="4"/>
  <c r="M213" i="4"/>
  <c r="M215" i="4"/>
  <c r="M217" i="4"/>
  <c r="M219" i="4"/>
  <c r="M221" i="4"/>
  <c r="M223" i="4"/>
  <c r="M225" i="4"/>
  <c r="M227" i="4"/>
  <c r="M229" i="4"/>
  <c r="M231" i="4"/>
  <c r="K2" i="4"/>
  <c r="K4" i="4"/>
  <c r="K3" i="4"/>
  <c r="K7" i="4"/>
  <c r="K6" i="4"/>
  <c r="K9" i="4"/>
  <c r="K11" i="4"/>
  <c r="K13" i="4"/>
  <c r="K15" i="4"/>
  <c r="K5" i="4"/>
  <c r="K12" i="4"/>
  <c r="K16" i="4"/>
  <c r="K18" i="4"/>
  <c r="K20" i="4"/>
  <c r="K22" i="4"/>
  <c r="K24" i="4"/>
  <c r="K26" i="4"/>
  <c r="K28" i="4"/>
  <c r="K30" i="4"/>
  <c r="K8" i="4"/>
  <c r="K10" i="4"/>
  <c r="K19" i="4"/>
  <c r="K23" i="4"/>
  <c r="K27" i="4"/>
  <c r="K32" i="4"/>
  <c r="K34" i="4"/>
  <c r="K36" i="4"/>
  <c r="K38" i="4"/>
  <c r="K40" i="4"/>
  <c r="K42" i="4"/>
  <c r="K44" i="4"/>
  <c r="K46" i="4"/>
  <c r="K48" i="4"/>
  <c r="K50" i="4"/>
  <c r="K52" i="4"/>
  <c r="K54" i="4"/>
  <c r="K56" i="4"/>
  <c r="K58" i="4"/>
  <c r="K14" i="4"/>
  <c r="K21" i="4"/>
  <c r="K29" i="4"/>
  <c r="K33" i="4"/>
  <c r="K37" i="4"/>
  <c r="K41" i="4"/>
  <c r="K45" i="4"/>
  <c r="K49" i="4"/>
  <c r="K53" i="4"/>
  <c r="K57" i="4"/>
  <c r="K61" i="4"/>
  <c r="K63" i="4"/>
  <c r="K65" i="4"/>
  <c r="K67" i="4"/>
  <c r="K69" i="4"/>
  <c r="K71" i="4"/>
  <c r="K73" i="4"/>
  <c r="K75" i="4"/>
  <c r="K77" i="4"/>
  <c r="K79" i="4"/>
  <c r="K81" i="4"/>
  <c r="K83" i="4"/>
  <c r="K85" i="4"/>
  <c r="K87" i="4"/>
  <c r="K89" i="4"/>
  <c r="K91" i="4"/>
  <c r="K93" i="4"/>
  <c r="K95" i="4"/>
  <c r="K97" i="4"/>
  <c r="K99" i="4"/>
  <c r="K101" i="4"/>
  <c r="K103" i="4"/>
  <c r="K105" i="4"/>
  <c r="K107" i="4"/>
  <c r="K109" i="4"/>
  <c r="K111" i="4"/>
  <c r="K113" i="4"/>
  <c r="K115" i="4"/>
  <c r="K17" i="4"/>
  <c r="K35" i="4"/>
  <c r="K43" i="4"/>
  <c r="K51" i="4"/>
  <c r="K59" i="4"/>
  <c r="K60" i="4"/>
  <c r="K64" i="4"/>
  <c r="K68" i="4"/>
  <c r="K72" i="4"/>
  <c r="K76" i="4"/>
  <c r="K80" i="4"/>
  <c r="K84" i="4"/>
  <c r="K88" i="4"/>
  <c r="K92" i="4"/>
  <c r="K96" i="4"/>
  <c r="K100" i="4"/>
  <c r="K104" i="4"/>
  <c r="K108" i="4"/>
  <c r="K112" i="4"/>
  <c r="K116" i="4"/>
  <c r="K117" i="4"/>
  <c r="K119" i="4"/>
  <c r="K121" i="4"/>
  <c r="K123" i="4"/>
  <c r="K125" i="4"/>
  <c r="K127" i="4"/>
  <c r="K129" i="4"/>
  <c r="K131" i="4"/>
  <c r="K133" i="4"/>
  <c r="K135" i="4"/>
  <c r="K137" i="4"/>
  <c r="K139" i="4"/>
  <c r="K141" i="4"/>
  <c r="K143" i="4"/>
  <c r="K145" i="4"/>
  <c r="K147" i="4"/>
  <c r="K149" i="4"/>
  <c r="K151" i="4"/>
  <c r="K153" i="4"/>
  <c r="K155" i="4"/>
  <c r="K157" i="4"/>
  <c r="K159" i="4"/>
  <c r="K161" i="4"/>
  <c r="K163" i="4"/>
  <c r="K165" i="4"/>
  <c r="K167" i="4"/>
  <c r="K169" i="4"/>
  <c r="K171" i="4"/>
  <c r="K173" i="4"/>
  <c r="K175" i="4"/>
  <c r="K177" i="4"/>
  <c r="K179" i="4"/>
  <c r="K181" i="4"/>
  <c r="K183" i="4"/>
  <c r="K185" i="4"/>
  <c r="K187" i="4"/>
  <c r="K189" i="4"/>
  <c r="K191" i="4"/>
  <c r="K193" i="4"/>
  <c r="K195" i="4"/>
  <c r="K197" i="4"/>
  <c r="K199" i="4"/>
  <c r="K201" i="4"/>
  <c r="K203" i="4"/>
  <c r="K205" i="4"/>
  <c r="K207" i="4"/>
  <c r="K209" i="4"/>
  <c r="K211" i="4"/>
  <c r="K213" i="4"/>
  <c r="K215" i="4"/>
  <c r="K217" i="4"/>
  <c r="K219" i="4"/>
  <c r="K221" i="4"/>
  <c r="K223" i="4"/>
  <c r="K225" i="4"/>
  <c r="K227" i="4"/>
  <c r="K229" i="4"/>
  <c r="K231" i="4"/>
  <c r="BJ3" i="4"/>
  <c r="BJ6" i="4"/>
  <c r="BJ8" i="4"/>
  <c r="BJ4" i="4"/>
  <c r="BJ5" i="4"/>
  <c r="BJ10" i="4"/>
  <c r="BJ12" i="4"/>
  <c r="BJ14" i="4"/>
  <c r="BJ7" i="4"/>
  <c r="BJ11" i="4"/>
  <c r="BJ15" i="4"/>
  <c r="BJ17" i="4"/>
  <c r="BJ19" i="4"/>
  <c r="BJ21" i="4"/>
  <c r="BJ23" i="4"/>
  <c r="BJ25" i="4"/>
  <c r="BJ27" i="4"/>
  <c r="BJ29" i="4"/>
  <c r="BJ13" i="4"/>
  <c r="BJ18" i="4"/>
  <c r="BJ22" i="4"/>
  <c r="BJ26" i="4"/>
  <c r="BJ31" i="4"/>
  <c r="BJ33" i="4"/>
  <c r="BJ35" i="4"/>
  <c r="BJ37" i="4"/>
  <c r="BJ39" i="4"/>
  <c r="BJ41" i="4"/>
  <c r="BJ43" i="4"/>
  <c r="BJ45" i="4"/>
  <c r="BJ47" i="4"/>
  <c r="BJ49" i="4"/>
  <c r="BJ51" i="4"/>
  <c r="BJ53" i="4"/>
  <c r="BJ55" i="4"/>
  <c r="BJ57" i="4"/>
  <c r="BJ9" i="4"/>
  <c r="BJ16" i="4"/>
  <c r="BJ24" i="4"/>
  <c r="BJ32" i="4"/>
  <c r="BJ36" i="4"/>
  <c r="BJ40" i="4"/>
  <c r="BJ44" i="4"/>
  <c r="BJ48" i="4"/>
  <c r="BJ52" i="4"/>
  <c r="BJ56" i="4"/>
  <c r="BJ60" i="4"/>
  <c r="BJ62" i="4"/>
  <c r="BJ64" i="4"/>
  <c r="BJ66" i="4"/>
  <c r="BJ68" i="4"/>
  <c r="BJ70" i="4"/>
  <c r="BJ72" i="4"/>
  <c r="BJ74" i="4"/>
  <c r="BJ76" i="4"/>
  <c r="BJ78" i="4"/>
  <c r="BJ80" i="4"/>
  <c r="BJ82" i="4"/>
  <c r="BJ84" i="4"/>
  <c r="BJ86" i="4"/>
  <c r="BJ88" i="4"/>
  <c r="BJ90" i="4"/>
  <c r="BJ92" i="4"/>
  <c r="BJ94" i="4"/>
  <c r="BJ96" i="4"/>
  <c r="BJ98" i="4"/>
  <c r="BJ100" i="4"/>
  <c r="BJ102" i="4"/>
  <c r="BJ104" i="4"/>
  <c r="BJ106" i="4"/>
  <c r="BJ108" i="4"/>
  <c r="BJ110" i="4"/>
  <c r="BJ112" i="4"/>
  <c r="BJ114" i="4"/>
  <c r="BJ116" i="4"/>
  <c r="BJ28" i="4"/>
  <c r="BJ30" i="4"/>
  <c r="BJ38" i="4"/>
  <c r="BJ46" i="4"/>
  <c r="BJ54" i="4"/>
  <c r="BJ59" i="4"/>
  <c r="BJ63" i="4"/>
  <c r="BJ67" i="4"/>
  <c r="BJ71" i="4"/>
  <c r="BJ75" i="4"/>
  <c r="BJ79" i="4"/>
  <c r="BJ83" i="4"/>
  <c r="BJ87" i="4"/>
  <c r="BJ91" i="4"/>
  <c r="BJ95" i="4"/>
  <c r="BJ99" i="4"/>
  <c r="BJ103" i="4"/>
  <c r="BJ107" i="4"/>
  <c r="BJ111" i="4"/>
  <c r="BJ115" i="4"/>
  <c r="BJ118" i="4"/>
  <c r="BJ120" i="4"/>
  <c r="BJ122" i="4"/>
  <c r="BJ124" i="4"/>
  <c r="BJ126" i="4"/>
  <c r="BJ128" i="4"/>
  <c r="BJ130" i="4"/>
  <c r="BJ132" i="4"/>
  <c r="BJ134" i="4"/>
  <c r="BJ136" i="4"/>
  <c r="BJ138" i="4"/>
  <c r="BJ140" i="4"/>
  <c r="BJ142" i="4"/>
  <c r="BJ144" i="4"/>
  <c r="BJ146" i="4"/>
  <c r="BJ148" i="4"/>
  <c r="BJ150" i="4"/>
  <c r="BJ152" i="4"/>
  <c r="BJ154" i="4"/>
  <c r="BJ156" i="4"/>
  <c r="BJ158" i="4"/>
  <c r="BJ160" i="4"/>
  <c r="BJ162" i="4"/>
  <c r="BJ164" i="4"/>
  <c r="BJ166" i="4"/>
  <c r="BJ168" i="4"/>
  <c r="BJ170" i="4"/>
  <c r="BJ172" i="4"/>
  <c r="BJ174" i="4"/>
  <c r="BJ176" i="4"/>
  <c r="BJ178" i="4"/>
  <c r="BJ180" i="4"/>
  <c r="BJ182" i="4"/>
  <c r="BJ184" i="4"/>
  <c r="BJ186" i="4"/>
  <c r="BJ188" i="4"/>
  <c r="BJ190" i="4"/>
  <c r="BJ192" i="4"/>
  <c r="BJ194" i="4"/>
  <c r="BJ196" i="4"/>
  <c r="BJ198" i="4"/>
  <c r="BJ200" i="4"/>
  <c r="BJ202" i="4"/>
  <c r="BJ204" i="4"/>
  <c r="BJ206" i="4"/>
  <c r="BJ208" i="4"/>
  <c r="BJ210" i="4"/>
  <c r="BJ212" i="4"/>
  <c r="BJ214" i="4"/>
  <c r="BJ216" i="4"/>
  <c r="BJ218" i="4"/>
  <c r="BJ220" i="4"/>
  <c r="BJ222" i="4"/>
  <c r="BJ224" i="4"/>
  <c r="BJ226" i="4"/>
  <c r="BJ228" i="4"/>
  <c r="BJ230" i="4"/>
  <c r="BH3" i="4"/>
  <c r="BH4" i="4"/>
  <c r="BH6" i="4"/>
  <c r="BH8" i="4"/>
  <c r="BH7" i="4"/>
  <c r="BH10" i="4"/>
  <c r="BH12" i="4"/>
  <c r="BH14" i="4"/>
  <c r="BH5" i="4"/>
  <c r="BH9" i="4"/>
  <c r="BH13" i="4"/>
  <c r="BH17" i="4"/>
  <c r="BH19" i="4"/>
  <c r="BH21" i="4"/>
  <c r="BH23" i="4"/>
  <c r="BH25" i="4"/>
  <c r="BH27" i="4"/>
  <c r="BH29" i="4"/>
  <c r="BH11" i="4"/>
  <c r="BH16" i="4"/>
  <c r="BH20" i="4"/>
  <c r="BH24" i="4"/>
  <c r="BH28" i="4"/>
  <c r="BH31" i="4"/>
  <c r="BH33" i="4"/>
  <c r="BH35" i="4"/>
  <c r="BH37" i="4"/>
  <c r="BH39" i="4"/>
  <c r="BH41" i="4"/>
  <c r="BH43" i="4"/>
  <c r="BH45" i="4"/>
  <c r="BH47" i="4"/>
  <c r="BH49" i="4"/>
  <c r="BH51" i="4"/>
  <c r="BH53" i="4"/>
  <c r="BH55" i="4"/>
  <c r="BH57" i="4"/>
  <c r="BH22" i="4"/>
  <c r="BH30" i="4"/>
  <c r="BH34" i="4"/>
  <c r="BH38" i="4"/>
  <c r="BH42" i="4"/>
  <c r="BH46" i="4"/>
  <c r="BH50" i="4"/>
  <c r="BH54" i="4"/>
  <c r="BH58" i="4"/>
  <c r="BH60" i="4"/>
  <c r="BH62" i="4"/>
  <c r="BH64" i="4"/>
  <c r="BH66" i="4"/>
  <c r="BH68" i="4"/>
  <c r="BH70" i="4"/>
  <c r="BH72" i="4"/>
  <c r="BH74" i="4"/>
  <c r="BH76" i="4"/>
  <c r="BH78" i="4"/>
  <c r="BH80" i="4"/>
  <c r="BH82" i="4"/>
  <c r="BH84" i="4"/>
  <c r="BH86" i="4"/>
  <c r="BH88" i="4"/>
  <c r="BH90" i="4"/>
  <c r="BH92" i="4"/>
  <c r="BH94" i="4"/>
  <c r="BH96" i="4"/>
  <c r="BH98" i="4"/>
  <c r="BH100" i="4"/>
  <c r="BH102" i="4"/>
  <c r="BH104" i="4"/>
  <c r="BH106" i="4"/>
  <c r="BH108" i="4"/>
  <c r="BH110" i="4"/>
  <c r="BH112" i="4"/>
  <c r="BH114" i="4"/>
  <c r="BH116" i="4"/>
  <c r="BH15" i="4"/>
  <c r="BH26" i="4"/>
  <c r="BH36" i="4"/>
  <c r="BH44" i="4"/>
  <c r="BH52" i="4"/>
  <c r="BH61" i="4"/>
  <c r="BH65" i="4"/>
  <c r="BH69" i="4"/>
  <c r="BH73" i="4"/>
  <c r="BH77" i="4"/>
  <c r="BH81" i="4"/>
  <c r="BH85" i="4"/>
  <c r="BH89" i="4"/>
  <c r="BH93" i="4"/>
  <c r="BH97" i="4"/>
  <c r="BH101" i="4"/>
  <c r="BH105" i="4"/>
  <c r="BH109" i="4"/>
  <c r="BH113" i="4"/>
  <c r="BH118" i="4"/>
  <c r="BH120" i="4"/>
  <c r="BH122" i="4"/>
  <c r="BH124" i="4"/>
  <c r="BH126" i="4"/>
  <c r="BH128" i="4"/>
  <c r="BH130" i="4"/>
  <c r="BH132" i="4"/>
  <c r="BH134" i="4"/>
  <c r="BH136" i="4"/>
  <c r="BH138" i="4"/>
  <c r="BH140" i="4"/>
  <c r="BH142" i="4"/>
  <c r="BH144" i="4"/>
  <c r="BH146" i="4"/>
  <c r="BH148" i="4"/>
  <c r="BH150" i="4"/>
  <c r="BH152" i="4"/>
  <c r="BH154" i="4"/>
  <c r="BH156" i="4"/>
  <c r="BH158" i="4"/>
  <c r="BH160" i="4"/>
  <c r="BH162" i="4"/>
  <c r="BH164" i="4"/>
  <c r="BH166" i="4"/>
  <c r="BH168" i="4"/>
  <c r="BH170" i="4"/>
  <c r="BH172" i="4"/>
  <c r="BH174" i="4"/>
  <c r="BH176" i="4"/>
  <c r="BH178" i="4"/>
  <c r="BH180" i="4"/>
  <c r="BH182" i="4"/>
  <c r="BH184" i="4"/>
  <c r="BH186" i="4"/>
  <c r="BH188" i="4"/>
  <c r="BH190" i="4"/>
  <c r="BH192" i="4"/>
  <c r="BH194" i="4"/>
  <c r="BH196" i="4"/>
  <c r="BH198" i="4"/>
  <c r="BH200" i="4"/>
  <c r="BH202" i="4"/>
  <c r="BH204" i="4"/>
  <c r="BH206" i="4"/>
  <c r="BH208" i="4"/>
  <c r="BH210" i="4"/>
  <c r="BH212" i="4"/>
  <c r="BH214" i="4"/>
  <c r="BH216" i="4"/>
  <c r="BH218" i="4"/>
  <c r="BH220" i="4"/>
  <c r="BH222" i="4"/>
  <c r="BH224" i="4"/>
  <c r="BH226" i="4"/>
  <c r="BH228" i="4"/>
  <c r="BH230" i="4"/>
  <c r="BF3" i="4"/>
  <c r="BF6" i="4"/>
  <c r="BF8" i="4"/>
  <c r="BF5" i="4"/>
  <c r="BF10" i="4"/>
  <c r="BF12" i="4"/>
  <c r="BF14" i="4"/>
  <c r="BF11" i="4"/>
  <c r="BF15" i="4"/>
  <c r="BF17" i="4"/>
  <c r="BF19" i="4"/>
  <c r="BF21" i="4"/>
  <c r="BF23" i="4"/>
  <c r="BF25" i="4"/>
  <c r="BF27" i="4"/>
  <c r="BF29" i="4"/>
  <c r="BF9" i="4"/>
  <c r="BF18" i="4"/>
  <c r="BF22" i="4"/>
  <c r="BF26" i="4"/>
  <c r="BF31" i="4"/>
  <c r="BF33" i="4"/>
  <c r="BF35" i="4"/>
  <c r="BF37" i="4"/>
  <c r="BF39" i="4"/>
  <c r="BF41" i="4"/>
  <c r="BF43" i="4"/>
  <c r="BF45" i="4"/>
  <c r="BF47" i="4"/>
  <c r="BF49" i="4"/>
  <c r="BF51" i="4"/>
  <c r="BF53" i="4"/>
  <c r="BF55" i="4"/>
  <c r="BF57" i="4"/>
  <c r="BF20" i="4"/>
  <c r="BF28" i="4"/>
  <c r="BF32" i="4"/>
  <c r="BF36" i="4"/>
  <c r="BF40" i="4"/>
  <c r="BF44" i="4"/>
  <c r="BF48" i="4"/>
  <c r="BF52" i="4"/>
  <c r="BF56" i="4"/>
  <c r="BF60" i="4"/>
  <c r="BF62" i="4"/>
  <c r="BF64" i="4"/>
  <c r="BF66" i="4"/>
  <c r="BF68" i="4"/>
  <c r="BF70" i="4"/>
  <c r="BF72" i="4"/>
  <c r="BF74" i="4"/>
  <c r="BF76" i="4"/>
  <c r="BF78" i="4"/>
  <c r="BF80" i="4"/>
  <c r="BF82" i="4"/>
  <c r="BF84" i="4"/>
  <c r="BF86" i="4"/>
  <c r="BF88" i="4"/>
  <c r="BF90" i="4"/>
  <c r="BF92" i="4"/>
  <c r="BF94" i="4"/>
  <c r="BF96" i="4"/>
  <c r="BF98" i="4"/>
  <c r="BF100" i="4"/>
  <c r="BF102" i="4"/>
  <c r="BF104" i="4"/>
  <c r="BF106" i="4"/>
  <c r="BF108" i="4"/>
  <c r="BF110" i="4"/>
  <c r="BF112" i="4"/>
  <c r="BF114" i="4"/>
  <c r="BF116" i="4"/>
  <c r="BF24" i="4"/>
  <c r="BF34" i="4"/>
  <c r="BF42" i="4"/>
  <c r="BF50" i="4"/>
  <c r="BF58" i="4"/>
  <c r="BF59" i="4"/>
  <c r="BF63" i="4"/>
  <c r="BF67" i="4"/>
  <c r="BF71" i="4"/>
  <c r="BF75" i="4"/>
  <c r="BF79" i="4"/>
  <c r="BF83" i="4"/>
  <c r="BF87" i="4"/>
  <c r="BF91" i="4"/>
  <c r="BF95" i="4"/>
  <c r="BF99" i="4"/>
  <c r="BF103" i="4"/>
  <c r="BF107" i="4"/>
  <c r="BF111" i="4"/>
  <c r="BF115" i="4"/>
  <c r="BF118" i="4"/>
  <c r="BF120" i="4"/>
  <c r="BF122" i="4"/>
  <c r="BF124" i="4"/>
  <c r="BF126" i="4"/>
  <c r="BF128" i="4"/>
  <c r="BF130" i="4"/>
  <c r="BF132" i="4"/>
  <c r="BF134" i="4"/>
  <c r="BF136" i="4"/>
  <c r="BF138" i="4"/>
  <c r="BF140" i="4"/>
  <c r="BF142" i="4"/>
  <c r="BF144" i="4"/>
  <c r="BF146" i="4"/>
  <c r="BF148" i="4"/>
  <c r="BF150" i="4"/>
  <c r="BF152" i="4"/>
  <c r="BF154" i="4"/>
  <c r="BF156" i="4"/>
  <c r="BF158" i="4"/>
  <c r="BF160" i="4"/>
  <c r="BF162" i="4"/>
  <c r="BF164" i="4"/>
  <c r="BF166" i="4"/>
  <c r="BF168" i="4"/>
  <c r="BF170" i="4"/>
  <c r="BF172" i="4"/>
  <c r="BF174" i="4"/>
  <c r="BF176" i="4"/>
  <c r="BF178" i="4"/>
  <c r="BF180" i="4"/>
  <c r="BF182" i="4"/>
  <c r="BF184" i="4"/>
  <c r="BF186" i="4"/>
  <c r="BF188" i="4"/>
  <c r="BF190" i="4"/>
  <c r="BF192" i="4"/>
  <c r="BF194" i="4"/>
  <c r="BF196" i="4"/>
  <c r="BF198" i="4"/>
  <c r="BF200" i="4"/>
  <c r="BF202" i="4"/>
  <c r="BF204" i="4"/>
  <c r="BF206" i="4"/>
  <c r="BF208" i="4"/>
  <c r="BF210" i="4"/>
  <c r="BF212" i="4"/>
  <c r="BF214" i="4"/>
  <c r="BF216" i="4"/>
  <c r="BF218" i="4"/>
  <c r="BF220" i="4"/>
  <c r="BF222" i="4"/>
  <c r="BF224" i="4"/>
  <c r="BF226" i="4"/>
  <c r="BF228" i="4"/>
  <c r="BF230" i="4"/>
  <c r="BD3" i="4"/>
  <c r="BD4" i="4"/>
  <c r="BD6" i="4"/>
  <c r="BD8" i="4"/>
  <c r="BD7" i="4"/>
  <c r="BD10" i="4"/>
  <c r="BD12" i="4"/>
  <c r="BD14" i="4"/>
  <c r="BD9" i="4"/>
  <c r="BD13" i="4"/>
  <c r="BD17" i="4"/>
  <c r="BD19" i="4"/>
  <c r="BD21" i="4"/>
  <c r="BD23" i="4"/>
  <c r="BD25" i="4"/>
  <c r="BD27" i="4"/>
  <c r="BD29" i="4"/>
  <c r="BD15" i="4"/>
  <c r="BD16" i="4"/>
  <c r="BD20" i="4"/>
  <c r="BD24" i="4"/>
  <c r="BD28" i="4"/>
  <c r="BD31" i="4"/>
  <c r="BD33" i="4"/>
  <c r="BD35" i="4"/>
  <c r="BD37" i="4"/>
  <c r="BD39" i="4"/>
  <c r="BD41" i="4"/>
  <c r="BD43" i="4"/>
  <c r="BD45" i="4"/>
  <c r="BD47" i="4"/>
  <c r="BD49" i="4"/>
  <c r="BD51" i="4"/>
  <c r="BD53" i="4"/>
  <c r="BD55" i="4"/>
  <c r="BD57" i="4"/>
  <c r="BD5" i="4"/>
  <c r="BD18" i="4"/>
  <c r="BD26" i="4"/>
  <c r="BD30" i="4"/>
  <c r="BD34" i="4"/>
  <c r="BD38" i="4"/>
  <c r="BD42" i="4"/>
  <c r="BD46" i="4"/>
  <c r="BD50" i="4"/>
  <c r="BD54" i="4"/>
  <c r="BD58" i="4"/>
  <c r="BD60" i="4"/>
  <c r="BD62" i="4"/>
  <c r="BD64" i="4"/>
  <c r="BD66" i="4"/>
  <c r="BD68" i="4"/>
  <c r="BD70" i="4"/>
  <c r="BD72" i="4"/>
  <c r="BD74" i="4"/>
  <c r="BD76" i="4"/>
  <c r="BD78" i="4"/>
  <c r="BD80" i="4"/>
  <c r="BD82" i="4"/>
  <c r="BD84" i="4"/>
  <c r="BD86" i="4"/>
  <c r="BD88" i="4"/>
  <c r="BD90" i="4"/>
  <c r="BD92" i="4"/>
  <c r="BD94" i="4"/>
  <c r="BD96" i="4"/>
  <c r="BD98" i="4"/>
  <c r="BD100" i="4"/>
  <c r="BD102" i="4"/>
  <c r="BD104" i="4"/>
  <c r="BD106" i="4"/>
  <c r="BD108" i="4"/>
  <c r="BD110" i="4"/>
  <c r="BD112" i="4"/>
  <c r="BD114" i="4"/>
  <c r="BD116" i="4"/>
  <c r="BD11" i="4"/>
  <c r="BD22" i="4"/>
  <c r="BD32" i="4"/>
  <c r="BD40" i="4"/>
  <c r="BD48" i="4"/>
  <c r="BD56" i="4"/>
  <c r="BD61" i="4"/>
  <c r="BD65" i="4"/>
  <c r="BD69" i="4"/>
  <c r="BD73" i="4"/>
  <c r="BD77" i="4"/>
  <c r="BD81" i="4"/>
  <c r="BD85" i="4"/>
  <c r="BD89" i="4"/>
  <c r="BD93" i="4"/>
  <c r="BD97" i="4"/>
  <c r="BD101" i="4"/>
  <c r="BD105" i="4"/>
  <c r="BD109" i="4"/>
  <c r="BD113" i="4"/>
  <c r="BD118" i="4"/>
  <c r="BD120" i="4"/>
  <c r="BD122" i="4"/>
  <c r="BD124" i="4"/>
  <c r="BD126" i="4"/>
  <c r="BD128" i="4"/>
  <c r="BD130" i="4"/>
  <c r="BD132" i="4"/>
  <c r="BD134" i="4"/>
  <c r="BD136" i="4"/>
  <c r="BD138" i="4"/>
  <c r="BD140" i="4"/>
  <c r="BD142" i="4"/>
  <c r="BD144" i="4"/>
  <c r="BD146" i="4"/>
  <c r="BD148" i="4"/>
  <c r="BD150" i="4"/>
  <c r="BD152" i="4"/>
  <c r="BD154" i="4"/>
  <c r="BD156" i="4"/>
  <c r="BD158" i="4"/>
  <c r="BD160" i="4"/>
  <c r="BD162" i="4"/>
  <c r="BD164" i="4"/>
  <c r="BD166" i="4"/>
  <c r="BD168" i="4"/>
  <c r="BD170" i="4"/>
  <c r="BD172" i="4"/>
  <c r="BD174" i="4"/>
  <c r="BD176" i="4"/>
  <c r="BD178" i="4"/>
  <c r="BD180" i="4"/>
  <c r="BD182" i="4"/>
  <c r="BD184" i="4"/>
  <c r="BD186" i="4"/>
  <c r="BD188" i="4"/>
  <c r="BD190" i="4"/>
  <c r="BD192" i="4"/>
  <c r="BD194" i="4"/>
  <c r="BD196" i="4"/>
  <c r="BD198" i="4"/>
  <c r="BD200" i="4"/>
  <c r="BD202" i="4"/>
  <c r="BD204" i="4"/>
  <c r="BD206" i="4"/>
  <c r="BD208" i="4"/>
  <c r="BD210" i="4"/>
  <c r="BD212" i="4"/>
  <c r="BD214" i="4"/>
  <c r="BD216" i="4"/>
  <c r="BD218" i="4"/>
  <c r="BD220" i="4"/>
  <c r="BD222" i="4"/>
  <c r="BD224" i="4"/>
  <c r="BD226" i="4"/>
  <c r="BD228" i="4"/>
  <c r="BD230" i="4"/>
  <c r="BB3" i="4"/>
  <c r="BB6" i="4"/>
  <c r="BB8" i="4"/>
  <c r="BB4" i="4"/>
  <c r="BB5" i="4"/>
  <c r="BB10" i="4"/>
  <c r="BB12" i="4"/>
  <c r="BB14" i="4"/>
  <c r="BB7" i="4"/>
  <c r="BB11" i="4"/>
  <c r="BB15" i="4"/>
  <c r="BB17" i="4"/>
  <c r="BB19" i="4"/>
  <c r="BB21" i="4"/>
  <c r="BB23" i="4"/>
  <c r="BB25" i="4"/>
  <c r="BB27" i="4"/>
  <c r="BB29" i="4"/>
  <c r="BB13" i="4"/>
  <c r="BB18" i="4"/>
  <c r="BB22" i="4"/>
  <c r="BB26" i="4"/>
  <c r="BB31" i="4"/>
  <c r="BB33" i="4"/>
  <c r="BB35" i="4"/>
  <c r="BB37" i="4"/>
  <c r="BB39" i="4"/>
  <c r="BB41" i="4"/>
  <c r="BB43" i="4"/>
  <c r="BB45" i="4"/>
  <c r="BB47" i="4"/>
  <c r="BB49" i="4"/>
  <c r="BB51" i="4"/>
  <c r="BB53" i="4"/>
  <c r="BB55" i="4"/>
  <c r="BB57" i="4"/>
  <c r="BB16" i="4"/>
  <c r="BB24" i="4"/>
  <c r="BB32" i="4"/>
  <c r="BB36" i="4"/>
  <c r="BB40" i="4"/>
  <c r="BB44" i="4"/>
  <c r="BB48" i="4"/>
  <c r="BB52" i="4"/>
  <c r="BB56" i="4"/>
  <c r="BB60" i="4"/>
  <c r="BB62" i="4"/>
  <c r="BB64" i="4"/>
  <c r="BB66" i="4"/>
  <c r="BB68" i="4"/>
  <c r="BB70" i="4"/>
  <c r="BB72" i="4"/>
  <c r="BB74" i="4"/>
  <c r="BB76" i="4"/>
  <c r="BB78" i="4"/>
  <c r="BB80" i="4"/>
  <c r="BB82" i="4"/>
  <c r="BB84" i="4"/>
  <c r="BB86" i="4"/>
  <c r="BB88" i="4"/>
  <c r="BB90" i="4"/>
  <c r="BB92" i="4"/>
  <c r="BB94" i="4"/>
  <c r="BB96" i="4"/>
  <c r="BB98" i="4"/>
  <c r="BB100" i="4"/>
  <c r="BB102" i="4"/>
  <c r="BB104" i="4"/>
  <c r="BB106" i="4"/>
  <c r="BB108" i="4"/>
  <c r="BB110" i="4"/>
  <c r="BB112" i="4"/>
  <c r="BB114" i="4"/>
  <c r="BB116" i="4"/>
  <c r="BB20" i="4"/>
  <c r="BB30" i="4"/>
  <c r="BB38" i="4"/>
  <c r="BB46" i="4"/>
  <c r="BB54" i="4"/>
  <c r="BB59" i="4"/>
  <c r="BB63" i="4"/>
  <c r="BB67" i="4"/>
  <c r="BB71" i="4"/>
  <c r="BB75" i="4"/>
  <c r="BB79" i="4"/>
  <c r="BB83" i="4"/>
  <c r="BB87" i="4"/>
  <c r="BB91" i="4"/>
  <c r="BB95" i="4"/>
  <c r="BB99" i="4"/>
  <c r="BB103" i="4"/>
  <c r="BB107" i="4"/>
  <c r="BB111" i="4"/>
  <c r="BB115" i="4"/>
  <c r="BB118" i="4"/>
  <c r="BB120" i="4"/>
  <c r="BB122" i="4"/>
  <c r="BB124" i="4"/>
  <c r="BB126" i="4"/>
  <c r="BB128" i="4"/>
  <c r="BB130" i="4"/>
  <c r="BB132" i="4"/>
  <c r="BB134" i="4"/>
  <c r="BB136" i="4"/>
  <c r="BB138" i="4"/>
  <c r="BB140" i="4"/>
  <c r="BB142" i="4"/>
  <c r="BB144" i="4"/>
  <c r="BB146" i="4"/>
  <c r="BB148" i="4"/>
  <c r="BB150" i="4"/>
  <c r="BB152" i="4"/>
  <c r="BB154" i="4"/>
  <c r="BB156" i="4"/>
  <c r="BB158" i="4"/>
  <c r="BB160" i="4"/>
  <c r="BB162" i="4"/>
  <c r="BB164" i="4"/>
  <c r="BB166" i="4"/>
  <c r="BB168" i="4"/>
  <c r="BB170" i="4"/>
  <c r="BB172" i="4"/>
  <c r="BB174" i="4"/>
  <c r="BB176" i="4"/>
  <c r="BB178" i="4"/>
  <c r="BB180" i="4"/>
  <c r="BB182" i="4"/>
  <c r="BB184" i="4"/>
  <c r="BB186" i="4"/>
  <c r="BB188" i="4"/>
  <c r="BB190" i="4"/>
  <c r="BB192" i="4"/>
  <c r="BB194" i="4"/>
  <c r="BB196" i="4"/>
  <c r="BB198" i="4"/>
  <c r="BB200" i="4"/>
  <c r="BB202" i="4"/>
  <c r="BB204" i="4"/>
  <c r="BB206" i="4"/>
  <c r="BB208" i="4"/>
  <c r="BB210" i="4"/>
  <c r="BB212" i="4"/>
  <c r="BB214" i="4"/>
  <c r="BB216" i="4"/>
  <c r="BB218" i="4"/>
  <c r="BB220" i="4"/>
  <c r="BB222" i="4"/>
  <c r="BB224" i="4"/>
  <c r="BB226" i="4"/>
  <c r="BB228" i="4"/>
  <c r="BB230" i="4"/>
  <c r="AZ3" i="4"/>
  <c r="AZ4" i="4"/>
  <c r="AZ6" i="4"/>
  <c r="AZ8" i="4"/>
  <c r="AZ7" i="4"/>
  <c r="AZ10" i="4"/>
  <c r="AZ12" i="4"/>
  <c r="AZ14" i="4"/>
  <c r="AZ5" i="4"/>
  <c r="AZ9" i="4"/>
  <c r="AZ13" i="4"/>
  <c r="AZ17" i="4"/>
  <c r="AZ19" i="4"/>
  <c r="AZ21" i="4"/>
  <c r="AZ23" i="4"/>
  <c r="AZ25" i="4"/>
  <c r="AZ27" i="4"/>
  <c r="AZ29" i="4"/>
  <c r="AZ11" i="4"/>
  <c r="AZ16" i="4"/>
  <c r="AZ20" i="4"/>
  <c r="AZ24" i="4"/>
  <c r="AZ28" i="4"/>
  <c r="AZ31" i="4"/>
  <c r="AZ33" i="4"/>
  <c r="AZ35" i="4"/>
  <c r="AZ37" i="4"/>
  <c r="AZ39" i="4"/>
  <c r="AZ41" i="4"/>
  <c r="AZ43" i="4"/>
  <c r="AZ45" i="4"/>
  <c r="AZ47" i="4"/>
  <c r="AZ49" i="4"/>
  <c r="AZ51" i="4"/>
  <c r="AZ53" i="4"/>
  <c r="AZ55" i="4"/>
  <c r="AZ57" i="4"/>
  <c r="AZ15" i="4"/>
  <c r="AZ22" i="4"/>
  <c r="AZ30" i="4"/>
  <c r="AZ34" i="4"/>
  <c r="AZ38" i="4"/>
  <c r="AZ42" i="4"/>
  <c r="AZ46" i="4"/>
  <c r="AZ50" i="4"/>
  <c r="AZ54" i="4"/>
  <c r="AZ58" i="4"/>
  <c r="AZ60" i="4"/>
  <c r="AZ62" i="4"/>
  <c r="AZ64" i="4"/>
  <c r="AZ66" i="4"/>
  <c r="AZ68" i="4"/>
  <c r="AZ70" i="4"/>
  <c r="AZ72" i="4"/>
  <c r="AZ74" i="4"/>
  <c r="AZ76" i="4"/>
  <c r="AZ78" i="4"/>
  <c r="AZ80" i="4"/>
  <c r="AZ82" i="4"/>
  <c r="AZ84" i="4"/>
  <c r="AZ86" i="4"/>
  <c r="AZ88" i="4"/>
  <c r="AZ90" i="4"/>
  <c r="AZ92" i="4"/>
  <c r="AZ94" i="4"/>
  <c r="AZ96" i="4"/>
  <c r="AZ98" i="4"/>
  <c r="AZ100" i="4"/>
  <c r="AZ102" i="4"/>
  <c r="AZ104" i="4"/>
  <c r="AZ106" i="4"/>
  <c r="AZ108" i="4"/>
  <c r="AZ110" i="4"/>
  <c r="AZ112" i="4"/>
  <c r="AZ114" i="4"/>
  <c r="AZ116" i="4"/>
  <c r="AZ18" i="4"/>
  <c r="AZ36" i="4"/>
  <c r="AZ44" i="4"/>
  <c r="AZ52" i="4"/>
  <c r="AZ61" i="4"/>
  <c r="AZ65" i="4"/>
  <c r="AZ69" i="4"/>
  <c r="AZ73" i="4"/>
  <c r="AZ77" i="4"/>
  <c r="AZ81" i="4"/>
  <c r="AZ85" i="4"/>
  <c r="AZ89" i="4"/>
  <c r="AZ93" i="4"/>
  <c r="AZ97" i="4"/>
  <c r="AZ101" i="4"/>
  <c r="AZ105" i="4"/>
  <c r="AZ109" i="4"/>
  <c r="AZ113" i="4"/>
  <c r="AZ118" i="4"/>
  <c r="AZ120" i="4"/>
  <c r="AZ122" i="4"/>
  <c r="AZ124" i="4"/>
  <c r="AZ126" i="4"/>
  <c r="AZ128" i="4"/>
  <c r="AZ130" i="4"/>
  <c r="AZ132" i="4"/>
  <c r="AZ134" i="4"/>
  <c r="AZ136" i="4"/>
  <c r="AZ138" i="4"/>
  <c r="AZ140" i="4"/>
  <c r="AZ142" i="4"/>
  <c r="AZ144" i="4"/>
  <c r="AZ146" i="4"/>
  <c r="AZ148" i="4"/>
  <c r="AZ150" i="4"/>
  <c r="AZ152" i="4"/>
  <c r="AZ154" i="4"/>
  <c r="AZ156" i="4"/>
  <c r="AZ158" i="4"/>
  <c r="AZ160" i="4"/>
  <c r="AZ162" i="4"/>
  <c r="AZ164" i="4"/>
  <c r="AZ166" i="4"/>
  <c r="AZ168" i="4"/>
  <c r="AZ170" i="4"/>
  <c r="AZ172" i="4"/>
  <c r="AZ174" i="4"/>
  <c r="AZ176" i="4"/>
  <c r="AZ178" i="4"/>
  <c r="AZ180" i="4"/>
  <c r="AZ182" i="4"/>
  <c r="AZ184" i="4"/>
  <c r="AZ186" i="4"/>
  <c r="AZ188" i="4"/>
  <c r="AZ190" i="4"/>
  <c r="AZ192" i="4"/>
  <c r="AZ194" i="4"/>
  <c r="AZ196" i="4"/>
  <c r="AZ198" i="4"/>
  <c r="AZ200" i="4"/>
  <c r="AZ202" i="4"/>
  <c r="AZ204" i="4"/>
  <c r="AZ206" i="4"/>
  <c r="AZ208" i="4"/>
  <c r="AZ210" i="4"/>
  <c r="AZ212" i="4"/>
  <c r="AZ214" i="4"/>
  <c r="AZ216" i="4"/>
  <c r="AZ218" i="4"/>
  <c r="AZ220" i="4"/>
  <c r="AZ222" i="4"/>
  <c r="AZ224" i="4"/>
  <c r="AZ226" i="4"/>
  <c r="AZ228" i="4"/>
  <c r="AZ230" i="4"/>
  <c r="AX3" i="4"/>
  <c r="AX6" i="4"/>
  <c r="AX8" i="4"/>
  <c r="AX5" i="4"/>
  <c r="AX10" i="4"/>
  <c r="AX12" i="4"/>
  <c r="AX14" i="4"/>
  <c r="AX4" i="4"/>
  <c r="AX11" i="4"/>
  <c r="AX15" i="4"/>
  <c r="AX17" i="4"/>
  <c r="AX19" i="4"/>
  <c r="AX21" i="4"/>
  <c r="AX23" i="4"/>
  <c r="AX25" i="4"/>
  <c r="AX27" i="4"/>
  <c r="AX29" i="4"/>
  <c r="AX7" i="4"/>
  <c r="AX9" i="4"/>
  <c r="AX18" i="4"/>
  <c r="AX22" i="4"/>
  <c r="AX26" i="4"/>
  <c r="AX31" i="4"/>
  <c r="AX33" i="4"/>
  <c r="AX35" i="4"/>
  <c r="AX37" i="4"/>
  <c r="AX39" i="4"/>
  <c r="AX41" i="4"/>
  <c r="AX43" i="4"/>
  <c r="AX45" i="4"/>
  <c r="AX47" i="4"/>
  <c r="AX49" i="4"/>
  <c r="AX51" i="4"/>
  <c r="AX53" i="4"/>
  <c r="AX55" i="4"/>
  <c r="AX57" i="4"/>
  <c r="AX13" i="4"/>
  <c r="AX20" i="4"/>
  <c r="AX28" i="4"/>
  <c r="AX32" i="4"/>
  <c r="AX36" i="4"/>
  <c r="AX40" i="4"/>
  <c r="AX44" i="4"/>
  <c r="AX48" i="4"/>
  <c r="AX52" i="4"/>
  <c r="AX56" i="4"/>
  <c r="AX60" i="4"/>
  <c r="AX62" i="4"/>
  <c r="AX64" i="4"/>
  <c r="AX66" i="4"/>
  <c r="AX68" i="4"/>
  <c r="AX70" i="4"/>
  <c r="AX72" i="4"/>
  <c r="AX74" i="4"/>
  <c r="AX76" i="4"/>
  <c r="AX78" i="4"/>
  <c r="AX80" i="4"/>
  <c r="AX82" i="4"/>
  <c r="AX84" i="4"/>
  <c r="AX86" i="4"/>
  <c r="AX88" i="4"/>
  <c r="AX90" i="4"/>
  <c r="AX92" i="4"/>
  <c r="AX94" i="4"/>
  <c r="AX96" i="4"/>
  <c r="AX98" i="4"/>
  <c r="AX100" i="4"/>
  <c r="AX102" i="4"/>
  <c r="AX104" i="4"/>
  <c r="AX106" i="4"/>
  <c r="AX108" i="4"/>
  <c r="AX110" i="4"/>
  <c r="AX112" i="4"/>
  <c r="AX114" i="4"/>
  <c r="AX116" i="4"/>
  <c r="AX16" i="4"/>
  <c r="AX34" i="4"/>
  <c r="AX42" i="4"/>
  <c r="AX50" i="4"/>
  <c r="AX58" i="4"/>
  <c r="AX59" i="4"/>
  <c r="AX63" i="4"/>
  <c r="AX67" i="4"/>
  <c r="AX71" i="4"/>
  <c r="AX75" i="4"/>
  <c r="AX79" i="4"/>
  <c r="AX83" i="4"/>
  <c r="AX87" i="4"/>
  <c r="AX91" i="4"/>
  <c r="AX95" i="4"/>
  <c r="AX99" i="4"/>
  <c r="AX103" i="4"/>
  <c r="AX107" i="4"/>
  <c r="AX111" i="4"/>
  <c r="AX115" i="4"/>
  <c r="AX118" i="4"/>
  <c r="AX120" i="4"/>
  <c r="AX122" i="4"/>
  <c r="AX124" i="4"/>
  <c r="AX126" i="4"/>
  <c r="AX128" i="4"/>
  <c r="AX130" i="4"/>
  <c r="AX132" i="4"/>
  <c r="AX134" i="4"/>
  <c r="AX136" i="4"/>
  <c r="AX138" i="4"/>
  <c r="AX140" i="4"/>
  <c r="AX142" i="4"/>
  <c r="AX144" i="4"/>
  <c r="AX146" i="4"/>
  <c r="AX148" i="4"/>
  <c r="AX150" i="4"/>
  <c r="AX152" i="4"/>
  <c r="AX154" i="4"/>
  <c r="AX156" i="4"/>
  <c r="AX158" i="4"/>
  <c r="AX160" i="4"/>
  <c r="AX162" i="4"/>
  <c r="AX164" i="4"/>
  <c r="AX166" i="4"/>
  <c r="AX168" i="4"/>
  <c r="AX170" i="4"/>
  <c r="AX172" i="4"/>
  <c r="AX174" i="4"/>
  <c r="AX176" i="4"/>
  <c r="AX178" i="4"/>
  <c r="AX180" i="4"/>
  <c r="AX182" i="4"/>
  <c r="AX184" i="4"/>
  <c r="AX186" i="4"/>
  <c r="AX188" i="4"/>
  <c r="AX190" i="4"/>
  <c r="AX192" i="4"/>
  <c r="AX194" i="4"/>
  <c r="AX196" i="4"/>
  <c r="AX198" i="4"/>
  <c r="AX200" i="4"/>
  <c r="AX202" i="4"/>
  <c r="AX204" i="4"/>
  <c r="AX206" i="4"/>
  <c r="AX208" i="4"/>
  <c r="AX210" i="4"/>
  <c r="AX212" i="4"/>
  <c r="AX214" i="4"/>
  <c r="AX216" i="4"/>
  <c r="AX218" i="4"/>
  <c r="AX220" i="4"/>
  <c r="AX222" i="4"/>
  <c r="AX224" i="4"/>
  <c r="AX226" i="4"/>
  <c r="AX228" i="4"/>
  <c r="AX230" i="4"/>
  <c r="AV3" i="4"/>
  <c r="AV4" i="4"/>
  <c r="AV6" i="4"/>
  <c r="AV8" i="4"/>
  <c r="AV7" i="4"/>
  <c r="AV10" i="4"/>
  <c r="AV12" i="4"/>
  <c r="AV14" i="4"/>
  <c r="AV9" i="4"/>
  <c r="AV13" i="4"/>
  <c r="AV17" i="4"/>
  <c r="AV19" i="4"/>
  <c r="AV21" i="4"/>
  <c r="AV23" i="4"/>
  <c r="AV25" i="4"/>
  <c r="AV27" i="4"/>
  <c r="AV29" i="4"/>
  <c r="AV5" i="4"/>
  <c r="AV15" i="4"/>
  <c r="AV16" i="4"/>
  <c r="AV20" i="4"/>
  <c r="AV24" i="4"/>
  <c r="AV28" i="4"/>
  <c r="AV31" i="4"/>
  <c r="AV33" i="4"/>
  <c r="AV35" i="4"/>
  <c r="AV37" i="4"/>
  <c r="AV39" i="4"/>
  <c r="AV41" i="4"/>
  <c r="AV43" i="4"/>
  <c r="AV45" i="4"/>
  <c r="AV47" i="4"/>
  <c r="AV49" i="4"/>
  <c r="AV51" i="4"/>
  <c r="AV53" i="4"/>
  <c r="AV55" i="4"/>
  <c r="AV57" i="4"/>
  <c r="AV11" i="4"/>
  <c r="AV18" i="4"/>
  <c r="AV26" i="4"/>
  <c r="AV30" i="4"/>
  <c r="AV34" i="4"/>
  <c r="AV38" i="4"/>
  <c r="AV42" i="4"/>
  <c r="AV46" i="4"/>
  <c r="AV50" i="4"/>
  <c r="AV54" i="4"/>
  <c r="AV58" i="4"/>
  <c r="AV60" i="4"/>
  <c r="AV62" i="4"/>
  <c r="AV64" i="4"/>
  <c r="AV66" i="4"/>
  <c r="AV68" i="4"/>
  <c r="AV70" i="4"/>
  <c r="AV72" i="4"/>
  <c r="AV74" i="4"/>
  <c r="AV76" i="4"/>
  <c r="AV78" i="4"/>
  <c r="AV80" i="4"/>
  <c r="AV82" i="4"/>
  <c r="AV84" i="4"/>
  <c r="AV86" i="4"/>
  <c r="AV88" i="4"/>
  <c r="AV90" i="4"/>
  <c r="AV92" i="4"/>
  <c r="AV94" i="4"/>
  <c r="AV96" i="4"/>
  <c r="AV98" i="4"/>
  <c r="AV100" i="4"/>
  <c r="AV102" i="4"/>
  <c r="AV104" i="4"/>
  <c r="AV106" i="4"/>
  <c r="AV108" i="4"/>
  <c r="AV110" i="4"/>
  <c r="AV112" i="4"/>
  <c r="AV114" i="4"/>
  <c r="AV116" i="4"/>
  <c r="AV32" i="4"/>
  <c r="AV40" i="4"/>
  <c r="AV48" i="4"/>
  <c r="AV56" i="4"/>
  <c r="AV61" i="4"/>
  <c r="AV65" i="4"/>
  <c r="AV69" i="4"/>
  <c r="AV73" i="4"/>
  <c r="AV77" i="4"/>
  <c r="AV81" i="4"/>
  <c r="AV85" i="4"/>
  <c r="AV89" i="4"/>
  <c r="AV93" i="4"/>
  <c r="AV97" i="4"/>
  <c r="AV101" i="4"/>
  <c r="AV105" i="4"/>
  <c r="AV109" i="4"/>
  <c r="AV113" i="4"/>
  <c r="AV118" i="4"/>
  <c r="AV120" i="4"/>
  <c r="AV122" i="4"/>
  <c r="AV124" i="4"/>
  <c r="AV126" i="4"/>
  <c r="AV128" i="4"/>
  <c r="AV130" i="4"/>
  <c r="AV132" i="4"/>
  <c r="AV134" i="4"/>
  <c r="AV136" i="4"/>
  <c r="AV138" i="4"/>
  <c r="AV140" i="4"/>
  <c r="AV142" i="4"/>
  <c r="AV144" i="4"/>
  <c r="AV146" i="4"/>
  <c r="AV148" i="4"/>
  <c r="AV150" i="4"/>
  <c r="AV152" i="4"/>
  <c r="AV154" i="4"/>
  <c r="AV156" i="4"/>
  <c r="AV158" i="4"/>
  <c r="AV160" i="4"/>
  <c r="AV162" i="4"/>
  <c r="AV164" i="4"/>
  <c r="AV166" i="4"/>
  <c r="AV168" i="4"/>
  <c r="AV170" i="4"/>
  <c r="AV172" i="4"/>
  <c r="AV174" i="4"/>
  <c r="AV176" i="4"/>
  <c r="AV178" i="4"/>
  <c r="AV180" i="4"/>
  <c r="AV182" i="4"/>
  <c r="AV184" i="4"/>
  <c r="AV186" i="4"/>
  <c r="AV188" i="4"/>
  <c r="AV190" i="4"/>
  <c r="AV192" i="4"/>
  <c r="AV194" i="4"/>
  <c r="AV196" i="4"/>
  <c r="AV198" i="4"/>
  <c r="AV200" i="4"/>
  <c r="AV202" i="4"/>
  <c r="AV204" i="4"/>
  <c r="AV206" i="4"/>
  <c r="AV208" i="4"/>
  <c r="AV210" i="4"/>
  <c r="AV212" i="4"/>
  <c r="AV214" i="4"/>
  <c r="AV216" i="4"/>
  <c r="AV218" i="4"/>
  <c r="AV220" i="4"/>
  <c r="AV222" i="4"/>
  <c r="AV224" i="4"/>
  <c r="AV226" i="4"/>
  <c r="AV228" i="4"/>
  <c r="AV230" i="4"/>
  <c r="AT3" i="4"/>
  <c r="AT6" i="4"/>
  <c r="AT8" i="4"/>
  <c r="AT4" i="4"/>
  <c r="AT5" i="4"/>
  <c r="AT10" i="4"/>
  <c r="AT12" i="4"/>
  <c r="AT14" i="4"/>
  <c r="AT7" i="4"/>
  <c r="AT11" i="4"/>
  <c r="AT15" i="4"/>
  <c r="AT17" i="4"/>
  <c r="AT19" i="4"/>
  <c r="AT21" i="4"/>
  <c r="AT23" i="4"/>
  <c r="AT25" i="4"/>
  <c r="AT27" i="4"/>
  <c r="AT29" i="4"/>
  <c r="AT13" i="4"/>
  <c r="AT18" i="4"/>
  <c r="AT22" i="4"/>
  <c r="AT26" i="4"/>
  <c r="AT31" i="4"/>
  <c r="AT33" i="4"/>
  <c r="AT35" i="4"/>
  <c r="AT37" i="4"/>
  <c r="AT39" i="4"/>
  <c r="AT41" i="4"/>
  <c r="AT43" i="4"/>
  <c r="AT45" i="4"/>
  <c r="AT47" i="4"/>
  <c r="AT49" i="4"/>
  <c r="AT51" i="4"/>
  <c r="AT53" i="4"/>
  <c r="AT55" i="4"/>
  <c r="AT57" i="4"/>
  <c r="AT9" i="4"/>
  <c r="AT16" i="4"/>
  <c r="AT24" i="4"/>
  <c r="AT32" i="4"/>
  <c r="AT36" i="4"/>
  <c r="AT40" i="4"/>
  <c r="AT44" i="4"/>
  <c r="AT48" i="4"/>
  <c r="AT52" i="4"/>
  <c r="AT56" i="4"/>
  <c r="AT60" i="4"/>
  <c r="AT62" i="4"/>
  <c r="AT64" i="4"/>
  <c r="AT66" i="4"/>
  <c r="AT68" i="4"/>
  <c r="AT70" i="4"/>
  <c r="AT72" i="4"/>
  <c r="AT74" i="4"/>
  <c r="AT76" i="4"/>
  <c r="AT78" i="4"/>
  <c r="AT80" i="4"/>
  <c r="AT82" i="4"/>
  <c r="AT84" i="4"/>
  <c r="AT86" i="4"/>
  <c r="AT88" i="4"/>
  <c r="AT90" i="4"/>
  <c r="AT92" i="4"/>
  <c r="AT94" i="4"/>
  <c r="AT96" i="4"/>
  <c r="AT98" i="4"/>
  <c r="AT100" i="4"/>
  <c r="AT102" i="4"/>
  <c r="AT104" i="4"/>
  <c r="AT106" i="4"/>
  <c r="AT108" i="4"/>
  <c r="AT110" i="4"/>
  <c r="AT112" i="4"/>
  <c r="AT114" i="4"/>
  <c r="AT116" i="4"/>
  <c r="AT28" i="4"/>
  <c r="AT30" i="4"/>
  <c r="AT38" i="4"/>
  <c r="AT46" i="4"/>
  <c r="AT54" i="4"/>
  <c r="AT59" i="4"/>
  <c r="AT63" i="4"/>
  <c r="AT67" i="4"/>
  <c r="AT71" i="4"/>
  <c r="AT75" i="4"/>
  <c r="AT79" i="4"/>
  <c r="AT83" i="4"/>
  <c r="AT87" i="4"/>
  <c r="AT91" i="4"/>
  <c r="AT95" i="4"/>
  <c r="AT99" i="4"/>
  <c r="AT103" i="4"/>
  <c r="AT107" i="4"/>
  <c r="AT111" i="4"/>
  <c r="AT115" i="4"/>
  <c r="AT118" i="4"/>
  <c r="AT120" i="4"/>
  <c r="AT122" i="4"/>
  <c r="AT124" i="4"/>
  <c r="AT126" i="4"/>
  <c r="AT128" i="4"/>
  <c r="AT130" i="4"/>
  <c r="AT132" i="4"/>
  <c r="AT134" i="4"/>
  <c r="AT136" i="4"/>
  <c r="AT138" i="4"/>
  <c r="AT140" i="4"/>
  <c r="AT142" i="4"/>
  <c r="AT144" i="4"/>
  <c r="AT146" i="4"/>
  <c r="AT148" i="4"/>
  <c r="AT150" i="4"/>
  <c r="AT152" i="4"/>
  <c r="AT154" i="4"/>
  <c r="AT156" i="4"/>
  <c r="AT158" i="4"/>
  <c r="AT160" i="4"/>
  <c r="AT162" i="4"/>
  <c r="AT164" i="4"/>
  <c r="AT166" i="4"/>
  <c r="AT168" i="4"/>
  <c r="AT170" i="4"/>
  <c r="AT172" i="4"/>
  <c r="AT174" i="4"/>
  <c r="AT176" i="4"/>
  <c r="AT178" i="4"/>
  <c r="AT180" i="4"/>
  <c r="AT182" i="4"/>
  <c r="AT184" i="4"/>
  <c r="AT186" i="4"/>
  <c r="AT188" i="4"/>
  <c r="AT190" i="4"/>
  <c r="AT192" i="4"/>
  <c r="AT194" i="4"/>
  <c r="AT196" i="4"/>
  <c r="AT198" i="4"/>
  <c r="AT200" i="4"/>
  <c r="AT202" i="4"/>
  <c r="AT204" i="4"/>
  <c r="AT206" i="4"/>
  <c r="AT208" i="4"/>
  <c r="AT210" i="4"/>
  <c r="AT212" i="4"/>
  <c r="AT214" i="4"/>
  <c r="AT216" i="4"/>
  <c r="AT218" i="4"/>
  <c r="AT220" i="4"/>
  <c r="AT222" i="4"/>
  <c r="AT224" i="4"/>
  <c r="AT226" i="4"/>
  <c r="AT228" i="4"/>
  <c r="AT230" i="4"/>
  <c r="AR3" i="4"/>
  <c r="AR4" i="4"/>
  <c r="AR6" i="4"/>
  <c r="AR8" i="4"/>
  <c r="AR7" i="4"/>
  <c r="AR10" i="4"/>
  <c r="AR12" i="4"/>
  <c r="AR14" i="4"/>
  <c r="AR5" i="4"/>
  <c r="AR9" i="4"/>
  <c r="AR13" i="4"/>
  <c r="AR17" i="4"/>
  <c r="AR19" i="4"/>
  <c r="AR21" i="4"/>
  <c r="AR23" i="4"/>
  <c r="AR25" i="4"/>
  <c r="AR27" i="4"/>
  <c r="AR29" i="4"/>
  <c r="AR11" i="4"/>
  <c r="AR16" i="4"/>
  <c r="AR20" i="4"/>
  <c r="AR24" i="4"/>
  <c r="AR28" i="4"/>
  <c r="AR31" i="4"/>
  <c r="AR33" i="4"/>
  <c r="AR35" i="4"/>
  <c r="AR37" i="4"/>
  <c r="AR39" i="4"/>
  <c r="AR41" i="4"/>
  <c r="AR43" i="4"/>
  <c r="AR45" i="4"/>
  <c r="AR47" i="4"/>
  <c r="AR49" i="4"/>
  <c r="AR51" i="4"/>
  <c r="AR53" i="4"/>
  <c r="AR55" i="4"/>
  <c r="AR57" i="4"/>
  <c r="AR22" i="4"/>
  <c r="AR30" i="4"/>
  <c r="AR34" i="4"/>
  <c r="AR38" i="4"/>
  <c r="AR42" i="4"/>
  <c r="AR46" i="4"/>
  <c r="AR50" i="4"/>
  <c r="AR54" i="4"/>
  <c r="AR58" i="4"/>
  <c r="AR60" i="4"/>
  <c r="AR62" i="4"/>
  <c r="AR64" i="4"/>
  <c r="AR66" i="4"/>
  <c r="AR68" i="4"/>
  <c r="AR70" i="4"/>
  <c r="AR72" i="4"/>
  <c r="AR74" i="4"/>
  <c r="AR76" i="4"/>
  <c r="AR78" i="4"/>
  <c r="AR80" i="4"/>
  <c r="AR82" i="4"/>
  <c r="AR84" i="4"/>
  <c r="AR86" i="4"/>
  <c r="AR88" i="4"/>
  <c r="AR90" i="4"/>
  <c r="AR92" i="4"/>
  <c r="AR94" i="4"/>
  <c r="AR96" i="4"/>
  <c r="AR98" i="4"/>
  <c r="AR100" i="4"/>
  <c r="AR102" i="4"/>
  <c r="AR104" i="4"/>
  <c r="AR106" i="4"/>
  <c r="AR108" i="4"/>
  <c r="AR110" i="4"/>
  <c r="AR112" i="4"/>
  <c r="AR114" i="4"/>
  <c r="AR116" i="4"/>
  <c r="AR26" i="4"/>
  <c r="AR36" i="4"/>
  <c r="AR44" i="4"/>
  <c r="AR52" i="4"/>
  <c r="AR61" i="4"/>
  <c r="AR65" i="4"/>
  <c r="AR69" i="4"/>
  <c r="AR73" i="4"/>
  <c r="AR77" i="4"/>
  <c r="AR81" i="4"/>
  <c r="AR85" i="4"/>
  <c r="AR89" i="4"/>
  <c r="AR93" i="4"/>
  <c r="AR97" i="4"/>
  <c r="AR101" i="4"/>
  <c r="AR105" i="4"/>
  <c r="AR109" i="4"/>
  <c r="AR113" i="4"/>
  <c r="AR118" i="4"/>
  <c r="AR120" i="4"/>
  <c r="AR122" i="4"/>
  <c r="AR124" i="4"/>
  <c r="AR126" i="4"/>
  <c r="AR128" i="4"/>
  <c r="AR130" i="4"/>
  <c r="AR132" i="4"/>
  <c r="AR134" i="4"/>
  <c r="AR136" i="4"/>
  <c r="AR138" i="4"/>
  <c r="AR140" i="4"/>
  <c r="AR142" i="4"/>
  <c r="AR144" i="4"/>
  <c r="AR146" i="4"/>
  <c r="AR148" i="4"/>
  <c r="AR150" i="4"/>
  <c r="AR152" i="4"/>
  <c r="AR154" i="4"/>
  <c r="AR156" i="4"/>
  <c r="AR158" i="4"/>
  <c r="AR160" i="4"/>
  <c r="AR162" i="4"/>
  <c r="AR164" i="4"/>
  <c r="AR166" i="4"/>
  <c r="AR168" i="4"/>
  <c r="AR170" i="4"/>
  <c r="AR172" i="4"/>
  <c r="AR174" i="4"/>
  <c r="AR176" i="4"/>
  <c r="AR178" i="4"/>
  <c r="AR180" i="4"/>
  <c r="AR182" i="4"/>
  <c r="AR184" i="4"/>
  <c r="AR186" i="4"/>
  <c r="AR188" i="4"/>
  <c r="AR190" i="4"/>
  <c r="AR192" i="4"/>
  <c r="AR194" i="4"/>
  <c r="AR196" i="4"/>
  <c r="AR198" i="4"/>
  <c r="AR200" i="4"/>
  <c r="AR202" i="4"/>
  <c r="AR204" i="4"/>
  <c r="AR206" i="4"/>
  <c r="AR208" i="4"/>
  <c r="AR210" i="4"/>
  <c r="AR212" i="4"/>
  <c r="AR214" i="4"/>
  <c r="AR216" i="4"/>
  <c r="AR218" i="4"/>
  <c r="AR220" i="4"/>
  <c r="AR222" i="4"/>
  <c r="AR224" i="4"/>
  <c r="AR226" i="4"/>
  <c r="AR228" i="4"/>
  <c r="AR230" i="4"/>
  <c r="AP3" i="4"/>
  <c r="AP6" i="4"/>
  <c r="AP8" i="4"/>
  <c r="AP5" i="4"/>
  <c r="AP10" i="4"/>
  <c r="AP12" i="4"/>
  <c r="AP14" i="4"/>
  <c r="AP11" i="4"/>
  <c r="AP15" i="4"/>
  <c r="AP17" i="4"/>
  <c r="AP19" i="4"/>
  <c r="AP21" i="4"/>
  <c r="AP23" i="4"/>
  <c r="AP25" i="4"/>
  <c r="AP27" i="4"/>
  <c r="AP29" i="4"/>
  <c r="AP4" i="4"/>
  <c r="AP9" i="4"/>
  <c r="AP18" i="4"/>
  <c r="AP22" i="4"/>
  <c r="AP26" i="4"/>
  <c r="AP30" i="4"/>
  <c r="AP31" i="4"/>
  <c r="AP33" i="4"/>
  <c r="AP35" i="4"/>
  <c r="AP37" i="4"/>
  <c r="AP39" i="4"/>
  <c r="AP41" i="4"/>
  <c r="AP43" i="4"/>
  <c r="AP45" i="4"/>
  <c r="AP47" i="4"/>
  <c r="AP49" i="4"/>
  <c r="AP51" i="4"/>
  <c r="AP53" i="4"/>
  <c r="AP55" i="4"/>
  <c r="AP57" i="4"/>
  <c r="AP7" i="4"/>
  <c r="AP20" i="4"/>
  <c r="AP28" i="4"/>
  <c r="AP32" i="4"/>
  <c r="AP36" i="4"/>
  <c r="AP40" i="4"/>
  <c r="AP44" i="4"/>
  <c r="AP48" i="4"/>
  <c r="AP52" i="4"/>
  <c r="AP56" i="4"/>
  <c r="AP60" i="4"/>
  <c r="AP62" i="4"/>
  <c r="AP64" i="4"/>
  <c r="AP66" i="4"/>
  <c r="AP68" i="4"/>
  <c r="AP70" i="4"/>
  <c r="AP72" i="4"/>
  <c r="AP74" i="4"/>
  <c r="AP76" i="4"/>
  <c r="AP78" i="4"/>
  <c r="AP80" i="4"/>
  <c r="AP82" i="4"/>
  <c r="AP84" i="4"/>
  <c r="AP86" i="4"/>
  <c r="AP88" i="4"/>
  <c r="AP90" i="4"/>
  <c r="AP92" i="4"/>
  <c r="AP94" i="4"/>
  <c r="AP96" i="4"/>
  <c r="AP98" i="4"/>
  <c r="AP100" i="4"/>
  <c r="AP102" i="4"/>
  <c r="AP104" i="4"/>
  <c r="AP106" i="4"/>
  <c r="AP108" i="4"/>
  <c r="AP110" i="4"/>
  <c r="AP112" i="4"/>
  <c r="AP114" i="4"/>
  <c r="AP116" i="4"/>
  <c r="AP13" i="4"/>
  <c r="AP24" i="4"/>
  <c r="AP34" i="4"/>
  <c r="AP42" i="4"/>
  <c r="AP50" i="4"/>
  <c r="AP58" i="4"/>
  <c r="AP59" i="4"/>
  <c r="AP63" i="4"/>
  <c r="AP67" i="4"/>
  <c r="AP71" i="4"/>
  <c r="AP75" i="4"/>
  <c r="AP79" i="4"/>
  <c r="AP83" i="4"/>
  <c r="AP87" i="4"/>
  <c r="AP91" i="4"/>
  <c r="AP95" i="4"/>
  <c r="AP99" i="4"/>
  <c r="AP103" i="4"/>
  <c r="AP107" i="4"/>
  <c r="AP111" i="4"/>
  <c r="AP115" i="4"/>
  <c r="AP118" i="4"/>
  <c r="AP120" i="4"/>
  <c r="AP122" i="4"/>
  <c r="AP124" i="4"/>
  <c r="AP126" i="4"/>
  <c r="AP128" i="4"/>
  <c r="AP130" i="4"/>
  <c r="AP132" i="4"/>
  <c r="AP134" i="4"/>
  <c r="AP136" i="4"/>
  <c r="AP138" i="4"/>
  <c r="AP140" i="4"/>
  <c r="AP142" i="4"/>
  <c r="AP144" i="4"/>
  <c r="AP146" i="4"/>
  <c r="AP148" i="4"/>
  <c r="AP150" i="4"/>
  <c r="AP152" i="4"/>
  <c r="AP154" i="4"/>
  <c r="AP156" i="4"/>
  <c r="AP158" i="4"/>
  <c r="AP160" i="4"/>
  <c r="AP162" i="4"/>
  <c r="AP164" i="4"/>
  <c r="AP166" i="4"/>
  <c r="AP168" i="4"/>
  <c r="AP170" i="4"/>
  <c r="AP172" i="4"/>
  <c r="AP174" i="4"/>
  <c r="AP176" i="4"/>
  <c r="AP178" i="4"/>
  <c r="AP180" i="4"/>
  <c r="AP182" i="4"/>
  <c r="AP184" i="4"/>
  <c r="AP186" i="4"/>
  <c r="AP188" i="4"/>
  <c r="AP190" i="4"/>
  <c r="AP192" i="4"/>
  <c r="AP194" i="4"/>
  <c r="AP196" i="4"/>
  <c r="AP198" i="4"/>
  <c r="AP200" i="4"/>
  <c r="AP202" i="4"/>
  <c r="AP204" i="4"/>
  <c r="AP206" i="4"/>
  <c r="AP208" i="4"/>
  <c r="AP210" i="4"/>
  <c r="AP212" i="4"/>
  <c r="AP214" i="4"/>
  <c r="AP216" i="4"/>
  <c r="AP218" i="4"/>
  <c r="AP220" i="4"/>
  <c r="AP222" i="4"/>
  <c r="AP224" i="4"/>
  <c r="AP226" i="4"/>
  <c r="AP228" i="4"/>
  <c r="AP230" i="4"/>
  <c r="BT3" i="4"/>
  <c r="BT4" i="4"/>
  <c r="BT6" i="4"/>
  <c r="BT7" i="4"/>
  <c r="BT8" i="4"/>
  <c r="BT10" i="4"/>
  <c r="BT12" i="4"/>
  <c r="BT14" i="4"/>
  <c r="BT9" i="4"/>
  <c r="BT13" i="4"/>
  <c r="BT17" i="4"/>
  <c r="BT19" i="4"/>
  <c r="BT21" i="4"/>
  <c r="BT23" i="4"/>
  <c r="BT25" i="4"/>
  <c r="BT27" i="4"/>
  <c r="BT29" i="4"/>
  <c r="BT15" i="4"/>
  <c r="BT16" i="4"/>
  <c r="BT20" i="4"/>
  <c r="BT24" i="4"/>
  <c r="BT28" i="4"/>
  <c r="BT31" i="4"/>
  <c r="BT33" i="4"/>
  <c r="BT35" i="4"/>
  <c r="BT37" i="4"/>
  <c r="BT39" i="4"/>
  <c r="BT41" i="4"/>
  <c r="BT43" i="4"/>
  <c r="BT45" i="4"/>
  <c r="BT47" i="4"/>
  <c r="BT49" i="4"/>
  <c r="BT51" i="4"/>
  <c r="BT53" i="4"/>
  <c r="BT55" i="4"/>
  <c r="BT57" i="4"/>
  <c r="BT18" i="4"/>
  <c r="BT26" i="4"/>
  <c r="BT30" i="4"/>
  <c r="BT34" i="4"/>
  <c r="BT38" i="4"/>
  <c r="BT42" i="4"/>
  <c r="BT46" i="4"/>
  <c r="BT50" i="4"/>
  <c r="BT54" i="4"/>
  <c r="BT58" i="4"/>
  <c r="BT60" i="4"/>
  <c r="BT62" i="4"/>
  <c r="BT64" i="4"/>
  <c r="BT66" i="4"/>
  <c r="BT68" i="4"/>
  <c r="BT70" i="4"/>
  <c r="BT72" i="4"/>
  <c r="BT74" i="4"/>
  <c r="BT76" i="4"/>
  <c r="BT78" i="4"/>
  <c r="BT80" i="4"/>
  <c r="BT82" i="4"/>
  <c r="BT84" i="4"/>
  <c r="BT86" i="4"/>
  <c r="BT88" i="4"/>
  <c r="BT90" i="4"/>
  <c r="BT92" i="4"/>
  <c r="BT94" i="4"/>
  <c r="BT96" i="4"/>
  <c r="BT98" i="4"/>
  <c r="BT100" i="4"/>
  <c r="BT102" i="4"/>
  <c r="BT104" i="4"/>
  <c r="BT106" i="4"/>
  <c r="BT108" i="4"/>
  <c r="BT110" i="4"/>
  <c r="BT112" i="4"/>
  <c r="BT114" i="4"/>
  <c r="BT116" i="4"/>
  <c r="BT22" i="4"/>
  <c r="BT32" i="4"/>
  <c r="BT40" i="4"/>
  <c r="BT48" i="4"/>
  <c r="BT56" i="4"/>
  <c r="BT61" i="4"/>
  <c r="BT65" i="4"/>
  <c r="BT69" i="4"/>
  <c r="BT73" i="4"/>
  <c r="BT77" i="4"/>
  <c r="BT81" i="4"/>
  <c r="BT85" i="4"/>
  <c r="BT89" i="4"/>
  <c r="BT93" i="4"/>
  <c r="BT97" i="4"/>
  <c r="BT101" i="4"/>
  <c r="BT105" i="4"/>
  <c r="BT109" i="4"/>
  <c r="BT113" i="4"/>
  <c r="BT118" i="4"/>
  <c r="BT120" i="4"/>
  <c r="BT122" i="4"/>
  <c r="BT124" i="4"/>
  <c r="BT126" i="4"/>
  <c r="BT128" i="4"/>
  <c r="BT130" i="4"/>
  <c r="BT132" i="4"/>
  <c r="BT134" i="4"/>
  <c r="BT136" i="4"/>
  <c r="BT138" i="4"/>
  <c r="BT140" i="4"/>
  <c r="BT142" i="4"/>
  <c r="BT144" i="4"/>
  <c r="BT146" i="4"/>
  <c r="BT148" i="4"/>
  <c r="BT150" i="4"/>
  <c r="BT152" i="4"/>
  <c r="BT154" i="4"/>
  <c r="BT156" i="4"/>
  <c r="BT158" i="4"/>
  <c r="BT160" i="4"/>
  <c r="BT162" i="4"/>
  <c r="BT164" i="4"/>
  <c r="BT166" i="4"/>
  <c r="BT168" i="4"/>
  <c r="BT170" i="4"/>
  <c r="BT172" i="4"/>
  <c r="BT174" i="4"/>
  <c r="BT176" i="4"/>
  <c r="BT178" i="4"/>
  <c r="BT180" i="4"/>
  <c r="BT182" i="4"/>
  <c r="BT184" i="4"/>
  <c r="BT186" i="4"/>
  <c r="BT188" i="4"/>
  <c r="BT190" i="4"/>
  <c r="BT192" i="4"/>
  <c r="BT194" i="4"/>
  <c r="BT196" i="4"/>
  <c r="BT198" i="4"/>
  <c r="BT200" i="4"/>
  <c r="BT202" i="4"/>
  <c r="BT204" i="4"/>
  <c r="BT206" i="4"/>
  <c r="BT208" i="4"/>
  <c r="BT210" i="4"/>
  <c r="BT212" i="4"/>
  <c r="BT214" i="4"/>
  <c r="BT216" i="4"/>
  <c r="BT218" i="4"/>
  <c r="BT220" i="4"/>
  <c r="BT222" i="4"/>
  <c r="BT224" i="4"/>
  <c r="BT226" i="4"/>
  <c r="BT228" i="4"/>
  <c r="BT230" i="4"/>
  <c r="BR3" i="4"/>
  <c r="BR6" i="4"/>
  <c r="BR8" i="4"/>
  <c r="BR4" i="4"/>
  <c r="BR5" i="4"/>
  <c r="BR10" i="4"/>
  <c r="BR12" i="4"/>
  <c r="BR14" i="4"/>
  <c r="BR7" i="4"/>
  <c r="BR11" i="4"/>
  <c r="BR15" i="4"/>
  <c r="BR17" i="4"/>
  <c r="BR19" i="4"/>
  <c r="BR21" i="4"/>
  <c r="BR23" i="4"/>
  <c r="BR25" i="4"/>
  <c r="BR27" i="4"/>
  <c r="BR29" i="4"/>
  <c r="BR13" i="4"/>
  <c r="BR18" i="4"/>
  <c r="BR22" i="4"/>
  <c r="BR26" i="4"/>
  <c r="BR31" i="4"/>
  <c r="BR33" i="4"/>
  <c r="BR35" i="4"/>
  <c r="BR37" i="4"/>
  <c r="BR39" i="4"/>
  <c r="BR41" i="4"/>
  <c r="BR43" i="4"/>
  <c r="BR45" i="4"/>
  <c r="BR47" i="4"/>
  <c r="BR49" i="4"/>
  <c r="BR51" i="4"/>
  <c r="BR53" i="4"/>
  <c r="BR55" i="4"/>
  <c r="BR57" i="4"/>
  <c r="BR16" i="4"/>
  <c r="BR24" i="4"/>
  <c r="BR32" i="4"/>
  <c r="BR36" i="4"/>
  <c r="BR40" i="4"/>
  <c r="BR44" i="4"/>
  <c r="BR48" i="4"/>
  <c r="BR52" i="4"/>
  <c r="BR56" i="4"/>
  <c r="BR60" i="4"/>
  <c r="BR62" i="4"/>
  <c r="BR64" i="4"/>
  <c r="BR66" i="4"/>
  <c r="BR68" i="4"/>
  <c r="BR70" i="4"/>
  <c r="BR72" i="4"/>
  <c r="BR74" i="4"/>
  <c r="BR76" i="4"/>
  <c r="BR78" i="4"/>
  <c r="BR80" i="4"/>
  <c r="BR82" i="4"/>
  <c r="BR84" i="4"/>
  <c r="BR86" i="4"/>
  <c r="BR88" i="4"/>
  <c r="BR90" i="4"/>
  <c r="BR92" i="4"/>
  <c r="BR94" i="4"/>
  <c r="BR96" i="4"/>
  <c r="BR98" i="4"/>
  <c r="BR100" i="4"/>
  <c r="BR102" i="4"/>
  <c r="BR104" i="4"/>
  <c r="BR106" i="4"/>
  <c r="BR108" i="4"/>
  <c r="BR110" i="4"/>
  <c r="BR112" i="4"/>
  <c r="BR114" i="4"/>
  <c r="BR116" i="4"/>
  <c r="BR9" i="4"/>
  <c r="BR20" i="4"/>
  <c r="BR30" i="4"/>
  <c r="BR38" i="4"/>
  <c r="BR46" i="4"/>
  <c r="BR54" i="4"/>
  <c r="BR59" i="4"/>
  <c r="BR63" i="4"/>
  <c r="BR67" i="4"/>
  <c r="BR71" i="4"/>
  <c r="BR75" i="4"/>
  <c r="BR79" i="4"/>
  <c r="BR83" i="4"/>
  <c r="BR87" i="4"/>
  <c r="BR91" i="4"/>
  <c r="BR95" i="4"/>
  <c r="BR99" i="4"/>
  <c r="BR103" i="4"/>
  <c r="BR107" i="4"/>
  <c r="BR111" i="4"/>
  <c r="BR115" i="4"/>
  <c r="BR118" i="4"/>
  <c r="BR120" i="4"/>
  <c r="BR122" i="4"/>
  <c r="BR124" i="4"/>
  <c r="BR126" i="4"/>
  <c r="BR128" i="4"/>
  <c r="BR130" i="4"/>
  <c r="BR132" i="4"/>
  <c r="BR134" i="4"/>
  <c r="BR136" i="4"/>
  <c r="BR138" i="4"/>
  <c r="BR140" i="4"/>
  <c r="BR142" i="4"/>
  <c r="BR144" i="4"/>
  <c r="BR146" i="4"/>
  <c r="BR148" i="4"/>
  <c r="BR150" i="4"/>
  <c r="BR152" i="4"/>
  <c r="BR154" i="4"/>
  <c r="BR156" i="4"/>
  <c r="BR158" i="4"/>
  <c r="BR160" i="4"/>
  <c r="BR162" i="4"/>
  <c r="BR164" i="4"/>
  <c r="BR166" i="4"/>
  <c r="BR168" i="4"/>
  <c r="BR170" i="4"/>
  <c r="BR172" i="4"/>
  <c r="BR174" i="4"/>
  <c r="BR176" i="4"/>
  <c r="BR178" i="4"/>
  <c r="BR180" i="4"/>
  <c r="BR182" i="4"/>
  <c r="BR184" i="4"/>
  <c r="BR186" i="4"/>
  <c r="BR188" i="4"/>
  <c r="BR190" i="4"/>
  <c r="BR192" i="4"/>
  <c r="BR194" i="4"/>
  <c r="BR196" i="4"/>
  <c r="BR198" i="4"/>
  <c r="BR200" i="4"/>
  <c r="BR202" i="4"/>
  <c r="BR204" i="4"/>
  <c r="BR206" i="4"/>
  <c r="BR208" i="4"/>
  <c r="BR210" i="4"/>
  <c r="BR212" i="4"/>
  <c r="BR214" i="4"/>
  <c r="BR216" i="4"/>
  <c r="BR218" i="4"/>
  <c r="BR220" i="4"/>
  <c r="BR222" i="4"/>
  <c r="BR224" i="4"/>
  <c r="BR226" i="4"/>
  <c r="BR228" i="4"/>
  <c r="BR230" i="4"/>
  <c r="BP3" i="4"/>
  <c r="BP4" i="4"/>
  <c r="BP6" i="4"/>
  <c r="BP8" i="4"/>
  <c r="BP7" i="4"/>
  <c r="BP10" i="4"/>
  <c r="BP12" i="4"/>
  <c r="BP14" i="4"/>
  <c r="BP5" i="4"/>
  <c r="BP9" i="4"/>
  <c r="BP13" i="4"/>
  <c r="BP17" i="4"/>
  <c r="BP19" i="4"/>
  <c r="BP21" i="4"/>
  <c r="BP23" i="4"/>
  <c r="BP25" i="4"/>
  <c r="BP27" i="4"/>
  <c r="BP29" i="4"/>
  <c r="BP11" i="4"/>
  <c r="BP16" i="4"/>
  <c r="BP20" i="4"/>
  <c r="BP24" i="4"/>
  <c r="BP28" i="4"/>
  <c r="BP31" i="4"/>
  <c r="BP33" i="4"/>
  <c r="BP35" i="4"/>
  <c r="BP37" i="4"/>
  <c r="BP39" i="4"/>
  <c r="BP41" i="4"/>
  <c r="BP43" i="4"/>
  <c r="BP45" i="4"/>
  <c r="BP47" i="4"/>
  <c r="BP49" i="4"/>
  <c r="BP51" i="4"/>
  <c r="BP53" i="4"/>
  <c r="BP55" i="4"/>
  <c r="BP57" i="4"/>
  <c r="BP15" i="4"/>
  <c r="BP22" i="4"/>
  <c r="BP30" i="4"/>
  <c r="BP34" i="4"/>
  <c r="BP38" i="4"/>
  <c r="BP42" i="4"/>
  <c r="BP46" i="4"/>
  <c r="BP50" i="4"/>
  <c r="BP54" i="4"/>
  <c r="BP58" i="4"/>
  <c r="BP60" i="4"/>
  <c r="BP62" i="4"/>
  <c r="BP64" i="4"/>
  <c r="BP66" i="4"/>
  <c r="BP68" i="4"/>
  <c r="BP70" i="4"/>
  <c r="BP72" i="4"/>
  <c r="BP74" i="4"/>
  <c r="BP76" i="4"/>
  <c r="BP78" i="4"/>
  <c r="BP80" i="4"/>
  <c r="BP82" i="4"/>
  <c r="BP84" i="4"/>
  <c r="BP86" i="4"/>
  <c r="BP88" i="4"/>
  <c r="BP90" i="4"/>
  <c r="BP92" i="4"/>
  <c r="BP94" i="4"/>
  <c r="BP96" i="4"/>
  <c r="BP98" i="4"/>
  <c r="BP100" i="4"/>
  <c r="BP102" i="4"/>
  <c r="BP104" i="4"/>
  <c r="BP106" i="4"/>
  <c r="BP108" i="4"/>
  <c r="BP110" i="4"/>
  <c r="BP112" i="4"/>
  <c r="BP114" i="4"/>
  <c r="BP116" i="4"/>
  <c r="BP18" i="4"/>
  <c r="BP36" i="4"/>
  <c r="BP44" i="4"/>
  <c r="BP52" i="4"/>
  <c r="BP61" i="4"/>
  <c r="BP65" i="4"/>
  <c r="BP69" i="4"/>
  <c r="BP73" i="4"/>
  <c r="BP77" i="4"/>
  <c r="BP81" i="4"/>
  <c r="BP85" i="4"/>
  <c r="BP89" i="4"/>
  <c r="BP93" i="4"/>
  <c r="BP97" i="4"/>
  <c r="BP101" i="4"/>
  <c r="BP105" i="4"/>
  <c r="BP109" i="4"/>
  <c r="BP113" i="4"/>
  <c r="BP118" i="4"/>
  <c r="BP120" i="4"/>
  <c r="BP122" i="4"/>
  <c r="BP124" i="4"/>
  <c r="BP126" i="4"/>
  <c r="BP128" i="4"/>
  <c r="BP130" i="4"/>
  <c r="BP132" i="4"/>
  <c r="BP134" i="4"/>
  <c r="BP136" i="4"/>
  <c r="BP138" i="4"/>
  <c r="BP140" i="4"/>
  <c r="BP142" i="4"/>
  <c r="BP144" i="4"/>
  <c r="BP146" i="4"/>
  <c r="BP148" i="4"/>
  <c r="BP150" i="4"/>
  <c r="BP152" i="4"/>
  <c r="BP154" i="4"/>
  <c r="BP156" i="4"/>
  <c r="BP158" i="4"/>
  <c r="BP160" i="4"/>
  <c r="BP162" i="4"/>
  <c r="BP164" i="4"/>
  <c r="BP166" i="4"/>
  <c r="BP168" i="4"/>
  <c r="BP170" i="4"/>
  <c r="BP172" i="4"/>
  <c r="BP174" i="4"/>
  <c r="BP176" i="4"/>
  <c r="BP178" i="4"/>
  <c r="BP180" i="4"/>
  <c r="BP182" i="4"/>
  <c r="BP184" i="4"/>
  <c r="BP186" i="4"/>
  <c r="BP188" i="4"/>
  <c r="BP190" i="4"/>
  <c r="BP192" i="4"/>
  <c r="BP194" i="4"/>
  <c r="BP196" i="4"/>
  <c r="BP198" i="4"/>
  <c r="BP200" i="4"/>
  <c r="BP202" i="4"/>
  <c r="BP204" i="4"/>
  <c r="BP206" i="4"/>
  <c r="BP208" i="4"/>
  <c r="BP210" i="4"/>
  <c r="BP212" i="4"/>
  <c r="BP214" i="4"/>
  <c r="BP216" i="4"/>
  <c r="BP218" i="4"/>
  <c r="BP220" i="4"/>
  <c r="BP222" i="4"/>
  <c r="BP224" i="4"/>
  <c r="BP226" i="4"/>
  <c r="BP228" i="4"/>
  <c r="BP230" i="4"/>
  <c r="BN3" i="4"/>
  <c r="BN6" i="4"/>
  <c r="BN8" i="4"/>
  <c r="BN5" i="4"/>
  <c r="BN10" i="4"/>
  <c r="BN12" i="4"/>
  <c r="BN14" i="4"/>
  <c r="BN4" i="4"/>
  <c r="BN11" i="4"/>
  <c r="BN15" i="4"/>
  <c r="BN17" i="4"/>
  <c r="BN19" i="4"/>
  <c r="BN21" i="4"/>
  <c r="BN23" i="4"/>
  <c r="BN25" i="4"/>
  <c r="BN27" i="4"/>
  <c r="BN29" i="4"/>
  <c r="BN7" i="4"/>
  <c r="BN9" i="4"/>
  <c r="BN18" i="4"/>
  <c r="BN22" i="4"/>
  <c r="BN26" i="4"/>
  <c r="BN31" i="4"/>
  <c r="BN33" i="4"/>
  <c r="BN35" i="4"/>
  <c r="BN37" i="4"/>
  <c r="BN39" i="4"/>
  <c r="BN41" i="4"/>
  <c r="BN43" i="4"/>
  <c r="BN45" i="4"/>
  <c r="BN47" i="4"/>
  <c r="BN49" i="4"/>
  <c r="BN51" i="4"/>
  <c r="BN53" i="4"/>
  <c r="BN55" i="4"/>
  <c r="BN57" i="4"/>
  <c r="BN13" i="4"/>
  <c r="BN20" i="4"/>
  <c r="BN28" i="4"/>
  <c r="BN32" i="4"/>
  <c r="BN36" i="4"/>
  <c r="BN40" i="4"/>
  <c r="BN44" i="4"/>
  <c r="BN48" i="4"/>
  <c r="BN52" i="4"/>
  <c r="BN56" i="4"/>
  <c r="BN60" i="4"/>
  <c r="BN62" i="4"/>
  <c r="BN64" i="4"/>
  <c r="BN66" i="4"/>
  <c r="BN68" i="4"/>
  <c r="BN70" i="4"/>
  <c r="BN72" i="4"/>
  <c r="BN74" i="4"/>
  <c r="BN76" i="4"/>
  <c r="BN78" i="4"/>
  <c r="BN80" i="4"/>
  <c r="BN82" i="4"/>
  <c r="BN84" i="4"/>
  <c r="BN86" i="4"/>
  <c r="BN88" i="4"/>
  <c r="BN90" i="4"/>
  <c r="BN92" i="4"/>
  <c r="BN94" i="4"/>
  <c r="BN96" i="4"/>
  <c r="BN98" i="4"/>
  <c r="BN100" i="4"/>
  <c r="BN102" i="4"/>
  <c r="BN104" i="4"/>
  <c r="BN106" i="4"/>
  <c r="BN108" i="4"/>
  <c r="BN110" i="4"/>
  <c r="BN112" i="4"/>
  <c r="BN114" i="4"/>
  <c r="BN116" i="4"/>
  <c r="BN16" i="4"/>
  <c r="BN34" i="4"/>
  <c r="BN42" i="4"/>
  <c r="BN50" i="4"/>
  <c r="BN58" i="4"/>
  <c r="BN59" i="4"/>
  <c r="BN63" i="4"/>
  <c r="BN67" i="4"/>
  <c r="BN71" i="4"/>
  <c r="BN75" i="4"/>
  <c r="BN79" i="4"/>
  <c r="BN83" i="4"/>
  <c r="BN87" i="4"/>
  <c r="BN91" i="4"/>
  <c r="BN95" i="4"/>
  <c r="BN99" i="4"/>
  <c r="BN103" i="4"/>
  <c r="BN107" i="4"/>
  <c r="BN111" i="4"/>
  <c r="BN115" i="4"/>
  <c r="BN118" i="4"/>
  <c r="BN120" i="4"/>
  <c r="BN122" i="4"/>
  <c r="BN124" i="4"/>
  <c r="BN126" i="4"/>
  <c r="BN128" i="4"/>
  <c r="BN130" i="4"/>
  <c r="BN132" i="4"/>
  <c r="BN134" i="4"/>
  <c r="BN136" i="4"/>
  <c r="BN138" i="4"/>
  <c r="BN140" i="4"/>
  <c r="BN142" i="4"/>
  <c r="BN144" i="4"/>
  <c r="BN146" i="4"/>
  <c r="BN148" i="4"/>
  <c r="BN150" i="4"/>
  <c r="BN152" i="4"/>
  <c r="BN154" i="4"/>
  <c r="BN156" i="4"/>
  <c r="BN158" i="4"/>
  <c r="BN160" i="4"/>
  <c r="BN162" i="4"/>
  <c r="BN164" i="4"/>
  <c r="BN166" i="4"/>
  <c r="BN168" i="4"/>
  <c r="BN170" i="4"/>
  <c r="BN172" i="4"/>
  <c r="BN174" i="4"/>
  <c r="BN176" i="4"/>
  <c r="BN178" i="4"/>
  <c r="BN180" i="4"/>
  <c r="BN182" i="4"/>
  <c r="BN184" i="4"/>
  <c r="BN186" i="4"/>
  <c r="BN188" i="4"/>
  <c r="BN190" i="4"/>
  <c r="BN192" i="4"/>
  <c r="BN194" i="4"/>
  <c r="BN196" i="4"/>
  <c r="BN198" i="4"/>
  <c r="BN200" i="4"/>
  <c r="BN202" i="4"/>
  <c r="BN204" i="4"/>
  <c r="BN206" i="4"/>
  <c r="BN208" i="4"/>
  <c r="BN210" i="4"/>
  <c r="BN212" i="4"/>
  <c r="BN214" i="4"/>
  <c r="BN216" i="4"/>
  <c r="BN218" i="4"/>
  <c r="BN220" i="4"/>
  <c r="BN222" i="4"/>
  <c r="BN224" i="4"/>
  <c r="BN226" i="4"/>
  <c r="BN228" i="4"/>
  <c r="BN230" i="4"/>
  <c r="BL3" i="4"/>
  <c r="BL4" i="4"/>
  <c r="BL6" i="4"/>
  <c r="BL8" i="4"/>
  <c r="BL7" i="4"/>
  <c r="BL10" i="4"/>
  <c r="BL12" i="4"/>
  <c r="BL14" i="4"/>
  <c r="BL9" i="4"/>
  <c r="BL13" i="4"/>
  <c r="BL17" i="4"/>
  <c r="BL19" i="4"/>
  <c r="BL21" i="4"/>
  <c r="BL23" i="4"/>
  <c r="BL25" i="4"/>
  <c r="BL27" i="4"/>
  <c r="BL29" i="4"/>
  <c r="BL5" i="4"/>
  <c r="BL15" i="4"/>
  <c r="BL16" i="4"/>
  <c r="BL20" i="4"/>
  <c r="BL24" i="4"/>
  <c r="BL28" i="4"/>
  <c r="BL31" i="4"/>
  <c r="BL33" i="4"/>
  <c r="BL35" i="4"/>
  <c r="BL37" i="4"/>
  <c r="BL39" i="4"/>
  <c r="BL41" i="4"/>
  <c r="BL43" i="4"/>
  <c r="BL45" i="4"/>
  <c r="BL47" i="4"/>
  <c r="BL49" i="4"/>
  <c r="BL51" i="4"/>
  <c r="BL53" i="4"/>
  <c r="BL55" i="4"/>
  <c r="BL57" i="4"/>
  <c r="BL11" i="4"/>
  <c r="BL18" i="4"/>
  <c r="BL26" i="4"/>
  <c r="BL30" i="4"/>
  <c r="BL34" i="4"/>
  <c r="BL38" i="4"/>
  <c r="BL42" i="4"/>
  <c r="BL46" i="4"/>
  <c r="BL50" i="4"/>
  <c r="BL54" i="4"/>
  <c r="BL58" i="4"/>
  <c r="BL60" i="4"/>
  <c r="BL62" i="4"/>
  <c r="BL64" i="4"/>
  <c r="BL66" i="4"/>
  <c r="BL68" i="4"/>
  <c r="BL70" i="4"/>
  <c r="BL72" i="4"/>
  <c r="BL74" i="4"/>
  <c r="BL76" i="4"/>
  <c r="BL78" i="4"/>
  <c r="BL80" i="4"/>
  <c r="BL82" i="4"/>
  <c r="BL84" i="4"/>
  <c r="BL86" i="4"/>
  <c r="BL88" i="4"/>
  <c r="BL90" i="4"/>
  <c r="BL92" i="4"/>
  <c r="BL94" i="4"/>
  <c r="BL96" i="4"/>
  <c r="BL98" i="4"/>
  <c r="BL100" i="4"/>
  <c r="BL102" i="4"/>
  <c r="BL104" i="4"/>
  <c r="BL106" i="4"/>
  <c r="BL108" i="4"/>
  <c r="BL110" i="4"/>
  <c r="BL112" i="4"/>
  <c r="BL114" i="4"/>
  <c r="BL116" i="4"/>
  <c r="BL32" i="4"/>
  <c r="BL40" i="4"/>
  <c r="BL48" i="4"/>
  <c r="BL56" i="4"/>
  <c r="BL61" i="4"/>
  <c r="BL65" i="4"/>
  <c r="BL69" i="4"/>
  <c r="BL73" i="4"/>
  <c r="BL77" i="4"/>
  <c r="BL81" i="4"/>
  <c r="BL85" i="4"/>
  <c r="BL89" i="4"/>
  <c r="BL93" i="4"/>
  <c r="BL97" i="4"/>
  <c r="BL101" i="4"/>
  <c r="BL105" i="4"/>
  <c r="BL109" i="4"/>
  <c r="BL113" i="4"/>
  <c r="BL118" i="4"/>
  <c r="BL120" i="4"/>
  <c r="BL122" i="4"/>
  <c r="BL124" i="4"/>
  <c r="BL126" i="4"/>
  <c r="BL128" i="4"/>
  <c r="BL130" i="4"/>
  <c r="BL132" i="4"/>
  <c r="BL134" i="4"/>
  <c r="BL136" i="4"/>
  <c r="BL138" i="4"/>
  <c r="BL140" i="4"/>
  <c r="BL142" i="4"/>
  <c r="BL144" i="4"/>
  <c r="BL146" i="4"/>
  <c r="BL148" i="4"/>
  <c r="BL150" i="4"/>
  <c r="BL152" i="4"/>
  <c r="BL154" i="4"/>
  <c r="BL156" i="4"/>
  <c r="BL158" i="4"/>
  <c r="BL160" i="4"/>
  <c r="BL162" i="4"/>
  <c r="BL164" i="4"/>
  <c r="BL166" i="4"/>
  <c r="BL168" i="4"/>
  <c r="BL170" i="4"/>
  <c r="BL172" i="4"/>
  <c r="BL174" i="4"/>
  <c r="BL176" i="4"/>
  <c r="BL178" i="4"/>
  <c r="BL180" i="4"/>
  <c r="BL182" i="4"/>
  <c r="BL184" i="4"/>
  <c r="BL186" i="4"/>
  <c r="BL188" i="4"/>
  <c r="BL190" i="4"/>
  <c r="BL192" i="4"/>
  <c r="BL194" i="4"/>
  <c r="BL196" i="4"/>
  <c r="BL198" i="4"/>
  <c r="BL200" i="4"/>
  <c r="BL202" i="4"/>
  <c r="BL204" i="4"/>
  <c r="BL206" i="4"/>
  <c r="BL208" i="4"/>
  <c r="BL210" i="4"/>
  <c r="BL212" i="4"/>
  <c r="BL214" i="4"/>
  <c r="BL216" i="4"/>
  <c r="BL218" i="4"/>
  <c r="BL220" i="4"/>
  <c r="BL222" i="4"/>
  <c r="BL224" i="4"/>
  <c r="BL226" i="4"/>
  <c r="BL228" i="4"/>
  <c r="BL230" i="4"/>
  <c r="BR2" i="4"/>
  <c r="BN2" i="4"/>
  <c r="BJ2" i="4"/>
  <c r="BF2" i="4"/>
  <c r="BB2" i="4"/>
  <c r="AX2" i="4"/>
  <c r="AT2" i="4"/>
  <c r="AP2" i="4"/>
  <c r="AM346" i="4"/>
  <c r="AK346" i="4"/>
  <c r="AI346" i="4"/>
  <c r="AG346" i="4"/>
  <c r="AE346" i="4"/>
  <c r="AC346" i="4"/>
  <c r="AA346" i="4"/>
  <c r="Y346" i="4"/>
  <c r="W346" i="4"/>
  <c r="U346" i="4"/>
  <c r="S346" i="4"/>
  <c r="Q346" i="4"/>
  <c r="O346" i="4"/>
  <c r="M346" i="4"/>
  <c r="K346" i="4"/>
  <c r="I346" i="4"/>
  <c r="G346" i="4"/>
  <c r="E346" i="4"/>
  <c r="C346" i="4"/>
  <c r="BT345" i="4"/>
  <c r="BR345" i="4"/>
  <c r="BP345" i="4"/>
  <c r="BN345" i="4"/>
  <c r="BL345" i="4"/>
  <c r="BJ345" i="4"/>
  <c r="BH345" i="4"/>
  <c r="BF345" i="4"/>
  <c r="BD345" i="4"/>
  <c r="BB345" i="4"/>
  <c r="AZ345" i="4"/>
  <c r="AX345" i="4"/>
  <c r="AV345" i="4"/>
  <c r="AT345" i="4"/>
  <c r="AR345" i="4"/>
  <c r="AP345" i="4"/>
  <c r="B345" i="4"/>
  <c r="AM344" i="4"/>
  <c r="AK344" i="4"/>
  <c r="AI344" i="4"/>
  <c r="AG344" i="4"/>
  <c r="AE344" i="4"/>
  <c r="AC344" i="4"/>
  <c r="AA344" i="4"/>
  <c r="Y344" i="4"/>
  <c r="W344" i="4"/>
  <c r="U344" i="4"/>
  <c r="S344" i="4"/>
  <c r="Q344" i="4"/>
  <c r="O344" i="4"/>
  <c r="M344" i="4"/>
  <c r="K344" i="4"/>
  <c r="I344" i="4"/>
  <c r="G344" i="4"/>
  <c r="E344" i="4"/>
  <c r="C344" i="4"/>
  <c r="BT343" i="4"/>
  <c r="BR343" i="4"/>
  <c r="BP343" i="4"/>
  <c r="BN343" i="4"/>
  <c r="BL343" i="4"/>
  <c r="BJ343" i="4"/>
  <c r="BH343" i="4"/>
  <c r="BF343" i="4"/>
  <c r="BD343" i="4"/>
  <c r="BB343" i="4"/>
  <c r="AZ343" i="4"/>
  <c r="AX343" i="4"/>
  <c r="AV343" i="4"/>
  <c r="AT343" i="4"/>
  <c r="AR343" i="4"/>
  <c r="AP343" i="4"/>
  <c r="B343" i="4"/>
  <c r="AM342" i="4"/>
  <c r="AK342" i="4"/>
  <c r="AI342" i="4"/>
  <c r="AG342" i="4"/>
  <c r="AE342" i="4"/>
  <c r="AC342" i="4"/>
  <c r="AA342" i="4"/>
  <c r="Y342" i="4"/>
  <c r="W342" i="4"/>
  <c r="U342" i="4"/>
  <c r="S342" i="4"/>
  <c r="Q342" i="4"/>
  <c r="O342" i="4"/>
  <c r="M342" i="4"/>
  <c r="K342" i="4"/>
  <c r="I342" i="4"/>
  <c r="G342" i="4"/>
  <c r="E342" i="4"/>
  <c r="C342" i="4"/>
  <c r="BT341" i="4"/>
  <c r="BR341" i="4"/>
  <c r="BP341" i="4"/>
  <c r="BN341" i="4"/>
  <c r="BL341" i="4"/>
  <c r="BJ341" i="4"/>
  <c r="BH341" i="4"/>
  <c r="BF341" i="4"/>
  <c r="BD341" i="4"/>
  <c r="BB341" i="4"/>
  <c r="AZ341" i="4"/>
  <c r="AX341" i="4"/>
  <c r="AV341" i="4"/>
  <c r="AT341" i="4"/>
  <c r="AR341" i="4"/>
  <c r="AP341" i="4"/>
  <c r="B341" i="4"/>
  <c r="AM340" i="4"/>
  <c r="AK340" i="4"/>
  <c r="AI340" i="4"/>
  <c r="AG340" i="4"/>
  <c r="AE340" i="4"/>
  <c r="AC340" i="4"/>
  <c r="AA340" i="4"/>
  <c r="Y340" i="4"/>
  <c r="W340" i="4"/>
  <c r="U340" i="4"/>
  <c r="S340" i="4"/>
  <c r="Q340" i="4"/>
  <c r="O340" i="4"/>
  <c r="M340" i="4"/>
  <c r="K340" i="4"/>
  <c r="I340" i="4"/>
  <c r="G340" i="4"/>
  <c r="E340" i="4"/>
  <c r="C340" i="4"/>
  <c r="BT339" i="4"/>
  <c r="BR339" i="4"/>
  <c r="BP339" i="4"/>
  <c r="BN339" i="4"/>
  <c r="BL339" i="4"/>
  <c r="BJ339" i="4"/>
  <c r="BH339" i="4"/>
  <c r="BF339" i="4"/>
  <c r="BD339" i="4"/>
  <c r="BB339" i="4"/>
  <c r="AZ339" i="4"/>
  <c r="AX339" i="4"/>
  <c r="AV339" i="4"/>
  <c r="AT339" i="4"/>
  <c r="AR339" i="4"/>
  <c r="AP339" i="4"/>
  <c r="B339" i="4"/>
  <c r="AM338" i="4"/>
  <c r="AK338" i="4"/>
  <c r="AI338" i="4"/>
  <c r="AG338" i="4"/>
  <c r="AE338" i="4"/>
  <c r="AC338" i="4"/>
  <c r="AA338" i="4"/>
  <c r="Y338" i="4"/>
  <c r="W338" i="4"/>
  <c r="U338" i="4"/>
  <c r="S338" i="4"/>
  <c r="Q338" i="4"/>
  <c r="O338" i="4"/>
  <c r="M338" i="4"/>
  <c r="K338" i="4"/>
  <c r="I338" i="4"/>
  <c r="G338" i="4"/>
  <c r="E338" i="4"/>
  <c r="C338" i="4"/>
  <c r="BT337" i="4"/>
  <c r="BR337" i="4"/>
  <c r="BP337" i="4"/>
  <c r="BN337" i="4"/>
  <c r="BL337" i="4"/>
  <c r="BJ337" i="4"/>
  <c r="BH337" i="4"/>
  <c r="BF337" i="4"/>
  <c r="BD337" i="4"/>
  <c r="BB337" i="4"/>
  <c r="AZ337" i="4"/>
  <c r="AX337" i="4"/>
  <c r="AV337" i="4"/>
  <c r="AT337" i="4"/>
  <c r="AR337" i="4"/>
  <c r="AP337" i="4"/>
  <c r="B337" i="4"/>
  <c r="AM336" i="4"/>
  <c r="AK336" i="4"/>
  <c r="AI336" i="4"/>
  <c r="AG336" i="4"/>
  <c r="AE336" i="4"/>
  <c r="AC336" i="4"/>
  <c r="AA336" i="4"/>
  <c r="Y336" i="4"/>
  <c r="W336" i="4"/>
  <c r="U336" i="4"/>
  <c r="S336" i="4"/>
  <c r="Q336" i="4"/>
  <c r="O336" i="4"/>
  <c r="M336" i="4"/>
  <c r="K336" i="4"/>
  <c r="I336" i="4"/>
  <c r="G336" i="4"/>
  <c r="E336" i="4"/>
  <c r="C336" i="4"/>
  <c r="BT335" i="4"/>
  <c r="BR335" i="4"/>
  <c r="BP335" i="4"/>
  <c r="BN335" i="4"/>
  <c r="BL335" i="4"/>
  <c r="BJ335" i="4"/>
  <c r="BH335" i="4"/>
  <c r="BF335" i="4"/>
  <c r="BD335" i="4"/>
  <c r="BB335" i="4"/>
  <c r="AZ335" i="4"/>
  <c r="AX335" i="4"/>
  <c r="AV335" i="4"/>
  <c r="AT335" i="4"/>
  <c r="AR335" i="4"/>
  <c r="AP335" i="4"/>
  <c r="B335" i="4"/>
  <c r="AM334" i="4"/>
  <c r="AK334" i="4"/>
  <c r="AI334" i="4"/>
  <c r="AG334" i="4"/>
  <c r="AE334" i="4"/>
  <c r="AC334" i="4"/>
  <c r="AA334" i="4"/>
  <c r="Y334" i="4"/>
  <c r="W334" i="4"/>
  <c r="U334" i="4"/>
  <c r="S334" i="4"/>
  <c r="Q334" i="4"/>
  <c r="O334" i="4"/>
  <c r="M334" i="4"/>
  <c r="K334" i="4"/>
  <c r="I334" i="4"/>
  <c r="G334" i="4"/>
  <c r="E334" i="4"/>
  <c r="C334" i="4"/>
  <c r="BT333" i="4"/>
  <c r="BR333" i="4"/>
  <c r="BP333" i="4"/>
  <c r="BN333" i="4"/>
  <c r="BL333" i="4"/>
  <c r="BJ333" i="4"/>
  <c r="BH333" i="4"/>
  <c r="BF333" i="4"/>
  <c r="BD333" i="4"/>
  <c r="BB333" i="4"/>
  <c r="AZ333" i="4"/>
  <c r="AX333" i="4"/>
  <c r="AV333" i="4"/>
  <c r="AT333" i="4"/>
  <c r="AR333" i="4"/>
  <c r="AP333" i="4"/>
  <c r="B333" i="4"/>
  <c r="AM332" i="4"/>
  <c r="AK332" i="4"/>
  <c r="AI332" i="4"/>
  <c r="AG332" i="4"/>
  <c r="AE332" i="4"/>
  <c r="AC332" i="4"/>
  <c r="AA332" i="4"/>
  <c r="Y332" i="4"/>
  <c r="W332" i="4"/>
  <c r="U332" i="4"/>
  <c r="S332" i="4"/>
  <c r="Q332" i="4"/>
  <c r="O332" i="4"/>
  <c r="M332" i="4"/>
  <c r="K332" i="4"/>
  <c r="I332" i="4"/>
  <c r="G332" i="4"/>
  <c r="E332" i="4"/>
  <c r="C332" i="4"/>
  <c r="BT331" i="4"/>
  <c r="BR331" i="4"/>
  <c r="BP331" i="4"/>
  <c r="BN331" i="4"/>
  <c r="BL331" i="4"/>
  <c r="BJ331" i="4"/>
  <c r="BH331" i="4"/>
  <c r="BF331" i="4"/>
  <c r="BD331" i="4"/>
  <c r="BB331" i="4"/>
  <c r="AZ331" i="4"/>
  <c r="AX331" i="4"/>
  <c r="AV331" i="4"/>
  <c r="AT331" i="4"/>
  <c r="AR331" i="4"/>
  <c r="AP331" i="4"/>
  <c r="B331" i="4"/>
  <c r="AM330" i="4"/>
  <c r="AK330" i="4"/>
  <c r="AI330" i="4"/>
  <c r="AG330" i="4"/>
  <c r="AE330" i="4"/>
  <c r="AC330" i="4"/>
  <c r="AA330" i="4"/>
  <c r="Y330" i="4"/>
  <c r="W330" i="4"/>
  <c r="U330" i="4"/>
  <c r="S330" i="4"/>
  <c r="Q330" i="4"/>
  <c r="O330" i="4"/>
  <c r="M330" i="4"/>
  <c r="K330" i="4"/>
  <c r="I330" i="4"/>
  <c r="G330" i="4"/>
  <c r="E330" i="4"/>
  <c r="C330" i="4"/>
  <c r="BT329" i="4"/>
  <c r="BR329" i="4"/>
  <c r="BP329" i="4"/>
  <c r="BN329" i="4"/>
  <c r="BL329" i="4"/>
  <c r="BJ329" i="4"/>
  <c r="BH329" i="4"/>
  <c r="BF329" i="4"/>
  <c r="BD329" i="4"/>
  <c r="BB329" i="4"/>
  <c r="AZ329" i="4"/>
  <c r="AX329" i="4"/>
  <c r="AV329" i="4"/>
  <c r="AT329" i="4"/>
  <c r="AR329" i="4"/>
  <c r="AP329" i="4"/>
  <c r="B329" i="4"/>
  <c r="AM328" i="4"/>
  <c r="AK328" i="4"/>
  <c r="AI328" i="4"/>
  <c r="AG328" i="4"/>
  <c r="AE328" i="4"/>
  <c r="AC328" i="4"/>
  <c r="AA328" i="4"/>
  <c r="Y328" i="4"/>
  <c r="W328" i="4"/>
  <c r="U328" i="4"/>
  <c r="S328" i="4"/>
  <c r="Q328" i="4"/>
  <c r="O328" i="4"/>
  <c r="M328" i="4"/>
  <c r="K328" i="4"/>
  <c r="I328" i="4"/>
  <c r="G328" i="4"/>
  <c r="E328" i="4"/>
  <c r="C328" i="4"/>
  <c r="BT327" i="4"/>
  <c r="BR327" i="4"/>
  <c r="BP327" i="4"/>
  <c r="BN327" i="4"/>
  <c r="BL327" i="4"/>
  <c r="BJ327" i="4"/>
  <c r="BH327" i="4"/>
  <c r="BF327" i="4"/>
  <c r="BD327" i="4"/>
  <c r="BB327" i="4"/>
  <c r="AZ327" i="4"/>
  <c r="AX327" i="4"/>
  <c r="AV327" i="4"/>
  <c r="AT327" i="4"/>
  <c r="AR327" i="4"/>
  <c r="AP327" i="4"/>
  <c r="B327" i="4"/>
  <c r="AM326" i="4"/>
  <c r="AK326" i="4"/>
  <c r="AI326" i="4"/>
  <c r="AG326" i="4"/>
  <c r="AE326" i="4"/>
  <c r="AC326" i="4"/>
  <c r="AA326" i="4"/>
  <c r="Y326" i="4"/>
  <c r="W326" i="4"/>
  <c r="U326" i="4"/>
  <c r="S326" i="4"/>
  <c r="Q326" i="4"/>
  <c r="O326" i="4"/>
  <c r="M326" i="4"/>
  <c r="K326" i="4"/>
  <c r="I326" i="4"/>
  <c r="G326" i="4"/>
  <c r="E326" i="4"/>
  <c r="C326" i="4"/>
  <c r="BT325" i="4"/>
  <c r="BR325" i="4"/>
  <c r="BP325" i="4"/>
  <c r="BN325" i="4"/>
  <c r="BL325" i="4"/>
  <c r="BJ325" i="4"/>
  <c r="BH325" i="4"/>
  <c r="BF325" i="4"/>
  <c r="BD325" i="4"/>
  <c r="BB325" i="4"/>
  <c r="AZ325" i="4"/>
  <c r="AX325" i="4"/>
  <c r="AV325" i="4"/>
  <c r="AT325" i="4"/>
  <c r="AR325" i="4"/>
  <c r="AP325" i="4"/>
  <c r="B325" i="4"/>
  <c r="AM324" i="4"/>
  <c r="AK324" i="4"/>
  <c r="AI324" i="4"/>
  <c r="AG324" i="4"/>
  <c r="AE324" i="4"/>
  <c r="AC324" i="4"/>
  <c r="AA324" i="4"/>
  <c r="Y324" i="4"/>
  <c r="W324" i="4"/>
  <c r="U324" i="4"/>
  <c r="S324" i="4"/>
  <c r="Q324" i="4"/>
  <c r="O324" i="4"/>
  <c r="M324" i="4"/>
  <c r="K324" i="4"/>
  <c r="I324" i="4"/>
  <c r="G324" i="4"/>
  <c r="E324" i="4"/>
  <c r="C324" i="4"/>
  <c r="BT323" i="4"/>
  <c r="BR323" i="4"/>
  <c r="BP323" i="4"/>
  <c r="BN323" i="4"/>
  <c r="BL323" i="4"/>
  <c r="BJ323" i="4"/>
  <c r="BH323" i="4"/>
  <c r="BF323" i="4"/>
  <c r="BD323" i="4"/>
  <c r="BB323" i="4"/>
  <c r="AZ323" i="4"/>
  <c r="AX323" i="4"/>
  <c r="AV323" i="4"/>
  <c r="AT323" i="4"/>
  <c r="AR323" i="4"/>
  <c r="AP323" i="4"/>
  <c r="B323" i="4"/>
  <c r="AM322" i="4"/>
  <c r="AK322" i="4"/>
  <c r="AI322" i="4"/>
  <c r="AG322" i="4"/>
  <c r="AE322" i="4"/>
  <c r="AC322" i="4"/>
  <c r="AA322" i="4"/>
  <c r="Y322" i="4"/>
  <c r="W322" i="4"/>
  <c r="U322" i="4"/>
  <c r="S322" i="4"/>
  <c r="Q322" i="4"/>
  <c r="O322" i="4"/>
  <c r="M322" i="4"/>
  <c r="K322" i="4"/>
  <c r="I322" i="4"/>
  <c r="G322" i="4"/>
  <c r="E322" i="4"/>
  <c r="C322" i="4"/>
  <c r="BT321" i="4"/>
  <c r="BR321" i="4"/>
  <c r="BP321" i="4"/>
  <c r="BN321" i="4"/>
  <c r="BL321" i="4"/>
  <c r="BJ321" i="4"/>
  <c r="BH321" i="4"/>
  <c r="BF321" i="4"/>
  <c r="BD321" i="4"/>
  <c r="BB321" i="4"/>
  <c r="AZ321" i="4"/>
  <c r="AX321" i="4"/>
  <c r="AV321" i="4"/>
  <c r="AT321" i="4"/>
  <c r="AR321" i="4"/>
  <c r="AP321" i="4"/>
  <c r="B321" i="4"/>
  <c r="AM320" i="4"/>
  <c r="AK320" i="4"/>
  <c r="AI320" i="4"/>
  <c r="AG320" i="4"/>
  <c r="AE320" i="4"/>
  <c r="AC320" i="4"/>
  <c r="AA320" i="4"/>
  <c r="Y320" i="4"/>
  <c r="W320" i="4"/>
  <c r="U320" i="4"/>
  <c r="S320" i="4"/>
  <c r="Q320" i="4"/>
  <c r="O320" i="4"/>
  <c r="M320" i="4"/>
  <c r="K320" i="4"/>
  <c r="I320" i="4"/>
  <c r="G320" i="4"/>
  <c r="E320" i="4"/>
  <c r="C320" i="4"/>
  <c r="BT319" i="4"/>
  <c r="BR319" i="4"/>
  <c r="BP319" i="4"/>
  <c r="BN319" i="4"/>
  <c r="BL319" i="4"/>
  <c r="BJ319" i="4"/>
  <c r="BH319" i="4"/>
  <c r="BF319" i="4"/>
  <c r="BD319" i="4"/>
  <c r="BB319" i="4"/>
  <c r="AZ319" i="4"/>
  <c r="AX319" i="4"/>
  <c r="AV319" i="4"/>
  <c r="AT319" i="4"/>
  <c r="AR319" i="4"/>
  <c r="AP319" i="4"/>
  <c r="B319" i="4"/>
  <c r="AM318" i="4"/>
  <c r="AK318" i="4"/>
  <c r="AI318" i="4"/>
  <c r="AG318" i="4"/>
  <c r="AE318" i="4"/>
  <c r="AC318" i="4"/>
  <c r="AA318" i="4"/>
  <c r="Y318" i="4"/>
  <c r="W318" i="4"/>
  <c r="U318" i="4"/>
  <c r="S318" i="4"/>
  <c r="Q318" i="4"/>
  <c r="O318" i="4"/>
  <c r="M318" i="4"/>
  <c r="K318" i="4"/>
  <c r="I318" i="4"/>
  <c r="G318" i="4"/>
  <c r="E318" i="4"/>
  <c r="C318" i="4"/>
  <c r="BT317" i="4"/>
  <c r="BR317" i="4"/>
  <c r="BP317" i="4"/>
  <c r="BN317" i="4"/>
  <c r="BL317" i="4"/>
  <c r="BJ317" i="4"/>
  <c r="BH317" i="4"/>
  <c r="BF317" i="4"/>
  <c r="BD317" i="4"/>
  <c r="BB317" i="4"/>
  <c r="AZ317" i="4"/>
  <c r="AX317" i="4"/>
  <c r="AV317" i="4"/>
  <c r="AT317" i="4"/>
  <c r="AR317" i="4"/>
  <c r="AP317" i="4"/>
  <c r="B317" i="4"/>
  <c r="AM316" i="4"/>
  <c r="AK316" i="4"/>
  <c r="AI316" i="4"/>
  <c r="AG316" i="4"/>
  <c r="AE316" i="4"/>
  <c r="AC316" i="4"/>
  <c r="AA316" i="4"/>
  <c r="Y316" i="4"/>
  <c r="W316" i="4"/>
  <c r="U316" i="4"/>
  <c r="S316" i="4"/>
  <c r="Q316" i="4"/>
  <c r="O316" i="4"/>
  <c r="M316" i="4"/>
  <c r="K316" i="4"/>
  <c r="I316" i="4"/>
  <c r="G316" i="4"/>
  <c r="E316" i="4"/>
  <c r="C316" i="4"/>
  <c r="BT315" i="4"/>
  <c r="BR315" i="4"/>
  <c r="BP315" i="4"/>
  <c r="BN315" i="4"/>
  <c r="BL315" i="4"/>
  <c r="BJ315" i="4"/>
  <c r="BH315" i="4"/>
  <c r="BF315" i="4"/>
  <c r="BD315" i="4"/>
  <c r="BB315" i="4"/>
  <c r="AZ315" i="4"/>
  <c r="AX315" i="4"/>
  <c r="AV315" i="4"/>
  <c r="AT315" i="4"/>
  <c r="AR315" i="4"/>
  <c r="AP315" i="4"/>
  <c r="B315" i="4"/>
  <c r="AM314" i="4"/>
  <c r="AK314" i="4"/>
  <c r="AI314" i="4"/>
  <c r="AG314" i="4"/>
  <c r="AE314" i="4"/>
  <c r="AC314" i="4"/>
  <c r="AA314" i="4"/>
  <c r="Y314" i="4"/>
  <c r="W314" i="4"/>
  <c r="U314" i="4"/>
  <c r="S314" i="4"/>
  <c r="Q314" i="4"/>
  <c r="O314" i="4"/>
  <c r="M314" i="4"/>
  <c r="K314" i="4"/>
  <c r="I314" i="4"/>
  <c r="G314" i="4"/>
  <c r="E314" i="4"/>
  <c r="C314" i="4"/>
  <c r="BT313" i="4"/>
  <c r="BR313" i="4"/>
  <c r="BP313" i="4"/>
  <c r="BN313" i="4"/>
  <c r="BL313" i="4"/>
  <c r="BJ313" i="4"/>
  <c r="BH313" i="4"/>
  <c r="BF313" i="4"/>
  <c r="BD313" i="4"/>
  <c r="BB313" i="4"/>
  <c r="AZ313" i="4"/>
  <c r="AX313" i="4"/>
  <c r="AV313" i="4"/>
  <c r="AT313" i="4"/>
  <c r="AR313" i="4"/>
  <c r="AP313" i="4"/>
  <c r="B313" i="4"/>
  <c r="AM312" i="4"/>
  <c r="AK312" i="4"/>
  <c r="AI312" i="4"/>
  <c r="AG312" i="4"/>
  <c r="AE312" i="4"/>
  <c r="AC312" i="4"/>
  <c r="AA312" i="4"/>
  <c r="Y312" i="4"/>
  <c r="W312" i="4"/>
  <c r="U312" i="4"/>
  <c r="S312" i="4"/>
  <c r="Q312" i="4"/>
  <c r="O312" i="4"/>
  <c r="M312" i="4"/>
  <c r="K312" i="4"/>
  <c r="I312" i="4"/>
  <c r="G312" i="4"/>
  <c r="E312" i="4"/>
  <c r="C312" i="4"/>
  <c r="BT311" i="4"/>
  <c r="BR311" i="4"/>
  <c r="BP311" i="4"/>
  <c r="BN311" i="4"/>
  <c r="BL311" i="4"/>
  <c r="BJ311" i="4"/>
  <c r="BH311" i="4"/>
  <c r="BF311" i="4"/>
  <c r="BD311" i="4"/>
  <c r="BB311" i="4"/>
  <c r="AZ311" i="4"/>
  <c r="AX311" i="4"/>
  <c r="AV311" i="4"/>
  <c r="AT311" i="4"/>
  <c r="AR311" i="4"/>
  <c r="AP311" i="4"/>
  <c r="B311" i="4"/>
  <c r="AM310" i="4"/>
  <c r="AK310" i="4"/>
  <c r="AI310" i="4"/>
  <c r="AG310" i="4"/>
  <c r="AE310" i="4"/>
  <c r="AC310" i="4"/>
  <c r="AA310" i="4"/>
  <c r="Y310" i="4"/>
  <c r="W310" i="4"/>
  <c r="U310" i="4"/>
  <c r="S310" i="4"/>
  <c r="Q310" i="4"/>
  <c r="O310" i="4"/>
  <c r="M310" i="4"/>
  <c r="K310" i="4"/>
  <c r="I310" i="4"/>
  <c r="G310" i="4"/>
  <c r="E310" i="4"/>
  <c r="C310" i="4"/>
  <c r="BT309" i="4"/>
  <c r="BR309" i="4"/>
  <c r="BP309" i="4"/>
  <c r="BN309" i="4"/>
  <c r="BL309" i="4"/>
  <c r="BJ309" i="4"/>
  <c r="BH309" i="4"/>
  <c r="BF309" i="4"/>
  <c r="BD309" i="4"/>
  <c r="BB309" i="4"/>
  <c r="AZ309" i="4"/>
  <c r="AX309" i="4"/>
  <c r="AV309" i="4"/>
  <c r="AT309" i="4"/>
  <c r="AR309" i="4"/>
  <c r="AP309" i="4"/>
  <c r="B309" i="4"/>
  <c r="AM308" i="4"/>
  <c r="AK308" i="4"/>
  <c r="AI308" i="4"/>
  <c r="AG308" i="4"/>
  <c r="AE308" i="4"/>
  <c r="AC308" i="4"/>
  <c r="AA308" i="4"/>
  <c r="Y308" i="4"/>
  <c r="W308" i="4"/>
  <c r="U308" i="4"/>
  <c r="S308" i="4"/>
  <c r="Q308" i="4"/>
  <c r="O308" i="4"/>
  <c r="M308" i="4"/>
  <c r="K308" i="4"/>
  <c r="I308" i="4"/>
  <c r="G308" i="4"/>
  <c r="E308" i="4"/>
  <c r="C308" i="4"/>
  <c r="BT307" i="4"/>
  <c r="BR307" i="4"/>
  <c r="BP307" i="4"/>
  <c r="BN307" i="4"/>
  <c r="BL307" i="4"/>
  <c r="BJ307" i="4"/>
  <c r="BH307" i="4"/>
  <c r="BF307" i="4"/>
  <c r="BD307" i="4"/>
  <c r="BB307" i="4"/>
  <c r="AZ307" i="4"/>
  <c r="AX307" i="4"/>
  <c r="AV307" i="4"/>
  <c r="AT307" i="4"/>
  <c r="AR307" i="4"/>
  <c r="AP307" i="4"/>
  <c r="B307" i="4"/>
  <c r="AM306" i="4"/>
  <c r="AK306" i="4"/>
  <c r="AI306" i="4"/>
  <c r="AG306" i="4"/>
  <c r="AE306" i="4"/>
  <c r="AC306" i="4"/>
  <c r="AA306" i="4"/>
  <c r="Y306" i="4"/>
  <c r="W306" i="4"/>
  <c r="U306" i="4"/>
  <c r="S306" i="4"/>
  <c r="Q306" i="4"/>
  <c r="O306" i="4"/>
  <c r="M306" i="4"/>
  <c r="K306" i="4"/>
  <c r="I306" i="4"/>
  <c r="G306" i="4"/>
  <c r="E306" i="4"/>
  <c r="C306" i="4"/>
  <c r="BT305" i="4"/>
  <c r="BR305" i="4"/>
  <c r="BP305" i="4"/>
  <c r="BN305" i="4"/>
  <c r="BL305" i="4"/>
  <c r="BJ305" i="4"/>
  <c r="BH305" i="4"/>
  <c r="BF305" i="4"/>
  <c r="BD305" i="4"/>
  <c r="BB305" i="4"/>
  <c r="AZ305" i="4"/>
  <c r="AX305" i="4"/>
  <c r="AV305" i="4"/>
  <c r="AT305" i="4"/>
  <c r="AR305" i="4"/>
  <c r="AP305" i="4"/>
  <c r="B305" i="4"/>
  <c r="AM304" i="4"/>
  <c r="AK304" i="4"/>
  <c r="AI304" i="4"/>
  <c r="AG304" i="4"/>
  <c r="AE304" i="4"/>
  <c r="AC304" i="4"/>
  <c r="AA304" i="4"/>
  <c r="Y304" i="4"/>
  <c r="W304" i="4"/>
  <c r="U304" i="4"/>
  <c r="S304" i="4"/>
  <c r="Q304" i="4"/>
  <c r="O304" i="4"/>
  <c r="M304" i="4"/>
  <c r="K304" i="4"/>
  <c r="I304" i="4"/>
  <c r="G304" i="4"/>
  <c r="E304" i="4"/>
  <c r="C304" i="4"/>
  <c r="BT303" i="4"/>
  <c r="BR303" i="4"/>
  <c r="BP303" i="4"/>
  <c r="BN303" i="4"/>
  <c r="BL303" i="4"/>
  <c r="BJ303" i="4"/>
  <c r="BH303" i="4"/>
  <c r="BF303" i="4"/>
  <c r="BD303" i="4"/>
  <c r="BB303" i="4"/>
  <c r="AZ303" i="4"/>
  <c r="AX303" i="4"/>
  <c r="AV303" i="4"/>
  <c r="AT303" i="4"/>
  <c r="AR303" i="4"/>
  <c r="AP303" i="4"/>
  <c r="B303" i="4"/>
  <c r="AM302" i="4"/>
  <c r="AK302" i="4"/>
  <c r="AI302" i="4"/>
  <c r="AG302" i="4"/>
  <c r="AE302" i="4"/>
  <c r="AC302" i="4"/>
  <c r="AA302" i="4"/>
  <c r="Y302" i="4"/>
  <c r="W302" i="4"/>
  <c r="U302" i="4"/>
  <c r="S302" i="4"/>
  <c r="Q302" i="4"/>
  <c r="O302" i="4"/>
  <c r="M302" i="4"/>
  <c r="K302" i="4"/>
  <c r="I302" i="4"/>
  <c r="G302" i="4"/>
  <c r="E302" i="4"/>
  <c r="C302" i="4"/>
  <c r="BT301" i="4"/>
  <c r="BR301" i="4"/>
  <c r="BP301" i="4"/>
  <c r="BN301" i="4"/>
  <c r="BL301" i="4"/>
  <c r="BJ301" i="4"/>
  <c r="BH301" i="4"/>
  <c r="BF301" i="4"/>
  <c r="BD301" i="4"/>
  <c r="BB301" i="4"/>
  <c r="AZ301" i="4"/>
  <c r="AX301" i="4"/>
  <c r="AV301" i="4"/>
  <c r="AT301" i="4"/>
  <c r="AR301" i="4"/>
  <c r="AP301" i="4"/>
  <c r="B301" i="4"/>
  <c r="AM300" i="4"/>
  <c r="AK300" i="4"/>
  <c r="AI300" i="4"/>
  <c r="AG300" i="4"/>
  <c r="AE300" i="4"/>
  <c r="AC300" i="4"/>
  <c r="AA300" i="4"/>
  <c r="Y300" i="4"/>
  <c r="W300" i="4"/>
  <c r="U300" i="4"/>
  <c r="S300" i="4"/>
  <c r="Q300" i="4"/>
  <c r="O300" i="4"/>
  <c r="M300" i="4"/>
  <c r="K300" i="4"/>
  <c r="I300" i="4"/>
  <c r="G300" i="4"/>
  <c r="E300" i="4"/>
  <c r="C300" i="4"/>
  <c r="BT299" i="4"/>
  <c r="BR299" i="4"/>
  <c r="BP299" i="4"/>
  <c r="BN299" i="4"/>
  <c r="BL299" i="4"/>
  <c r="BJ299" i="4"/>
  <c r="BH299" i="4"/>
  <c r="BF299" i="4"/>
  <c r="BD299" i="4"/>
  <c r="BB299" i="4"/>
  <c r="AZ299" i="4"/>
  <c r="AX299" i="4"/>
  <c r="AV299" i="4"/>
  <c r="AT299" i="4"/>
  <c r="AR299" i="4"/>
  <c r="AP299" i="4"/>
  <c r="B299" i="4"/>
  <c r="AM298" i="4"/>
  <c r="AK298" i="4"/>
  <c r="AI298" i="4"/>
  <c r="AG298" i="4"/>
  <c r="AE298" i="4"/>
  <c r="AC298" i="4"/>
  <c r="AA298" i="4"/>
  <c r="Y298" i="4"/>
  <c r="W298" i="4"/>
  <c r="U298" i="4"/>
  <c r="S298" i="4"/>
  <c r="Q298" i="4"/>
  <c r="O298" i="4"/>
  <c r="M298" i="4"/>
  <c r="K298" i="4"/>
  <c r="I298" i="4"/>
  <c r="G298" i="4"/>
  <c r="E298" i="4"/>
  <c r="C298" i="4"/>
  <c r="BT297" i="4"/>
  <c r="BR297" i="4"/>
  <c r="BP297" i="4"/>
  <c r="BN297" i="4"/>
  <c r="BL297" i="4"/>
  <c r="BJ297" i="4"/>
  <c r="BH297" i="4"/>
  <c r="BF297" i="4"/>
  <c r="BD297" i="4"/>
  <c r="BB297" i="4"/>
  <c r="AZ297" i="4"/>
  <c r="AX297" i="4"/>
  <c r="AV297" i="4"/>
  <c r="AT297" i="4"/>
  <c r="AR297" i="4"/>
  <c r="AP297" i="4"/>
  <c r="B297" i="4"/>
  <c r="AM296" i="4"/>
  <c r="AK296" i="4"/>
  <c r="AI296" i="4"/>
  <c r="AG296" i="4"/>
  <c r="AE296" i="4"/>
  <c r="AC296" i="4"/>
  <c r="AA296" i="4"/>
  <c r="Y296" i="4"/>
  <c r="W296" i="4"/>
  <c r="U296" i="4"/>
  <c r="S296" i="4"/>
  <c r="Q296" i="4"/>
  <c r="O296" i="4"/>
  <c r="M296" i="4"/>
  <c r="K296" i="4"/>
  <c r="I296" i="4"/>
  <c r="G296" i="4"/>
  <c r="E296" i="4"/>
  <c r="C296" i="4"/>
  <c r="BT295" i="4"/>
  <c r="BR295" i="4"/>
  <c r="BP295" i="4"/>
  <c r="BN295" i="4"/>
  <c r="BL295" i="4"/>
  <c r="BJ295" i="4"/>
  <c r="BH295" i="4"/>
  <c r="BF295" i="4"/>
  <c r="BD295" i="4"/>
  <c r="BB295" i="4"/>
  <c r="AZ295" i="4"/>
  <c r="AX295" i="4"/>
  <c r="AV295" i="4"/>
  <c r="AT295" i="4"/>
  <c r="AR295" i="4"/>
  <c r="AP295" i="4"/>
  <c r="B295" i="4"/>
  <c r="AM294" i="4"/>
  <c r="AK294" i="4"/>
  <c r="AI294" i="4"/>
  <c r="AG294" i="4"/>
  <c r="AE294" i="4"/>
  <c r="AC294" i="4"/>
  <c r="AA294" i="4"/>
  <c r="Y294" i="4"/>
  <c r="W294" i="4"/>
  <c r="U294" i="4"/>
  <c r="S294" i="4"/>
  <c r="Q294" i="4"/>
  <c r="O294" i="4"/>
  <c r="M294" i="4"/>
  <c r="K294" i="4"/>
  <c r="I294" i="4"/>
  <c r="G294" i="4"/>
  <c r="E294" i="4"/>
  <c r="C294" i="4"/>
  <c r="BT293" i="4"/>
  <c r="BR293" i="4"/>
  <c r="BP293" i="4"/>
  <c r="BN293" i="4"/>
  <c r="BL293" i="4"/>
  <c r="BJ293" i="4"/>
  <c r="BH293" i="4"/>
  <c r="BF293" i="4"/>
  <c r="BD293" i="4"/>
  <c r="BB293" i="4"/>
  <c r="AZ293" i="4"/>
  <c r="AX293" i="4"/>
  <c r="AV293" i="4"/>
  <c r="AT293" i="4"/>
  <c r="AR293" i="4"/>
  <c r="AP293" i="4"/>
  <c r="B293" i="4"/>
  <c r="AM292" i="4"/>
  <c r="AK292" i="4"/>
  <c r="AI292" i="4"/>
  <c r="AG292" i="4"/>
  <c r="AE292" i="4"/>
  <c r="AC292" i="4"/>
  <c r="AA292" i="4"/>
  <c r="Y292" i="4"/>
  <c r="W292" i="4"/>
  <c r="U292" i="4"/>
  <c r="S292" i="4"/>
  <c r="Q292" i="4"/>
  <c r="O292" i="4"/>
  <c r="M292" i="4"/>
  <c r="K292" i="4"/>
  <c r="I292" i="4"/>
  <c r="G292" i="4"/>
  <c r="E292" i="4"/>
  <c r="C292" i="4"/>
  <c r="BT291" i="4"/>
  <c r="BR291" i="4"/>
  <c r="BP291" i="4"/>
  <c r="BN291" i="4"/>
  <c r="BL291" i="4"/>
  <c r="BJ291" i="4"/>
  <c r="BH291" i="4"/>
  <c r="BF291" i="4"/>
  <c r="BD291" i="4"/>
  <c r="BB291" i="4"/>
  <c r="AZ291" i="4"/>
  <c r="AX291" i="4"/>
  <c r="AV291" i="4"/>
  <c r="AT291" i="4"/>
  <c r="AR291" i="4"/>
  <c r="AP291" i="4"/>
  <c r="B291" i="4"/>
  <c r="AM290" i="4"/>
  <c r="AK290" i="4"/>
  <c r="AI290" i="4"/>
  <c r="AG290" i="4"/>
  <c r="AE290" i="4"/>
  <c r="AC290" i="4"/>
  <c r="AA290" i="4"/>
  <c r="Y290" i="4"/>
  <c r="W290" i="4"/>
  <c r="U290" i="4"/>
  <c r="S290" i="4"/>
  <c r="Q290" i="4"/>
  <c r="O290" i="4"/>
  <c r="M290" i="4"/>
  <c r="K290" i="4"/>
  <c r="I290" i="4"/>
  <c r="G290" i="4"/>
  <c r="E290" i="4"/>
  <c r="C290" i="4"/>
  <c r="BT289" i="4"/>
  <c r="BR289" i="4"/>
  <c r="BP289" i="4"/>
  <c r="BN289" i="4"/>
  <c r="BL289" i="4"/>
  <c r="BJ289" i="4"/>
  <c r="BH289" i="4"/>
  <c r="BF289" i="4"/>
  <c r="BD289" i="4"/>
  <c r="BB289" i="4"/>
  <c r="AZ289" i="4"/>
  <c r="AX289" i="4"/>
  <c r="AV289" i="4"/>
  <c r="AT289" i="4"/>
  <c r="AR289" i="4"/>
  <c r="AP289" i="4"/>
  <c r="B289" i="4"/>
  <c r="AM288" i="4"/>
  <c r="AK288" i="4"/>
  <c r="AI288" i="4"/>
  <c r="AG288" i="4"/>
  <c r="AE288" i="4"/>
  <c r="AC288" i="4"/>
  <c r="AA288" i="4"/>
  <c r="Y288" i="4"/>
  <c r="W288" i="4"/>
  <c r="U288" i="4"/>
  <c r="S288" i="4"/>
  <c r="Q288" i="4"/>
  <c r="O288" i="4"/>
  <c r="M288" i="4"/>
  <c r="K288" i="4"/>
  <c r="I288" i="4"/>
  <c r="G288" i="4"/>
  <c r="E288" i="4"/>
  <c r="C288" i="4"/>
  <c r="BT287" i="4"/>
  <c r="BR287" i="4"/>
  <c r="BP287" i="4"/>
  <c r="BN287" i="4"/>
  <c r="BL287" i="4"/>
  <c r="BJ287" i="4"/>
  <c r="BH287" i="4"/>
  <c r="BF287" i="4"/>
  <c r="BD287" i="4"/>
  <c r="BB287" i="4"/>
  <c r="AZ287" i="4"/>
  <c r="AX287" i="4"/>
  <c r="AV287" i="4"/>
  <c r="AT287" i="4"/>
  <c r="AR287" i="4"/>
  <c r="AP287" i="4"/>
  <c r="B287" i="4"/>
  <c r="AM286" i="4"/>
  <c r="AK286" i="4"/>
  <c r="AI286" i="4"/>
  <c r="AG286" i="4"/>
  <c r="AE286" i="4"/>
  <c r="AC286" i="4"/>
  <c r="AA286" i="4"/>
  <c r="Y286" i="4"/>
  <c r="W286" i="4"/>
  <c r="U286" i="4"/>
  <c r="S286" i="4"/>
  <c r="Q286" i="4"/>
  <c r="O286" i="4"/>
  <c r="M286" i="4"/>
  <c r="K286" i="4"/>
  <c r="I286" i="4"/>
  <c r="G286" i="4"/>
  <c r="E286" i="4"/>
  <c r="C286" i="4"/>
  <c r="BT285" i="4"/>
  <c r="BR285" i="4"/>
  <c r="BP285" i="4"/>
  <c r="BN285" i="4"/>
  <c r="BL285" i="4"/>
  <c r="BJ285" i="4"/>
  <c r="BH285" i="4"/>
  <c r="BF285" i="4"/>
  <c r="BD285" i="4"/>
  <c r="BB285" i="4"/>
  <c r="AZ285" i="4"/>
  <c r="AX285" i="4"/>
  <c r="AV285" i="4"/>
  <c r="AT285" i="4"/>
  <c r="AR285" i="4"/>
  <c r="AP285" i="4"/>
  <c r="B285" i="4"/>
  <c r="AM284" i="4"/>
  <c r="AK284" i="4"/>
  <c r="AI284" i="4"/>
  <c r="AG284" i="4"/>
  <c r="AE284" i="4"/>
  <c r="AC284" i="4"/>
  <c r="AA284" i="4"/>
  <c r="Y284" i="4"/>
  <c r="W284" i="4"/>
  <c r="U284" i="4"/>
  <c r="S284" i="4"/>
  <c r="Q284" i="4"/>
  <c r="O284" i="4"/>
  <c r="M284" i="4"/>
  <c r="K284" i="4"/>
  <c r="I284" i="4"/>
  <c r="G284" i="4"/>
  <c r="E284" i="4"/>
  <c r="C284" i="4"/>
  <c r="BT283" i="4"/>
  <c r="BR283" i="4"/>
  <c r="BP283" i="4"/>
  <c r="BN283" i="4"/>
  <c r="BL283" i="4"/>
  <c r="BJ283" i="4"/>
  <c r="BH283" i="4"/>
  <c r="BF283" i="4"/>
  <c r="BD283" i="4"/>
  <c r="BB283" i="4"/>
  <c r="AZ283" i="4"/>
  <c r="AX283" i="4"/>
  <c r="AV283" i="4"/>
  <c r="AT283" i="4"/>
  <c r="AR283" i="4"/>
  <c r="AP283" i="4"/>
  <c r="B283" i="4"/>
  <c r="AM282" i="4"/>
  <c r="AK282" i="4"/>
  <c r="AI282" i="4"/>
  <c r="AG282" i="4"/>
  <c r="AE282" i="4"/>
  <c r="AC282" i="4"/>
  <c r="AA282" i="4"/>
  <c r="Y282" i="4"/>
  <c r="W282" i="4"/>
  <c r="U282" i="4"/>
  <c r="S282" i="4"/>
  <c r="Q282" i="4"/>
  <c r="O282" i="4"/>
  <c r="M282" i="4"/>
  <c r="K282" i="4"/>
  <c r="I282" i="4"/>
  <c r="G282" i="4"/>
  <c r="E282" i="4"/>
  <c r="C282" i="4"/>
  <c r="BT281" i="4"/>
  <c r="BR281" i="4"/>
  <c r="BP281" i="4"/>
  <c r="BN281" i="4"/>
  <c r="BL281" i="4"/>
  <c r="BJ281" i="4"/>
  <c r="BH281" i="4"/>
  <c r="BF281" i="4"/>
  <c r="BD281" i="4"/>
  <c r="BB281" i="4"/>
  <c r="AZ281" i="4"/>
  <c r="AX281" i="4"/>
  <c r="AV281" i="4"/>
  <c r="AT281" i="4"/>
  <c r="AR281" i="4"/>
  <c r="AP281" i="4"/>
  <c r="B281" i="4"/>
  <c r="AM280" i="4"/>
  <c r="AK280" i="4"/>
  <c r="AI280" i="4"/>
  <c r="AG280" i="4"/>
  <c r="AE280" i="4"/>
  <c r="AC280" i="4"/>
  <c r="AA280" i="4"/>
  <c r="Y280" i="4"/>
  <c r="W280" i="4"/>
  <c r="U280" i="4"/>
  <c r="S280" i="4"/>
  <c r="Q280" i="4"/>
  <c r="O280" i="4"/>
  <c r="M280" i="4"/>
  <c r="K280" i="4"/>
  <c r="I280" i="4"/>
  <c r="G280" i="4"/>
  <c r="E280" i="4"/>
  <c r="C280" i="4"/>
  <c r="BT279" i="4"/>
  <c r="BR279" i="4"/>
  <c r="BP279" i="4"/>
  <c r="BN279" i="4"/>
  <c r="BL279" i="4"/>
  <c r="BJ279" i="4"/>
  <c r="BH279" i="4"/>
  <c r="BF279" i="4"/>
  <c r="BD279" i="4"/>
  <c r="BB279" i="4"/>
  <c r="AZ279" i="4"/>
  <c r="AX279" i="4"/>
  <c r="AV279" i="4"/>
  <c r="AT279" i="4"/>
  <c r="AR279" i="4"/>
  <c r="AP279" i="4"/>
  <c r="B279" i="4"/>
  <c r="AM278" i="4"/>
  <c r="AK278" i="4"/>
  <c r="AI278" i="4"/>
  <c r="AG278" i="4"/>
  <c r="AE278" i="4"/>
  <c r="AC278" i="4"/>
  <c r="AA278" i="4"/>
  <c r="Y278" i="4"/>
  <c r="W278" i="4"/>
  <c r="U278" i="4"/>
  <c r="S278" i="4"/>
  <c r="Q278" i="4"/>
  <c r="O278" i="4"/>
  <c r="M278" i="4"/>
  <c r="K278" i="4"/>
  <c r="I278" i="4"/>
  <c r="G278" i="4"/>
  <c r="E278" i="4"/>
  <c r="C278" i="4"/>
  <c r="BT277" i="4"/>
  <c r="BR277" i="4"/>
  <c r="BP277" i="4"/>
  <c r="BN277" i="4"/>
  <c r="BL277" i="4"/>
  <c r="BJ277" i="4"/>
  <c r="BH277" i="4"/>
  <c r="BF277" i="4"/>
  <c r="BD277" i="4"/>
  <c r="BB277" i="4"/>
  <c r="AZ277" i="4"/>
  <c r="AX277" i="4"/>
  <c r="AV277" i="4"/>
  <c r="AT277" i="4"/>
  <c r="AR277" i="4"/>
  <c r="AP277" i="4"/>
  <c r="B277" i="4"/>
  <c r="AM276" i="4"/>
  <c r="AK276" i="4"/>
  <c r="AI276" i="4"/>
  <c r="AG276" i="4"/>
  <c r="AE276" i="4"/>
  <c r="AC276" i="4"/>
  <c r="AA276" i="4"/>
  <c r="Y276" i="4"/>
  <c r="W276" i="4"/>
  <c r="U276" i="4"/>
  <c r="S276" i="4"/>
  <c r="Q276" i="4"/>
  <c r="O276" i="4"/>
  <c r="M276" i="4"/>
  <c r="K276" i="4"/>
  <c r="I276" i="4"/>
  <c r="G276" i="4"/>
  <c r="E276" i="4"/>
  <c r="C276" i="4"/>
  <c r="BT275" i="4"/>
  <c r="BR275" i="4"/>
  <c r="BP275" i="4"/>
  <c r="BN275" i="4"/>
  <c r="BL275" i="4"/>
  <c r="BJ275" i="4"/>
  <c r="BH275" i="4"/>
  <c r="BF275" i="4"/>
  <c r="BD275" i="4"/>
  <c r="BB275" i="4"/>
  <c r="AZ275" i="4"/>
  <c r="AX275" i="4"/>
  <c r="AV275" i="4"/>
  <c r="AT275" i="4"/>
  <c r="AR275" i="4"/>
  <c r="AP275" i="4"/>
  <c r="B275" i="4"/>
  <c r="AM274" i="4"/>
  <c r="AK274" i="4"/>
  <c r="AI274" i="4"/>
  <c r="AG274" i="4"/>
  <c r="AE274" i="4"/>
  <c r="AC274" i="4"/>
  <c r="AA274" i="4"/>
  <c r="Y274" i="4"/>
  <c r="W274" i="4"/>
  <c r="U274" i="4"/>
  <c r="S274" i="4"/>
  <c r="Q274" i="4"/>
  <c r="O274" i="4"/>
  <c r="M274" i="4"/>
  <c r="K274" i="4"/>
  <c r="I274" i="4"/>
  <c r="G274" i="4"/>
  <c r="E274" i="4"/>
  <c r="C274" i="4"/>
  <c r="BT273" i="4"/>
  <c r="BR273" i="4"/>
  <c r="BP273" i="4"/>
  <c r="BN273" i="4"/>
  <c r="BL273" i="4"/>
  <c r="BJ273" i="4"/>
  <c r="BH273" i="4"/>
  <c r="BF273" i="4"/>
  <c r="BD273" i="4"/>
  <c r="BB273" i="4"/>
  <c r="AZ273" i="4"/>
  <c r="AX273" i="4"/>
  <c r="AV273" i="4"/>
  <c r="AT273" i="4"/>
  <c r="AR273" i="4"/>
  <c r="AP273" i="4"/>
  <c r="B273" i="4"/>
  <c r="AM272" i="4"/>
  <c r="AK272" i="4"/>
  <c r="AI272" i="4"/>
  <c r="AG272" i="4"/>
  <c r="AE272" i="4"/>
  <c r="AC272" i="4"/>
  <c r="AA272" i="4"/>
  <c r="Y272" i="4"/>
  <c r="W272" i="4"/>
  <c r="U272" i="4"/>
  <c r="S272" i="4"/>
  <c r="Q272" i="4"/>
  <c r="O272" i="4"/>
  <c r="M272" i="4"/>
  <c r="K272" i="4"/>
  <c r="I272" i="4"/>
  <c r="G272" i="4"/>
  <c r="E272" i="4"/>
  <c r="C272" i="4"/>
  <c r="BT271" i="4"/>
  <c r="BR271" i="4"/>
  <c r="BP271" i="4"/>
  <c r="BN271" i="4"/>
  <c r="BL271" i="4"/>
  <c r="BJ271" i="4"/>
  <c r="BH271" i="4"/>
  <c r="BF271" i="4"/>
  <c r="BD271" i="4"/>
  <c r="BB271" i="4"/>
  <c r="AZ271" i="4"/>
  <c r="AX271" i="4"/>
  <c r="AV271" i="4"/>
  <c r="AT271" i="4"/>
  <c r="AR271" i="4"/>
  <c r="AP271" i="4"/>
  <c r="B271" i="4"/>
  <c r="AM270" i="4"/>
  <c r="AK270" i="4"/>
  <c r="AI270" i="4"/>
  <c r="AG270" i="4"/>
  <c r="AE270" i="4"/>
  <c r="AC270" i="4"/>
  <c r="AA270" i="4"/>
  <c r="Y270" i="4"/>
  <c r="W270" i="4"/>
  <c r="U270" i="4"/>
  <c r="S270" i="4"/>
  <c r="Q270" i="4"/>
  <c r="O270" i="4"/>
  <c r="M270" i="4"/>
  <c r="K270" i="4"/>
  <c r="I270" i="4"/>
  <c r="G270" i="4"/>
  <c r="E270" i="4"/>
  <c r="C270" i="4"/>
  <c r="BT269" i="4"/>
  <c r="BR269" i="4"/>
  <c r="BP269" i="4"/>
  <c r="BN269" i="4"/>
  <c r="BL269" i="4"/>
  <c r="BJ269" i="4"/>
  <c r="BH269" i="4"/>
  <c r="BF269" i="4"/>
  <c r="BD269" i="4"/>
  <c r="BB269" i="4"/>
  <c r="AZ269" i="4"/>
  <c r="AX269" i="4"/>
  <c r="AV269" i="4"/>
  <c r="AT269" i="4"/>
  <c r="AR269" i="4"/>
  <c r="AP269" i="4"/>
  <c r="B269" i="4"/>
  <c r="AM268" i="4"/>
  <c r="AK268" i="4"/>
  <c r="AI268" i="4"/>
  <c r="AG268" i="4"/>
  <c r="AE268" i="4"/>
  <c r="AC268" i="4"/>
  <c r="AA268" i="4"/>
  <c r="Y268" i="4"/>
  <c r="W268" i="4"/>
  <c r="U268" i="4"/>
  <c r="S268" i="4"/>
  <c r="Q268" i="4"/>
  <c r="O268" i="4"/>
  <c r="M268" i="4"/>
  <c r="K268" i="4"/>
  <c r="I268" i="4"/>
  <c r="G268" i="4"/>
  <c r="E268" i="4"/>
  <c r="C268" i="4"/>
  <c r="BT267" i="4"/>
  <c r="BR267" i="4"/>
  <c r="BP267" i="4"/>
  <c r="BN267" i="4"/>
  <c r="BL267" i="4"/>
  <c r="BJ267" i="4"/>
  <c r="BH267" i="4"/>
  <c r="BF267" i="4"/>
  <c r="BD267" i="4"/>
  <c r="BB267" i="4"/>
  <c r="AZ267" i="4"/>
  <c r="AX267" i="4"/>
  <c r="AV267" i="4"/>
  <c r="AT267" i="4"/>
  <c r="AR267" i="4"/>
  <c r="AP267" i="4"/>
  <c r="B267" i="4"/>
  <c r="AM266" i="4"/>
  <c r="AK266" i="4"/>
  <c r="AI266" i="4"/>
  <c r="AG266" i="4"/>
  <c r="AE266" i="4"/>
  <c r="AC266" i="4"/>
  <c r="AA266" i="4"/>
  <c r="Y266" i="4"/>
  <c r="W266" i="4"/>
  <c r="U266" i="4"/>
  <c r="S266" i="4"/>
  <c r="Q266" i="4"/>
  <c r="O266" i="4"/>
  <c r="M266" i="4"/>
  <c r="K266" i="4"/>
  <c r="I266" i="4"/>
  <c r="G266" i="4"/>
  <c r="E266" i="4"/>
  <c r="C266" i="4"/>
  <c r="BT265" i="4"/>
  <c r="BR265" i="4"/>
  <c r="BP265" i="4"/>
  <c r="BN265" i="4"/>
  <c r="BL265" i="4"/>
  <c r="BJ265" i="4"/>
  <c r="BH265" i="4"/>
  <c r="BF265" i="4"/>
  <c r="BD265" i="4"/>
  <c r="BB265" i="4"/>
  <c r="AZ265" i="4"/>
  <c r="AX265" i="4"/>
  <c r="AV265" i="4"/>
  <c r="AT265" i="4"/>
  <c r="AR265" i="4"/>
  <c r="AP265" i="4"/>
  <c r="B265" i="4"/>
  <c r="AM264" i="4"/>
  <c r="AK264" i="4"/>
  <c r="AI264" i="4"/>
  <c r="AG264" i="4"/>
  <c r="AE264" i="4"/>
  <c r="AC264" i="4"/>
  <c r="AA264" i="4"/>
  <c r="Y264" i="4"/>
  <c r="W264" i="4"/>
  <c r="U264" i="4"/>
  <c r="S264" i="4"/>
  <c r="Q264" i="4"/>
  <c r="O264" i="4"/>
  <c r="M264" i="4"/>
  <c r="K264" i="4"/>
  <c r="I264" i="4"/>
  <c r="G264" i="4"/>
  <c r="E264" i="4"/>
  <c r="C264" i="4"/>
  <c r="BT263" i="4"/>
  <c r="BR263" i="4"/>
  <c r="BP263" i="4"/>
  <c r="BN263" i="4"/>
  <c r="BL263" i="4"/>
  <c r="BJ263" i="4"/>
  <c r="BH263" i="4"/>
  <c r="BF263" i="4"/>
  <c r="BD263" i="4"/>
  <c r="BB263" i="4"/>
  <c r="AZ263" i="4"/>
  <c r="AX263" i="4"/>
  <c r="AV263" i="4"/>
  <c r="AT263" i="4"/>
  <c r="AR263" i="4"/>
  <c r="AP263" i="4"/>
  <c r="B263" i="4"/>
  <c r="AM262" i="4"/>
  <c r="AK262" i="4"/>
  <c r="AI262" i="4"/>
  <c r="AG262" i="4"/>
  <c r="AE262" i="4"/>
  <c r="AC262" i="4"/>
  <c r="AA262" i="4"/>
  <c r="Y262" i="4"/>
  <c r="W262" i="4"/>
  <c r="U262" i="4"/>
  <c r="S262" i="4"/>
  <c r="Q262" i="4"/>
  <c r="O262" i="4"/>
  <c r="M262" i="4"/>
  <c r="K262" i="4"/>
  <c r="I262" i="4"/>
  <c r="G262" i="4"/>
  <c r="E262" i="4"/>
  <c r="C262" i="4"/>
  <c r="BT261" i="4"/>
  <c r="BR261" i="4"/>
  <c r="BP261" i="4"/>
  <c r="BN261" i="4"/>
  <c r="BL261" i="4"/>
  <c r="BJ261" i="4"/>
  <c r="BH261" i="4"/>
  <c r="BF261" i="4"/>
  <c r="BD261" i="4"/>
  <c r="BB261" i="4"/>
  <c r="AZ261" i="4"/>
  <c r="AX261" i="4"/>
  <c r="AV261" i="4"/>
  <c r="AT261" i="4"/>
  <c r="AR261" i="4"/>
  <c r="AP261" i="4"/>
  <c r="B261" i="4"/>
  <c r="AM260" i="4"/>
  <c r="AK260" i="4"/>
  <c r="AI260" i="4"/>
  <c r="AG260" i="4"/>
  <c r="AE260" i="4"/>
  <c r="AC260" i="4"/>
  <c r="AA260" i="4"/>
  <c r="Y260" i="4"/>
  <c r="W260" i="4"/>
  <c r="U260" i="4"/>
  <c r="S260" i="4"/>
  <c r="Q260" i="4"/>
  <c r="O260" i="4"/>
  <c r="M260" i="4"/>
  <c r="K260" i="4"/>
  <c r="I260" i="4"/>
  <c r="G260" i="4"/>
  <c r="E260" i="4"/>
  <c r="C260" i="4"/>
  <c r="BT259" i="4"/>
  <c r="BR259" i="4"/>
  <c r="BP259" i="4"/>
  <c r="BN259" i="4"/>
  <c r="BL259" i="4"/>
  <c r="BJ259" i="4"/>
  <c r="BH259" i="4"/>
  <c r="BF259" i="4"/>
  <c r="BD259" i="4"/>
  <c r="BB259" i="4"/>
  <c r="AZ259" i="4"/>
  <c r="AX259" i="4"/>
  <c r="AV259" i="4"/>
  <c r="AT259" i="4"/>
  <c r="AR259" i="4"/>
  <c r="AP259" i="4"/>
  <c r="B259" i="4"/>
  <c r="AM258" i="4"/>
  <c r="AK258" i="4"/>
  <c r="AI258" i="4"/>
  <c r="AG258" i="4"/>
  <c r="AE258" i="4"/>
  <c r="AC258" i="4"/>
  <c r="AA258" i="4"/>
  <c r="Y258" i="4"/>
  <c r="W258" i="4"/>
  <c r="U258" i="4"/>
  <c r="S258" i="4"/>
  <c r="Q258" i="4"/>
  <c r="O258" i="4"/>
  <c r="M258" i="4"/>
  <c r="K258" i="4"/>
  <c r="I258" i="4"/>
  <c r="G258" i="4"/>
  <c r="E258" i="4"/>
  <c r="C258" i="4"/>
  <c r="BT257" i="4"/>
  <c r="BR257" i="4"/>
  <c r="BP257" i="4"/>
  <c r="BN257" i="4"/>
  <c r="BL257" i="4"/>
  <c r="BJ257" i="4"/>
  <c r="BH257" i="4"/>
  <c r="BF257" i="4"/>
  <c r="BD257" i="4"/>
  <c r="BB257" i="4"/>
  <c r="AZ257" i="4"/>
  <c r="AX257" i="4"/>
  <c r="AV257" i="4"/>
  <c r="AT257" i="4"/>
  <c r="AR257" i="4"/>
  <c r="AP257" i="4"/>
  <c r="B257" i="4"/>
  <c r="AM256" i="4"/>
  <c r="AK256" i="4"/>
  <c r="AI256" i="4"/>
  <c r="AG256" i="4"/>
  <c r="AE256" i="4"/>
  <c r="AC256" i="4"/>
  <c r="AA256" i="4"/>
  <c r="Y256" i="4"/>
  <c r="W256" i="4"/>
  <c r="U256" i="4"/>
  <c r="S256" i="4"/>
  <c r="Q256" i="4"/>
  <c r="O256" i="4"/>
  <c r="M256" i="4"/>
  <c r="K256" i="4"/>
  <c r="I256" i="4"/>
  <c r="G256" i="4"/>
  <c r="E256" i="4"/>
  <c r="C256" i="4"/>
  <c r="BT255" i="4"/>
  <c r="BR255" i="4"/>
  <c r="BP255" i="4"/>
  <c r="BN255" i="4"/>
  <c r="BL255" i="4"/>
  <c r="BJ255" i="4"/>
  <c r="BH255" i="4"/>
  <c r="BF255" i="4"/>
  <c r="BD255" i="4"/>
  <c r="BB255" i="4"/>
  <c r="AZ255" i="4"/>
  <c r="AX255" i="4"/>
  <c r="AV255" i="4"/>
  <c r="AT255" i="4"/>
  <c r="AR255" i="4"/>
  <c r="AP255" i="4"/>
  <c r="B255" i="4"/>
  <c r="AM254" i="4"/>
  <c r="AK254" i="4"/>
  <c r="AI254" i="4"/>
  <c r="AG254" i="4"/>
  <c r="AE254" i="4"/>
  <c r="AC254" i="4"/>
  <c r="AA254" i="4"/>
  <c r="Y254" i="4"/>
  <c r="W254" i="4"/>
  <c r="U254" i="4"/>
  <c r="S254" i="4"/>
  <c r="Q254" i="4"/>
  <c r="O254" i="4"/>
  <c r="M254" i="4"/>
  <c r="K254" i="4"/>
  <c r="I254" i="4"/>
  <c r="G254" i="4"/>
  <c r="E254" i="4"/>
  <c r="C254" i="4"/>
  <c r="BT253" i="4"/>
  <c r="BR253" i="4"/>
  <c r="BP253" i="4"/>
  <c r="BN253" i="4"/>
  <c r="BL253" i="4"/>
  <c r="BJ253" i="4"/>
  <c r="BH253" i="4"/>
  <c r="BF253" i="4"/>
  <c r="BD253" i="4"/>
  <c r="BB253" i="4"/>
  <c r="AZ253" i="4"/>
  <c r="AX253" i="4"/>
  <c r="AV253" i="4"/>
  <c r="AT253" i="4"/>
  <c r="AR253" i="4"/>
  <c r="AP253" i="4"/>
  <c r="B253" i="4"/>
  <c r="AM252" i="4"/>
  <c r="AK252" i="4"/>
  <c r="AI252" i="4"/>
  <c r="AG252" i="4"/>
  <c r="AE252" i="4"/>
  <c r="AC252" i="4"/>
  <c r="AA252" i="4"/>
  <c r="Y252" i="4"/>
  <c r="W252" i="4"/>
  <c r="U252" i="4"/>
  <c r="S252" i="4"/>
  <c r="Q252" i="4"/>
  <c r="O252" i="4"/>
  <c r="M252" i="4"/>
  <c r="K252" i="4"/>
  <c r="I252" i="4"/>
  <c r="G252" i="4"/>
  <c r="E252" i="4"/>
  <c r="C252" i="4"/>
  <c r="BT251" i="4"/>
  <c r="BR251" i="4"/>
  <c r="BP251" i="4"/>
  <c r="BN251" i="4"/>
  <c r="BL251" i="4"/>
  <c r="BJ251" i="4"/>
  <c r="BH251" i="4"/>
  <c r="BF251" i="4"/>
  <c r="BD251" i="4"/>
  <c r="BB251" i="4"/>
  <c r="AZ251" i="4"/>
  <c r="AX251" i="4"/>
  <c r="AV251" i="4"/>
  <c r="AT251" i="4"/>
  <c r="AR251" i="4"/>
  <c r="AP251" i="4"/>
  <c r="B251" i="4"/>
  <c r="AM250" i="4"/>
  <c r="AK250" i="4"/>
  <c r="AI250" i="4"/>
  <c r="AG250" i="4"/>
  <c r="AE250" i="4"/>
  <c r="AC250" i="4"/>
  <c r="AA250" i="4"/>
  <c r="Y250" i="4"/>
  <c r="W250" i="4"/>
  <c r="U250" i="4"/>
  <c r="S250" i="4"/>
  <c r="Q250" i="4"/>
  <c r="O250" i="4"/>
  <c r="M250" i="4"/>
  <c r="K250" i="4"/>
  <c r="I250" i="4"/>
  <c r="G250" i="4"/>
  <c r="E250" i="4"/>
  <c r="C250" i="4"/>
  <c r="BT249" i="4"/>
  <c r="BR249" i="4"/>
  <c r="BP249" i="4"/>
  <c r="BN249" i="4"/>
  <c r="BL249" i="4"/>
  <c r="BJ249" i="4"/>
  <c r="BH249" i="4"/>
  <c r="BF249" i="4"/>
  <c r="BD249" i="4"/>
  <c r="BB249" i="4"/>
  <c r="AZ249" i="4"/>
  <c r="AX249" i="4"/>
  <c r="AV249" i="4"/>
  <c r="AT249" i="4"/>
  <c r="AR249" i="4"/>
  <c r="AP249" i="4"/>
  <c r="B249" i="4"/>
  <c r="AM248" i="4"/>
  <c r="AK248" i="4"/>
  <c r="AI248" i="4"/>
  <c r="AG248" i="4"/>
  <c r="AE248" i="4"/>
  <c r="AC248" i="4"/>
  <c r="AA248" i="4"/>
  <c r="Y248" i="4"/>
  <c r="W248" i="4"/>
  <c r="U248" i="4"/>
  <c r="S248" i="4"/>
  <c r="Q248" i="4"/>
  <c r="O248" i="4"/>
  <c r="M248" i="4"/>
  <c r="K248" i="4"/>
  <c r="I248" i="4"/>
  <c r="G248" i="4"/>
  <c r="E248" i="4"/>
  <c r="C248" i="4"/>
  <c r="BT247" i="4"/>
  <c r="BR247" i="4"/>
  <c r="BP247" i="4"/>
  <c r="BN247" i="4"/>
  <c r="BL247" i="4"/>
  <c r="BJ247" i="4"/>
  <c r="BH247" i="4"/>
  <c r="BF247" i="4"/>
  <c r="BD247" i="4"/>
  <c r="BB247" i="4"/>
  <c r="AZ247" i="4"/>
  <c r="AX247" i="4"/>
  <c r="AV247" i="4"/>
  <c r="AT247" i="4"/>
  <c r="AR247" i="4"/>
  <c r="AP247" i="4"/>
  <c r="B247" i="4"/>
  <c r="AM246" i="4"/>
  <c r="AK246" i="4"/>
  <c r="AI246" i="4"/>
  <c r="AG246" i="4"/>
  <c r="AE246" i="4"/>
  <c r="AC246" i="4"/>
  <c r="AA246" i="4"/>
  <c r="Y246" i="4"/>
  <c r="W246" i="4"/>
  <c r="U246" i="4"/>
  <c r="S246" i="4"/>
  <c r="Q246" i="4"/>
  <c r="O246" i="4"/>
  <c r="M246" i="4"/>
  <c r="K246" i="4"/>
  <c r="I246" i="4"/>
  <c r="G246" i="4"/>
  <c r="E246" i="4"/>
  <c r="C246" i="4"/>
  <c r="BT245" i="4"/>
  <c r="BR245" i="4"/>
  <c r="BP245" i="4"/>
  <c r="BN245" i="4"/>
  <c r="BL245" i="4"/>
  <c r="BJ245" i="4"/>
  <c r="BH245" i="4"/>
  <c r="BF245" i="4"/>
  <c r="BD245" i="4"/>
  <c r="BB245" i="4"/>
  <c r="AZ245" i="4"/>
  <c r="AX245" i="4"/>
  <c r="AV245" i="4"/>
  <c r="AT245" i="4"/>
  <c r="AR245" i="4"/>
  <c r="AP245" i="4"/>
  <c r="B245" i="4"/>
  <c r="AM244" i="4"/>
  <c r="AK244" i="4"/>
  <c r="AI244" i="4"/>
  <c r="AG244" i="4"/>
  <c r="AE244" i="4"/>
  <c r="AC244" i="4"/>
  <c r="AA244" i="4"/>
  <c r="Y244" i="4"/>
  <c r="W244" i="4"/>
  <c r="U244" i="4"/>
  <c r="S244" i="4"/>
  <c r="Q244" i="4"/>
  <c r="O244" i="4"/>
  <c r="M244" i="4"/>
  <c r="K244" i="4"/>
  <c r="I244" i="4"/>
  <c r="G244" i="4"/>
  <c r="E244" i="4"/>
  <c r="C244" i="4"/>
  <c r="BT243" i="4"/>
  <c r="BR243" i="4"/>
  <c r="BP243" i="4"/>
  <c r="BN243" i="4"/>
  <c r="BL243" i="4"/>
  <c r="BJ243" i="4"/>
  <c r="BH243" i="4"/>
  <c r="BF243" i="4"/>
  <c r="BD243" i="4"/>
  <c r="BB243" i="4"/>
  <c r="AZ243" i="4"/>
  <c r="AX243" i="4"/>
  <c r="AV243" i="4"/>
  <c r="AT243" i="4"/>
  <c r="AR243" i="4"/>
  <c r="AP243" i="4"/>
  <c r="B243" i="4"/>
  <c r="AM242" i="4"/>
  <c r="AK242" i="4"/>
  <c r="AI242" i="4"/>
  <c r="AG242" i="4"/>
  <c r="AE242" i="4"/>
  <c r="AC242" i="4"/>
  <c r="AA242" i="4"/>
  <c r="Y242" i="4"/>
  <c r="W242" i="4"/>
  <c r="U242" i="4"/>
  <c r="S242" i="4"/>
  <c r="Q242" i="4"/>
  <c r="O242" i="4"/>
  <c r="M242" i="4"/>
  <c r="K242" i="4"/>
  <c r="I242" i="4"/>
  <c r="G242" i="4"/>
  <c r="E242" i="4"/>
  <c r="C242" i="4"/>
  <c r="BT241" i="4"/>
  <c r="BR241" i="4"/>
  <c r="BP241" i="4"/>
  <c r="BN241" i="4"/>
  <c r="BL241" i="4"/>
  <c r="BJ241" i="4"/>
  <c r="BH241" i="4"/>
  <c r="BF241" i="4"/>
  <c r="BD241" i="4"/>
  <c r="BB241" i="4"/>
  <c r="AZ241" i="4"/>
  <c r="AX241" i="4"/>
  <c r="AV241" i="4"/>
  <c r="AT241" i="4"/>
  <c r="AR241" i="4"/>
  <c r="AP241" i="4"/>
  <c r="B241" i="4"/>
  <c r="AM240" i="4"/>
  <c r="AK240" i="4"/>
  <c r="AI240" i="4"/>
  <c r="AG240" i="4"/>
  <c r="AE240" i="4"/>
  <c r="AC240" i="4"/>
  <c r="AA240" i="4"/>
  <c r="Y240" i="4"/>
  <c r="W240" i="4"/>
  <c r="U240" i="4"/>
  <c r="S240" i="4"/>
  <c r="Q240" i="4"/>
  <c r="O240" i="4"/>
  <c r="M240" i="4"/>
  <c r="K240" i="4"/>
  <c r="I240" i="4"/>
  <c r="G240" i="4"/>
  <c r="E240" i="4"/>
  <c r="C240" i="4"/>
  <c r="BT239" i="4"/>
  <c r="BR239" i="4"/>
  <c r="BP239" i="4"/>
  <c r="BN239" i="4"/>
  <c r="BL239" i="4"/>
  <c r="BJ239" i="4"/>
  <c r="BH239" i="4"/>
  <c r="BF239" i="4"/>
  <c r="BD239" i="4"/>
  <c r="BB239" i="4"/>
  <c r="AZ239" i="4"/>
  <c r="AX239" i="4"/>
  <c r="AV239" i="4"/>
  <c r="AT239" i="4"/>
  <c r="AR239" i="4"/>
  <c r="AP239" i="4"/>
  <c r="B239" i="4"/>
  <c r="AM238" i="4"/>
  <c r="AK238" i="4"/>
  <c r="AI238" i="4"/>
  <c r="AG238" i="4"/>
  <c r="AE238" i="4"/>
  <c r="AC238" i="4"/>
  <c r="AA238" i="4"/>
  <c r="Y238" i="4"/>
  <c r="W238" i="4"/>
  <c r="U238" i="4"/>
  <c r="S238" i="4"/>
  <c r="Q238" i="4"/>
  <c r="O238" i="4"/>
  <c r="M238" i="4"/>
  <c r="K238" i="4"/>
  <c r="I238" i="4"/>
  <c r="G238" i="4"/>
  <c r="E238" i="4"/>
  <c r="C238" i="4"/>
  <c r="BT237" i="4"/>
  <c r="BR237" i="4"/>
  <c r="BP237" i="4"/>
  <c r="BN237" i="4"/>
  <c r="BL237" i="4"/>
  <c r="BJ237" i="4"/>
  <c r="BH237" i="4"/>
  <c r="BF237" i="4"/>
  <c r="BD237" i="4"/>
  <c r="BB237" i="4"/>
  <c r="AZ237" i="4"/>
  <c r="AX237" i="4"/>
  <c r="AV237" i="4"/>
  <c r="AT237" i="4"/>
  <c r="AR237" i="4"/>
  <c r="AP237" i="4"/>
  <c r="B237" i="4"/>
  <c r="AM236" i="4"/>
  <c r="AK236" i="4"/>
  <c r="AI236" i="4"/>
  <c r="AG236" i="4"/>
  <c r="AE236" i="4"/>
  <c r="AC236" i="4"/>
  <c r="AA236" i="4"/>
  <c r="Y236" i="4"/>
  <c r="W236" i="4"/>
  <c r="U236" i="4"/>
  <c r="S236" i="4"/>
  <c r="Q236" i="4"/>
  <c r="O236" i="4"/>
  <c r="M236" i="4"/>
  <c r="K236" i="4"/>
  <c r="I236" i="4"/>
  <c r="G236" i="4"/>
  <c r="E236" i="4"/>
  <c r="C236" i="4"/>
  <c r="BT235" i="4"/>
  <c r="BR235" i="4"/>
  <c r="BP235" i="4"/>
  <c r="BN235" i="4"/>
  <c r="BL235" i="4"/>
  <c r="BJ235" i="4"/>
  <c r="BH235" i="4"/>
  <c r="BF235" i="4"/>
  <c r="BD235" i="4"/>
  <c r="BB235" i="4"/>
  <c r="AZ235" i="4"/>
  <c r="AX235" i="4"/>
  <c r="AV235" i="4"/>
  <c r="AT235" i="4"/>
  <c r="AR235" i="4"/>
  <c r="AP235" i="4"/>
  <c r="B235" i="4"/>
  <c r="AM234" i="4"/>
  <c r="AK234" i="4"/>
  <c r="AI234" i="4"/>
  <c r="AG234" i="4"/>
  <c r="AE234" i="4"/>
  <c r="AC234" i="4"/>
  <c r="AA234" i="4"/>
  <c r="Y234" i="4"/>
  <c r="W234" i="4"/>
  <c r="U234" i="4"/>
  <c r="S234" i="4"/>
  <c r="Q234" i="4"/>
  <c r="O234" i="4"/>
  <c r="M234" i="4"/>
  <c r="K234" i="4"/>
  <c r="I234" i="4"/>
  <c r="G234" i="4"/>
  <c r="E234" i="4"/>
  <c r="C234" i="4"/>
  <c r="BT233" i="4"/>
  <c r="BR233" i="4"/>
  <c r="BP233" i="4"/>
  <c r="BN233" i="4"/>
  <c r="BL233" i="4"/>
  <c r="BJ233" i="4"/>
  <c r="BH233" i="4"/>
  <c r="BF233" i="4"/>
  <c r="BD233" i="4"/>
  <c r="BB233" i="4"/>
  <c r="AZ233" i="4"/>
  <c r="AX233" i="4"/>
  <c r="AV233" i="4"/>
  <c r="AT233" i="4"/>
  <c r="AR233" i="4"/>
  <c r="AP233" i="4"/>
  <c r="B233" i="4"/>
  <c r="AM232" i="4"/>
  <c r="AK232" i="4"/>
  <c r="AG232" i="4"/>
  <c r="AC232" i="4"/>
  <c r="Y232" i="4"/>
  <c r="U232" i="4"/>
  <c r="Q232" i="4"/>
  <c r="M232" i="4"/>
  <c r="I232" i="4"/>
  <c r="E232" i="4"/>
  <c r="BT231" i="4"/>
  <c r="BP231" i="4"/>
  <c r="BL231" i="4"/>
  <c r="BH231" i="4"/>
  <c r="BD231" i="4"/>
  <c r="AZ231" i="4"/>
  <c r="AV231" i="4"/>
  <c r="AR231" i="4"/>
  <c r="AM230" i="4"/>
  <c r="AI230" i="4"/>
  <c r="AE230" i="4"/>
  <c r="AA230" i="4"/>
  <c r="W230" i="4"/>
  <c r="S230" i="4"/>
  <c r="O230" i="4"/>
  <c r="K230" i="4"/>
  <c r="G230" i="4"/>
  <c r="C230" i="4"/>
  <c r="BR229" i="4"/>
  <c r="BN229" i="4"/>
  <c r="BJ229" i="4"/>
  <c r="BF229" i="4"/>
  <c r="BB229" i="4"/>
  <c r="AX229" i="4"/>
  <c r="AT229" i="4"/>
  <c r="AP229" i="4"/>
  <c r="B229" i="4"/>
  <c r="AK228" i="4"/>
  <c r="AG228" i="4"/>
  <c r="AC228" i="4"/>
  <c r="Y228" i="4"/>
  <c r="U228" i="4"/>
  <c r="Q228" i="4"/>
  <c r="M228" i="4"/>
  <c r="I228" i="4"/>
  <c r="E228" i="4"/>
  <c r="BT227" i="4"/>
  <c r="BP227" i="4"/>
  <c r="BL227" i="4"/>
  <c r="BH227" i="4"/>
  <c r="BD227" i="4"/>
  <c r="AZ227" i="4"/>
  <c r="AV227" i="4"/>
  <c r="AR227" i="4"/>
  <c r="AM226" i="4"/>
  <c r="AI226" i="4"/>
  <c r="AE226" i="4"/>
  <c r="AA226" i="4"/>
  <c r="W226" i="4"/>
  <c r="S226" i="4"/>
  <c r="O226" i="4"/>
  <c r="K226" i="4"/>
  <c r="G226" i="4"/>
  <c r="C226" i="4"/>
  <c r="BR225" i="4"/>
  <c r="BN225" i="4"/>
  <c r="BJ225" i="4"/>
  <c r="BF225" i="4"/>
  <c r="BB225" i="4"/>
  <c r="AX225" i="4"/>
  <c r="AT225" i="4"/>
  <c r="AP225" i="4"/>
  <c r="B225" i="4"/>
  <c r="AK224" i="4"/>
  <c r="AG224" i="4"/>
  <c r="AC224" i="4"/>
  <c r="Y224" i="4"/>
  <c r="U224" i="4"/>
  <c r="Q224" i="4"/>
  <c r="M224" i="4"/>
  <c r="I224" i="4"/>
  <c r="E224" i="4"/>
  <c r="BT223" i="4"/>
  <c r="BP223" i="4"/>
  <c r="BL223" i="4"/>
  <c r="BH223" i="4"/>
  <c r="BD223" i="4"/>
  <c r="AZ223" i="4"/>
  <c r="AV223" i="4"/>
  <c r="AR223" i="4"/>
  <c r="AM222" i="4"/>
  <c r="AI222" i="4"/>
  <c r="AE222" i="4"/>
  <c r="AA222" i="4"/>
  <c r="W222" i="4"/>
  <c r="S222" i="4"/>
  <c r="O222" i="4"/>
  <c r="K222" i="4"/>
  <c r="G222" i="4"/>
  <c r="C222" i="4"/>
  <c r="BR221" i="4"/>
  <c r="BN221" i="4"/>
  <c r="BJ221" i="4"/>
  <c r="BF221" i="4"/>
  <c r="BB221" i="4"/>
  <c r="AX221" i="4"/>
  <c r="AT221" i="4"/>
  <c r="AP221" i="4"/>
  <c r="B221" i="4"/>
  <c r="AK220" i="4"/>
  <c r="AG220" i="4"/>
  <c r="AC220" i="4"/>
  <c r="Y220" i="4"/>
  <c r="U220" i="4"/>
  <c r="Q220" i="4"/>
  <c r="M220" i="4"/>
  <c r="I220" i="4"/>
  <c r="E220" i="4"/>
  <c r="BT219" i="4"/>
  <c r="BP219" i="4"/>
  <c r="BL219" i="4"/>
  <c r="BH219" i="4"/>
  <c r="BD219" i="4"/>
  <c r="AZ219" i="4"/>
  <c r="AV219" i="4"/>
  <c r="AR219" i="4"/>
  <c r="AM218" i="4"/>
  <c r="AI218" i="4"/>
  <c r="AE218" i="4"/>
  <c r="AA218" i="4"/>
  <c r="W218" i="4"/>
  <c r="S218" i="4"/>
  <c r="O218" i="4"/>
  <c r="K218" i="4"/>
  <c r="G218" i="4"/>
  <c r="C218" i="4"/>
  <c r="BR217" i="4"/>
  <c r="BN217" i="4"/>
  <c r="BJ217" i="4"/>
  <c r="BF217" i="4"/>
  <c r="BB217" i="4"/>
  <c r="AX217" i="4"/>
  <c r="AT217" i="4"/>
  <c r="AP217" i="4"/>
  <c r="B217" i="4"/>
  <c r="AK216" i="4"/>
  <c r="AG216" i="4"/>
  <c r="AC216" i="4"/>
  <c r="Y216" i="4"/>
  <c r="U216" i="4"/>
  <c r="Q216" i="4"/>
  <c r="M216" i="4"/>
  <c r="I216" i="4"/>
  <c r="E216" i="4"/>
  <c r="BT215" i="4"/>
  <c r="BP215" i="4"/>
  <c r="BL215" i="4"/>
  <c r="BH215" i="4"/>
  <c r="BD215" i="4"/>
  <c r="AZ215" i="4"/>
  <c r="AV215" i="4"/>
  <c r="AR215" i="4"/>
  <c r="AM214" i="4"/>
  <c r="AI214" i="4"/>
  <c r="AE214" i="4"/>
  <c r="AA214" i="4"/>
  <c r="W214" i="4"/>
  <c r="S214" i="4"/>
  <c r="O214" i="4"/>
  <c r="K214" i="4"/>
  <c r="G214" i="4"/>
  <c r="C214" i="4"/>
  <c r="BR213" i="4"/>
  <c r="BN213" i="4"/>
  <c r="BJ213" i="4"/>
  <c r="BF213" i="4"/>
  <c r="BB213" i="4"/>
  <c r="AX213" i="4"/>
  <c r="AT213" i="4"/>
  <c r="AP213" i="4"/>
  <c r="B213" i="4"/>
  <c r="AK212" i="4"/>
  <c r="AG212" i="4"/>
  <c r="AC212" i="4"/>
  <c r="Y212" i="4"/>
  <c r="U212" i="4"/>
  <c r="Q212" i="4"/>
  <c r="M212" i="4"/>
  <c r="I212" i="4"/>
  <c r="E212" i="4"/>
  <c r="BT211" i="4"/>
  <c r="BP211" i="4"/>
  <c r="BL211" i="4"/>
  <c r="BH211" i="4"/>
  <c r="BD211" i="4"/>
  <c r="AZ211" i="4"/>
  <c r="AV211" i="4"/>
  <c r="AR211" i="4"/>
  <c r="AM210" i="4"/>
  <c r="AI210" i="4"/>
  <c r="AE210" i="4"/>
  <c r="AA210" i="4"/>
  <c r="W210" i="4"/>
  <c r="S210" i="4"/>
  <c r="O210" i="4"/>
  <c r="K210" i="4"/>
  <c r="G210" i="4"/>
  <c r="C210" i="4"/>
  <c r="BR209" i="4"/>
  <c r="BN209" i="4"/>
  <c r="BJ209" i="4"/>
  <c r="BF209" i="4"/>
  <c r="BB209" i="4"/>
  <c r="AX209" i="4"/>
  <c r="AT209" i="4"/>
  <c r="AP209" i="4"/>
  <c r="B209" i="4"/>
  <c r="AK208" i="4"/>
  <c r="AG208" i="4"/>
  <c r="AC208" i="4"/>
  <c r="Y208" i="4"/>
  <c r="U208" i="4"/>
  <c r="Q208" i="4"/>
  <c r="M208" i="4"/>
  <c r="I208" i="4"/>
  <c r="E208" i="4"/>
  <c r="BT207" i="4"/>
  <c r="BP207" i="4"/>
  <c r="BL207" i="4"/>
  <c r="BH207" i="4"/>
  <c r="BD207" i="4"/>
  <c r="AZ207" i="4"/>
  <c r="AV207" i="4"/>
  <c r="AR207" i="4"/>
  <c r="AM206" i="4"/>
  <c r="AI206" i="4"/>
  <c r="AE206" i="4"/>
  <c r="AA206" i="4"/>
  <c r="W206" i="4"/>
  <c r="S206" i="4"/>
  <c r="O206" i="4"/>
  <c r="K206" i="4"/>
  <c r="G206" i="4"/>
  <c r="C206" i="4"/>
  <c r="BR205" i="4"/>
  <c r="BN205" i="4"/>
  <c r="BJ205" i="4"/>
  <c r="BF205" i="4"/>
  <c r="BB205" i="4"/>
  <c r="AX205" i="4"/>
  <c r="AT205" i="4"/>
  <c r="AP205" i="4"/>
  <c r="B205" i="4"/>
  <c r="AK204" i="4"/>
  <c r="AG204" i="4"/>
  <c r="AC204" i="4"/>
  <c r="Y204" i="4"/>
  <c r="U204" i="4"/>
  <c r="Q204" i="4"/>
  <c r="M204" i="4"/>
  <c r="I204" i="4"/>
  <c r="E204" i="4"/>
  <c r="BT203" i="4"/>
  <c r="BP203" i="4"/>
  <c r="BL203" i="4"/>
  <c r="BH203" i="4"/>
  <c r="BD203" i="4"/>
  <c r="AZ203" i="4"/>
  <c r="AV203" i="4"/>
  <c r="AR203" i="4"/>
  <c r="AM202" i="4"/>
  <c r="AI202" i="4"/>
  <c r="AE202" i="4"/>
  <c r="AA202" i="4"/>
  <c r="W202" i="4"/>
  <c r="S202" i="4"/>
  <c r="O202" i="4"/>
  <c r="K202" i="4"/>
  <c r="G202" i="4"/>
  <c r="C202" i="4"/>
  <c r="BR201" i="4"/>
  <c r="BN201" i="4"/>
  <c r="BJ201" i="4"/>
  <c r="BF201" i="4"/>
  <c r="BB201" i="4"/>
  <c r="AX201" i="4"/>
  <c r="AT201" i="4"/>
  <c r="AP201" i="4"/>
  <c r="B201" i="4"/>
  <c r="AK200" i="4"/>
  <c r="AG200" i="4"/>
  <c r="AC200" i="4"/>
  <c r="Y200" i="4"/>
  <c r="U200" i="4"/>
  <c r="Q200" i="4"/>
  <c r="M200" i="4"/>
  <c r="I200" i="4"/>
  <c r="E200" i="4"/>
  <c r="BT199" i="4"/>
  <c r="BP199" i="4"/>
  <c r="BL199" i="4"/>
  <c r="BH199" i="4"/>
  <c r="BD199" i="4"/>
  <c r="AZ199" i="4"/>
  <c r="AV199" i="4"/>
  <c r="AR199" i="4"/>
  <c r="AM198" i="4"/>
  <c r="AI198" i="4"/>
  <c r="AE198" i="4"/>
  <c r="AA198" i="4"/>
  <c r="W198" i="4"/>
  <c r="S198" i="4"/>
  <c r="O198" i="4"/>
  <c r="K198" i="4"/>
  <c r="G198" i="4"/>
  <c r="C198" i="4"/>
  <c r="BR197" i="4"/>
  <c r="BN197" i="4"/>
  <c r="BJ197" i="4"/>
  <c r="BF197" i="4"/>
  <c r="BB197" i="4"/>
  <c r="AX197" i="4"/>
  <c r="AT197" i="4"/>
  <c r="AP197" i="4"/>
  <c r="B197" i="4"/>
  <c r="AK196" i="4"/>
  <c r="AG196" i="4"/>
  <c r="AC196" i="4"/>
  <c r="Y196" i="4"/>
  <c r="U196" i="4"/>
  <c r="Q196" i="4"/>
  <c r="M196" i="4"/>
  <c r="I196" i="4"/>
  <c r="E196" i="4"/>
  <c r="BT195" i="4"/>
  <c r="BP195" i="4"/>
  <c r="BL195" i="4"/>
  <c r="BH195" i="4"/>
  <c r="BD195" i="4"/>
  <c r="AZ195" i="4"/>
  <c r="AV195" i="4"/>
  <c r="AR195" i="4"/>
  <c r="AM194" i="4"/>
  <c r="AI194" i="4"/>
  <c r="AE194" i="4"/>
  <c r="AA194" i="4"/>
  <c r="W194" i="4"/>
  <c r="S194" i="4"/>
  <c r="O194" i="4"/>
  <c r="K194" i="4"/>
  <c r="G194" i="4"/>
  <c r="C194" i="4"/>
  <c r="BR193" i="4"/>
  <c r="BN193" i="4"/>
  <c r="BJ193" i="4"/>
  <c r="BF193" i="4"/>
  <c r="BB193" i="4"/>
  <c r="AX193" i="4"/>
  <c r="AT193" i="4"/>
  <c r="AP193" i="4"/>
  <c r="B193" i="4"/>
  <c r="AK192" i="4"/>
  <c r="AG192" i="4"/>
  <c r="AC192" i="4"/>
  <c r="Y192" i="4"/>
  <c r="U192" i="4"/>
  <c r="Q192" i="4"/>
  <c r="M192" i="4"/>
  <c r="I192" i="4"/>
  <c r="E192" i="4"/>
  <c r="BT191" i="4"/>
  <c r="BP191" i="4"/>
  <c r="BL191" i="4"/>
  <c r="BH191" i="4"/>
  <c r="BD191" i="4"/>
  <c r="AZ191" i="4"/>
  <c r="AV191" i="4"/>
  <c r="AR191" i="4"/>
  <c r="AM190" i="4"/>
  <c r="AI190" i="4"/>
  <c r="AE190" i="4"/>
  <c r="AA190" i="4"/>
  <c r="W190" i="4"/>
  <c r="S190" i="4"/>
  <c r="O190" i="4"/>
  <c r="K190" i="4"/>
  <c r="G190" i="4"/>
  <c r="C190" i="4"/>
  <c r="BR189" i="4"/>
  <c r="BN189" i="4"/>
  <c r="BJ189" i="4"/>
  <c r="BF189" i="4"/>
  <c r="BB189" i="4"/>
  <c r="AX189" i="4"/>
  <c r="AT189" i="4"/>
  <c r="AP189" i="4"/>
  <c r="B189" i="4"/>
  <c r="AK188" i="4"/>
  <c r="AG188" i="4"/>
  <c r="AC188" i="4"/>
  <c r="Y188" i="4"/>
  <c r="U188" i="4"/>
  <c r="Q188" i="4"/>
  <c r="M188" i="4"/>
  <c r="I188" i="4"/>
  <c r="E188" i="4"/>
  <c r="BT187" i="4"/>
  <c r="BP187" i="4"/>
  <c r="BL187" i="4"/>
  <c r="BH187" i="4"/>
  <c r="BD187" i="4"/>
  <c r="AZ187" i="4"/>
  <c r="AV187" i="4"/>
  <c r="AR187" i="4"/>
  <c r="AM186" i="4"/>
  <c r="AI186" i="4"/>
  <c r="AE186" i="4"/>
  <c r="AA186" i="4"/>
  <c r="W186" i="4"/>
  <c r="S186" i="4"/>
  <c r="O186" i="4"/>
  <c r="K186" i="4"/>
  <c r="G186" i="4"/>
  <c r="C186" i="4"/>
  <c r="BR185" i="4"/>
  <c r="BN185" i="4"/>
  <c r="BJ185" i="4"/>
  <c r="BF185" i="4"/>
  <c r="BB185" i="4"/>
  <c r="AX185" i="4"/>
  <c r="AT185" i="4"/>
  <c r="AP185" i="4"/>
  <c r="B185" i="4"/>
  <c r="AK184" i="4"/>
  <c r="AG184" i="4"/>
  <c r="AC184" i="4"/>
  <c r="Y184" i="4"/>
  <c r="U184" i="4"/>
  <c r="Q184" i="4"/>
  <c r="M184" i="4"/>
  <c r="I184" i="4"/>
  <c r="E184" i="4"/>
  <c r="BT183" i="4"/>
  <c r="BP183" i="4"/>
  <c r="BL183" i="4"/>
  <c r="BH183" i="4"/>
  <c r="BD183" i="4"/>
  <c r="AZ183" i="4"/>
  <c r="AV183" i="4"/>
  <c r="AR183" i="4"/>
  <c r="AM182" i="4"/>
  <c r="AI182" i="4"/>
  <c r="AE182" i="4"/>
  <c r="AA182" i="4"/>
  <c r="W182" i="4"/>
  <c r="S182" i="4"/>
  <c r="O182" i="4"/>
  <c r="K182" i="4"/>
  <c r="G182" i="4"/>
  <c r="C182" i="4"/>
  <c r="BR181" i="4"/>
  <c r="BN181" i="4"/>
  <c r="BJ181" i="4"/>
  <c r="BF181" i="4"/>
  <c r="BB181" i="4"/>
  <c r="AX181" i="4"/>
  <c r="AT181" i="4"/>
  <c r="AP181" i="4"/>
  <c r="B181" i="4"/>
  <c r="AK180" i="4"/>
  <c r="AG180" i="4"/>
  <c r="AC180" i="4"/>
  <c r="Y180" i="4"/>
  <c r="U180" i="4"/>
  <c r="Q180" i="4"/>
  <c r="M180" i="4"/>
  <c r="I180" i="4"/>
  <c r="E180" i="4"/>
  <c r="BT179" i="4"/>
  <c r="BP179" i="4"/>
  <c r="BL179" i="4"/>
  <c r="BH179" i="4"/>
  <c r="BD179" i="4"/>
  <c r="AZ179" i="4"/>
  <c r="AV179" i="4"/>
  <c r="AR179" i="4"/>
  <c r="AM178" i="4"/>
  <c r="AI178" i="4"/>
  <c r="AE178" i="4"/>
  <c r="AA178" i="4"/>
  <c r="W178" i="4"/>
  <c r="S178" i="4"/>
  <c r="O178" i="4"/>
  <c r="K178" i="4"/>
  <c r="G178" i="4"/>
  <c r="C178" i="4"/>
  <c r="BR177" i="4"/>
  <c r="BN177" i="4"/>
  <c r="BJ177" i="4"/>
  <c r="BF177" i="4"/>
  <c r="BB177" i="4"/>
  <c r="AX177" i="4"/>
  <c r="AT177" i="4"/>
  <c r="AP177" i="4"/>
  <c r="B177" i="4"/>
  <c r="AK176" i="4"/>
  <c r="AG176" i="4"/>
  <c r="AC176" i="4"/>
  <c r="Y176" i="4"/>
  <c r="U176" i="4"/>
  <c r="Q176" i="4"/>
  <c r="M176" i="4"/>
  <c r="I176" i="4"/>
  <c r="E176" i="4"/>
  <c r="BT175" i="4"/>
  <c r="BP175" i="4"/>
  <c r="BL175" i="4"/>
  <c r="BH175" i="4"/>
  <c r="BD175" i="4"/>
  <c r="AZ175" i="4"/>
  <c r="AV175" i="4"/>
  <c r="AR175" i="4"/>
  <c r="AM174" i="4"/>
  <c r="AI174" i="4"/>
  <c r="AE174" i="4"/>
  <c r="AA174" i="4"/>
  <c r="W174" i="4"/>
  <c r="S174" i="4"/>
  <c r="O174" i="4"/>
  <c r="K174" i="4"/>
  <c r="G174" i="4"/>
  <c r="C174" i="4"/>
  <c r="BR173" i="4"/>
  <c r="BN173" i="4"/>
  <c r="BJ173" i="4"/>
  <c r="BF173" i="4"/>
  <c r="BB173" i="4"/>
  <c r="AX173" i="4"/>
  <c r="AT173" i="4"/>
  <c r="AP173" i="4"/>
  <c r="B173" i="4"/>
  <c r="AK172" i="4"/>
  <c r="AG172" i="4"/>
  <c r="AC172" i="4"/>
  <c r="Y172" i="4"/>
  <c r="U172" i="4"/>
  <c r="Q172" i="4"/>
  <c r="M172" i="4"/>
  <c r="I172" i="4"/>
  <c r="E172" i="4"/>
  <c r="BT171" i="4"/>
  <c r="BP171" i="4"/>
  <c r="BL171" i="4"/>
  <c r="BH171" i="4"/>
  <c r="BD171" i="4"/>
  <c r="AZ171" i="4"/>
  <c r="AV171" i="4"/>
  <c r="AR171" i="4"/>
  <c r="AM170" i="4"/>
  <c r="AI170" i="4"/>
  <c r="AE170" i="4"/>
  <c r="AA170" i="4"/>
  <c r="W170" i="4"/>
  <c r="S170" i="4"/>
  <c r="O170" i="4"/>
  <c r="K170" i="4"/>
  <c r="G170" i="4"/>
  <c r="C170" i="4"/>
  <c r="BR169" i="4"/>
  <c r="BN169" i="4"/>
  <c r="BJ169" i="4"/>
  <c r="BF169" i="4"/>
  <c r="BB169" i="4"/>
  <c r="AX169" i="4"/>
  <c r="AT169" i="4"/>
  <c r="AP169" i="4"/>
  <c r="B169" i="4"/>
  <c r="AK168" i="4"/>
  <c r="AG168" i="4"/>
  <c r="AC168" i="4"/>
  <c r="Y168" i="4"/>
  <c r="U168" i="4"/>
  <c r="Q168" i="4"/>
  <c r="M168" i="4"/>
  <c r="I168" i="4"/>
  <c r="E168" i="4"/>
  <c r="BT167" i="4"/>
  <c r="BP167" i="4"/>
  <c r="BL167" i="4"/>
  <c r="BH167" i="4"/>
  <c r="BD167" i="4"/>
  <c r="AZ167" i="4"/>
  <c r="AV167" i="4"/>
  <c r="AR167" i="4"/>
  <c r="AM166" i="4"/>
  <c r="AI166" i="4"/>
  <c r="AE166" i="4"/>
  <c r="AA166" i="4"/>
  <c r="W166" i="4"/>
  <c r="S166" i="4"/>
  <c r="O166" i="4"/>
  <c r="K166" i="4"/>
  <c r="G166" i="4"/>
  <c r="C166" i="4"/>
  <c r="BR165" i="4"/>
  <c r="BN165" i="4"/>
  <c r="BJ165" i="4"/>
  <c r="BF165" i="4"/>
  <c r="BB165" i="4"/>
  <c r="AX165" i="4"/>
  <c r="AT165" i="4"/>
  <c r="AP165" i="4"/>
  <c r="B165" i="4"/>
  <c r="AK164" i="4"/>
  <c r="AG164" i="4"/>
  <c r="AC164" i="4"/>
  <c r="Y164" i="4"/>
  <c r="U164" i="4"/>
  <c r="Q164" i="4"/>
  <c r="M164" i="4"/>
  <c r="I164" i="4"/>
  <c r="E164" i="4"/>
  <c r="BT163" i="4"/>
  <c r="BP163" i="4"/>
  <c r="BL163" i="4"/>
  <c r="BH163" i="4"/>
  <c r="BD163" i="4"/>
  <c r="AZ163" i="4"/>
  <c r="AV163" i="4"/>
  <c r="AR163" i="4"/>
  <c r="AM162" i="4"/>
  <c r="AI162" i="4"/>
  <c r="AE162" i="4"/>
  <c r="AA162" i="4"/>
  <c r="W162" i="4"/>
  <c r="S162" i="4"/>
  <c r="O162" i="4"/>
  <c r="K162" i="4"/>
  <c r="G162" i="4"/>
  <c r="C162" i="4"/>
  <c r="BR161" i="4"/>
  <c r="BN161" i="4"/>
  <c r="BJ161" i="4"/>
  <c r="BF161" i="4"/>
  <c r="BB161" i="4"/>
  <c r="AX161" i="4"/>
  <c r="AT161" i="4"/>
  <c r="AP161" i="4"/>
  <c r="B161" i="4"/>
  <c r="AK160" i="4"/>
  <c r="AG160" i="4"/>
  <c r="AC160" i="4"/>
  <c r="Y160" i="4"/>
  <c r="U160" i="4"/>
  <c r="Q160" i="4"/>
  <c r="M160" i="4"/>
  <c r="I160" i="4"/>
  <c r="E160" i="4"/>
  <c r="BT159" i="4"/>
  <c r="BP159" i="4"/>
  <c r="BL159" i="4"/>
  <c r="BH159" i="4"/>
  <c r="BD159" i="4"/>
  <c r="AZ159" i="4"/>
  <c r="AV159" i="4"/>
  <c r="AR159" i="4"/>
  <c r="AM158" i="4"/>
  <c r="AI158" i="4"/>
  <c r="AE158" i="4"/>
  <c r="AA158" i="4"/>
  <c r="W158" i="4"/>
  <c r="S158" i="4"/>
  <c r="O158" i="4"/>
  <c r="K158" i="4"/>
  <c r="G158" i="4"/>
  <c r="C158" i="4"/>
  <c r="BR157" i="4"/>
  <c r="BN157" i="4"/>
  <c r="BJ157" i="4"/>
  <c r="BF157" i="4"/>
  <c r="BB157" i="4"/>
  <c r="AX157" i="4"/>
  <c r="AT157" i="4"/>
  <c r="AP157" i="4"/>
  <c r="B157" i="4"/>
  <c r="AK156" i="4"/>
  <c r="AG156" i="4"/>
  <c r="AC156" i="4"/>
  <c r="Y156" i="4"/>
  <c r="U156" i="4"/>
  <c r="Q156" i="4"/>
  <c r="M156" i="4"/>
  <c r="I156" i="4"/>
  <c r="E156" i="4"/>
  <c r="BT155" i="4"/>
  <c r="BP155" i="4"/>
  <c r="BL155" i="4"/>
  <c r="BH155" i="4"/>
  <c r="BD155" i="4"/>
  <c r="AZ155" i="4"/>
  <c r="AV155" i="4"/>
  <c r="AR155" i="4"/>
  <c r="AM154" i="4"/>
  <c r="AI154" i="4"/>
  <c r="AE154" i="4"/>
  <c r="AA154" i="4"/>
  <c r="W154" i="4"/>
  <c r="S154" i="4"/>
  <c r="O154" i="4"/>
  <c r="K154" i="4"/>
  <c r="G154" i="4"/>
  <c r="C154" i="4"/>
  <c r="BR153" i="4"/>
  <c r="BN153" i="4"/>
  <c r="BJ153" i="4"/>
  <c r="BF153" i="4"/>
  <c r="BB153" i="4"/>
  <c r="AX153" i="4"/>
  <c r="AT153" i="4"/>
  <c r="AP153" i="4"/>
  <c r="B153" i="4"/>
  <c r="AK152" i="4"/>
  <c r="AG152" i="4"/>
  <c r="AC152" i="4"/>
  <c r="Y152" i="4"/>
  <c r="U152" i="4"/>
  <c r="Q152" i="4"/>
  <c r="M152" i="4"/>
  <c r="I152" i="4"/>
  <c r="E152" i="4"/>
  <c r="BT151" i="4"/>
  <c r="BP151" i="4"/>
  <c r="BL151" i="4"/>
  <c r="BH151" i="4"/>
  <c r="BD151" i="4"/>
  <c r="AZ151" i="4"/>
  <c r="AV151" i="4"/>
  <c r="AR151" i="4"/>
  <c r="AM150" i="4"/>
  <c r="AI150" i="4"/>
  <c r="AE150" i="4"/>
  <c r="AA150" i="4"/>
  <c r="W150" i="4"/>
  <c r="S150" i="4"/>
  <c r="O150" i="4"/>
  <c r="K150" i="4"/>
  <c r="G150" i="4"/>
  <c r="C150" i="4"/>
  <c r="BR149" i="4"/>
  <c r="BN149" i="4"/>
  <c r="BJ149" i="4"/>
  <c r="BF149" i="4"/>
  <c r="BB149" i="4"/>
  <c r="AX149" i="4"/>
  <c r="AT149" i="4"/>
  <c r="AP149" i="4"/>
  <c r="B149" i="4"/>
  <c r="AK148" i="4"/>
  <c r="AG148" i="4"/>
  <c r="AC148" i="4"/>
  <c r="Y148" i="4"/>
  <c r="U148" i="4"/>
  <c r="Q148" i="4"/>
  <c r="M148" i="4"/>
  <c r="I148" i="4"/>
  <c r="E148" i="4"/>
  <c r="BT147" i="4"/>
  <c r="BP147" i="4"/>
  <c r="BL147" i="4"/>
  <c r="BH147" i="4"/>
  <c r="BD147" i="4"/>
  <c r="AZ147" i="4"/>
  <c r="AV147" i="4"/>
  <c r="AR147" i="4"/>
  <c r="AM146" i="4"/>
  <c r="AI146" i="4"/>
  <c r="AE146" i="4"/>
  <c r="AA146" i="4"/>
  <c r="W146" i="4"/>
  <c r="S146" i="4"/>
  <c r="O146" i="4"/>
  <c r="K146" i="4"/>
  <c r="G146" i="4"/>
  <c r="C146" i="4"/>
  <c r="BR145" i="4"/>
  <c r="BN145" i="4"/>
  <c r="BJ145" i="4"/>
  <c r="BF145" i="4"/>
  <c r="BB145" i="4"/>
  <c r="AX145" i="4"/>
  <c r="AT145" i="4"/>
  <c r="AP145" i="4"/>
  <c r="B145" i="4"/>
  <c r="AK144" i="4"/>
  <c r="AG144" i="4"/>
  <c r="AC144" i="4"/>
  <c r="Y144" i="4"/>
  <c r="U144" i="4"/>
  <c r="Q144" i="4"/>
  <c r="M144" i="4"/>
  <c r="I144" i="4"/>
  <c r="E144" i="4"/>
  <c r="BT143" i="4"/>
  <c r="BP143" i="4"/>
  <c r="BL143" i="4"/>
  <c r="BH143" i="4"/>
  <c r="BD143" i="4"/>
  <c r="AZ143" i="4"/>
  <c r="AV143" i="4"/>
  <c r="AR143" i="4"/>
  <c r="AM142" i="4"/>
  <c r="AI142" i="4"/>
  <c r="AE142" i="4"/>
  <c r="AA142" i="4"/>
  <c r="W142" i="4"/>
  <c r="S142" i="4"/>
  <c r="O142" i="4"/>
  <c r="K142" i="4"/>
  <c r="G142" i="4"/>
  <c r="C142" i="4"/>
  <c r="BR141" i="4"/>
  <c r="BN141" i="4"/>
  <c r="BJ141" i="4"/>
  <c r="BF141" i="4"/>
  <c r="BB141" i="4"/>
  <c r="AX141" i="4"/>
  <c r="AT141" i="4"/>
  <c r="AP141" i="4"/>
  <c r="B141" i="4"/>
  <c r="AK140" i="4"/>
  <c r="AG140" i="4"/>
  <c r="AC140" i="4"/>
  <c r="Y140" i="4"/>
  <c r="U140" i="4"/>
  <c r="Q140" i="4"/>
  <c r="M140" i="4"/>
  <c r="I140" i="4"/>
  <c r="E140" i="4"/>
  <c r="BT139" i="4"/>
  <c r="BP139" i="4"/>
  <c r="BL139" i="4"/>
  <c r="BH139" i="4"/>
  <c r="BD139" i="4"/>
  <c r="AZ139" i="4"/>
  <c r="AV139" i="4"/>
  <c r="AR139" i="4"/>
  <c r="AM138" i="4"/>
  <c r="AI138" i="4"/>
  <c r="AE138" i="4"/>
  <c r="AA138" i="4"/>
  <c r="W138" i="4"/>
  <c r="S138" i="4"/>
  <c r="O138" i="4"/>
  <c r="K138" i="4"/>
  <c r="G138" i="4"/>
  <c r="C138" i="4"/>
  <c r="BR137" i="4"/>
  <c r="BN137" i="4"/>
  <c r="BJ137" i="4"/>
  <c r="BF137" i="4"/>
  <c r="BB137" i="4"/>
  <c r="AX137" i="4"/>
  <c r="AT137" i="4"/>
  <c r="AP137" i="4"/>
  <c r="B137" i="4"/>
  <c r="AK136" i="4"/>
  <c r="AG136" i="4"/>
  <c r="AC136" i="4"/>
  <c r="Y136" i="4"/>
  <c r="U136" i="4"/>
  <c r="Q136" i="4"/>
  <c r="M136" i="4"/>
  <c r="I136" i="4"/>
  <c r="E136" i="4"/>
  <c r="BT135" i="4"/>
  <c r="BP135" i="4"/>
  <c r="BL135" i="4"/>
  <c r="BH135" i="4"/>
  <c r="BD135" i="4"/>
  <c r="AZ135" i="4"/>
  <c r="AV135" i="4"/>
  <c r="AR135" i="4"/>
  <c r="AM134" i="4"/>
  <c r="AI134" i="4"/>
  <c r="AE134" i="4"/>
  <c r="AA134" i="4"/>
  <c r="W134" i="4"/>
  <c r="S134" i="4"/>
  <c r="O134" i="4"/>
  <c r="K134" i="4"/>
  <c r="G134" i="4"/>
  <c r="C134" i="4"/>
  <c r="BR133" i="4"/>
  <c r="BN133" i="4"/>
  <c r="BJ133" i="4"/>
  <c r="BF133" i="4"/>
  <c r="BB133" i="4"/>
  <c r="AX133" i="4"/>
  <c r="AT133" i="4"/>
  <c r="AP133" i="4"/>
  <c r="B133" i="4"/>
  <c r="AK132" i="4"/>
  <c r="AG132" i="4"/>
  <c r="AC132" i="4"/>
  <c r="Y132" i="4"/>
  <c r="U132" i="4"/>
  <c r="Q132" i="4"/>
  <c r="M132" i="4"/>
  <c r="I132" i="4"/>
  <c r="E132" i="4"/>
  <c r="BT131" i="4"/>
  <c r="BP131" i="4"/>
  <c r="BL131" i="4"/>
  <c r="BH131" i="4"/>
  <c r="BD131" i="4"/>
  <c r="AZ131" i="4"/>
  <c r="AV131" i="4"/>
  <c r="AR131" i="4"/>
  <c r="AM130" i="4"/>
  <c r="AI130" i="4"/>
  <c r="AE130" i="4"/>
  <c r="AA130" i="4"/>
  <c r="W130" i="4"/>
  <c r="S130" i="4"/>
  <c r="O130" i="4"/>
  <c r="K130" i="4"/>
  <c r="G130" i="4"/>
  <c r="C130" i="4"/>
  <c r="BR129" i="4"/>
  <c r="BN129" i="4"/>
  <c r="BJ129" i="4"/>
  <c r="BF129" i="4"/>
  <c r="BB129" i="4"/>
  <c r="AX129" i="4"/>
  <c r="AT129" i="4"/>
  <c r="AP129" i="4"/>
  <c r="B129" i="4"/>
  <c r="AK128" i="4"/>
  <c r="AG128" i="4"/>
  <c r="AC128" i="4"/>
  <c r="Y128" i="4"/>
  <c r="U128" i="4"/>
  <c r="Q128" i="4"/>
  <c r="M128" i="4"/>
  <c r="I128" i="4"/>
  <c r="E128" i="4"/>
  <c r="BT127" i="4"/>
  <c r="BP127" i="4"/>
  <c r="BL127" i="4"/>
  <c r="BH127" i="4"/>
  <c r="BD127" i="4"/>
  <c r="AZ127" i="4"/>
  <c r="AV127" i="4"/>
  <c r="AR127" i="4"/>
  <c r="AM126" i="4"/>
  <c r="AI126" i="4"/>
  <c r="AE126" i="4"/>
  <c r="AA126" i="4"/>
  <c r="W126" i="4"/>
  <c r="S126" i="4"/>
  <c r="O126" i="4"/>
  <c r="K126" i="4"/>
  <c r="G126" i="4"/>
  <c r="C126" i="4"/>
  <c r="BR125" i="4"/>
  <c r="BN125" i="4"/>
  <c r="BJ125" i="4"/>
  <c r="BF125" i="4"/>
  <c r="BB125" i="4"/>
  <c r="AX125" i="4"/>
  <c r="AT125" i="4"/>
  <c r="AP125" i="4"/>
  <c r="B125" i="4"/>
  <c r="AK124" i="4"/>
  <c r="AG124" i="4"/>
  <c r="AC124" i="4"/>
  <c r="Y124" i="4"/>
  <c r="U124" i="4"/>
  <c r="Q124" i="4"/>
  <c r="M124" i="4"/>
  <c r="I124" i="4"/>
  <c r="E124" i="4"/>
  <c r="BT123" i="4"/>
  <c r="BP123" i="4"/>
  <c r="BL123" i="4"/>
  <c r="BH123" i="4"/>
  <c r="BD123" i="4"/>
  <c r="AZ123" i="4"/>
  <c r="AV123" i="4"/>
  <c r="AR123" i="4"/>
  <c r="AM122" i="4"/>
  <c r="AI122" i="4"/>
  <c r="AE122" i="4"/>
  <c r="AA122" i="4"/>
  <c r="W122" i="4"/>
  <c r="S122" i="4"/>
  <c r="O122" i="4"/>
  <c r="K122" i="4"/>
  <c r="G122" i="4"/>
  <c r="C122" i="4"/>
  <c r="BR121" i="4"/>
  <c r="BN121" i="4"/>
  <c r="BJ121" i="4"/>
  <c r="BF121" i="4"/>
  <c r="BB121" i="4"/>
  <c r="AX121" i="4"/>
  <c r="AT121" i="4"/>
  <c r="AP121" i="4"/>
  <c r="B121" i="4"/>
  <c r="AK120" i="4"/>
  <c r="AG120" i="4"/>
  <c r="AC120" i="4"/>
  <c r="Y120" i="4"/>
  <c r="U120" i="4"/>
  <c r="Q120" i="4"/>
  <c r="M120" i="4"/>
  <c r="I120" i="4"/>
  <c r="E120" i="4"/>
  <c r="BT119" i="4"/>
  <c r="BP119" i="4"/>
  <c r="BL119" i="4"/>
  <c r="BH119" i="4"/>
  <c r="BD119" i="4"/>
  <c r="AZ119" i="4"/>
  <c r="AV119" i="4"/>
  <c r="AR119" i="4"/>
  <c r="AM118" i="4"/>
  <c r="AI118" i="4"/>
  <c r="AE118" i="4"/>
  <c r="AA118" i="4"/>
  <c r="W118" i="4"/>
  <c r="S118" i="4"/>
  <c r="O118" i="4"/>
  <c r="K118" i="4"/>
  <c r="G118" i="4"/>
  <c r="C118" i="4"/>
  <c r="BR117" i="4"/>
  <c r="BN117" i="4"/>
  <c r="BJ117" i="4"/>
  <c r="BF117" i="4"/>
  <c r="BB117" i="4"/>
  <c r="AX117" i="4"/>
  <c r="AT117" i="4"/>
  <c r="AP117" i="4"/>
  <c r="B117" i="4"/>
  <c r="AG116" i="4"/>
  <c r="Y116" i="4"/>
  <c r="Q116" i="4"/>
  <c r="I116" i="4"/>
  <c r="BT115" i="4"/>
  <c r="BL115" i="4"/>
  <c r="BD115" i="4"/>
  <c r="AV115" i="4"/>
  <c r="AM114" i="4"/>
  <c r="AE114" i="4"/>
  <c r="W114" i="4"/>
  <c r="O114" i="4"/>
  <c r="G114" i="4"/>
  <c r="BR113" i="4"/>
  <c r="BJ113" i="4"/>
  <c r="BB113" i="4"/>
  <c r="AT113" i="4"/>
  <c r="AK112" i="4"/>
  <c r="AC112" i="4"/>
  <c r="U112" i="4"/>
  <c r="M112" i="4"/>
  <c r="E112" i="4"/>
  <c r="BP111" i="4"/>
  <c r="BH111" i="4"/>
  <c r="AZ111" i="4"/>
  <c r="AR111" i="4"/>
  <c r="AI110" i="4"/>
  <c r="AA110" i="4"/>
  <c r="S110" i="4"/>
  <c r="K110" i="4"/>
  <c r="C110" i="4"/>
  <c r="BN109" i="4"/>
  <c r="BF109" i="4"/>
  <c r="AX109" i="4"/>
  <c r="AP109" i="4"/>
  <c r="B109" i="4"/>
  <c r="AG108" i="4"/>
  <c r="Y108" i="4"/>
  <c r="Q108" i="4"/>
  <c r="I108" i="4"/>
  <c r="BT107" i="4"/>
  <c r="BL107" i="4"/>
  <c r="BD107" i="4"/>
  <c r="AV107" i="4"/>
  <c r="AM106" i="4"/>
  <c r="AE106" i="4"/>
  <c r="W106" i="4"/>
  <c r="O106" i="4"/>
  <c r="G106" i="4"/>
  <c r="BR105" i="4"/>
  <c r="BJ105" i="4"/>
  <c r="BB105" i="4"/>
  <c r="AT105" i="4"/>
  <c r="AK104" i="4"/>
  <c r="AC104" i="4"/>
  <c r="U104" i="4"/>
  <c r="M104" i="4"/>
  <c r="E104" i="4"/>
  <c r="BP103" i="4"/>
  <c r="BH103" i="4"/>
  <c r="AZ103" i="4"/>
  <c r="AR103" i="4"/>
  <c r="AI102" i="4"/>
  <c r="AA102" i="4"/>
  <c r="S102" i="4"/>
  <c r="K102" i="4"/>
  <c r="C102" i="4"/>
  <c r="BN101" i="4"/>
  <c r="BF101" i="4"/>
  <c r="AX101" i="4"/>
  <c r="AP101" i="4"/>
  <c r="B101" i="4"/>
  <c r="AG100" i="4"/>
  <c r="Y100" i="4"/>
  <c r="Q100" i="4"/>
  <c r="I100" i="4"/>
  <c r="BT99" i="4"/>
  <c r="BL99" i="4"/>
  <c r="BD99" i="4"/>
  <c r="AV99" i="4"/>
  <c r="AM98" i="4"/>
  <c r="AE98" i="4"/>
  <c r="W98" i="4"/>
  <c r="O98" i="4"/>
  <c r="G98" i="4"/>
  <c r="BR97" i="4"/>
  <c r="BJ97" i="4"/>
  <c r="BB97" i="4"/>
  <c r="AT97" i="4"/>
  <c r="AK96" i="4"/>
  <c r="AC96" i="4"/>
  <c r="U96" i="4"/>
  <c r="M96" i="4"/>
  <c r="E96" i="4"/>
  <c r="BP95" i="4"/>
  <c r="BH95" i="4"/>
  <c r="AZ95" i="4"/>
  <c r="AR95" i="4"/>
  <c r="AI94" i="4"/>
  <c r="AA94" i="4"/>
  <c r="S94" i="4"/>
  <c r="K94" i="4"/>
  <c r="C94" i="4"/>
  <c r="BN93" i="4"/>
  <c r="BF93" i="4"/>
  <c r="AX93" i="4"/>
  <c r="AP93" i="4"/>
  <c r="B93" i="4"/>
  <c r="AG92" i="4"/>
  <c r="Y92" i="4"/>
  <c r="Q92" i="4"/>
  <c r="I92" i="4"/>
  <c r="BT91" i="4"/>
  <c r="BL91" i="4"/>
  <c r="BD91" i="4"/>
  <c r="AV91" i="4"/>
  <c r="AM90" i="4"/>
  <c r="AE90" i="4"/>
  <c r="W90" i="4"/>
  <c r="O90" i="4"/>
  <c r="G90" i="4"/>
  <c r="BR89" i="4"/>
  <c r="BJ89" i="4"/>
  <c r="BB89" i="4"/>
  <c r="AT89" i="4"/>
  <c r="AK88" i="4"/>
  <c r="AC88" i="4"/>
  <c r="U88" i="4"/>
  <c r="M88" i="4"/>
  <c r="E88" i="4"/>
  <c r="BP87" i="4"/>
  <c r="BH87" i="4"/>
  <c r="AZ87" i="4"/>
  <c r="AR87" i="4"/>
  <c r="AI86" i="4"/>
  <c r="AA86" i="4"/>
  <c r="S86" i="4"/>
  <c r="K86" i="4"/>
  <c r="C86" i="4"/>
  <c r="BN85" i="4"/>
  <c r="BF85" i="4"/>
  <c r="AX85" i="4"/>
  <c r="AP85" i="4"/>
  <c r="B85" i="4"/>
  <c r="AG84" i="4"/>
  <c r="Y84" i="4"/>
  <c r="Q84" i="4"/>
  <c r="I84" i="4"/>
  <c r="BT83" i="4"/>
  <c r="BL83" i="4"/>
  <c r="BD83" i="4"/>
  <c r="AV83" i="4"/>
  <c r="AM82" i="4"/>
  <c r="AE82" i="4"/>
  <c r="W82" i="4"/>
  <c r="O82" i="4"/>
  <c r="G82" i="4"/>
  <c r="BR81" i="4"/>
  <c r="BJ81" i="4"/>
  <c r="BB81" i="4"/>
  <c r="AT81" i="4"/>
  <c r="AK80" i="4"/>
  <c r="AC80" i="4"/>
  <c r="U80" i="4"/>
  <c r="M80" i="4"/>
  <c r="E80" i="4"/>
  <c r="BP79" i="4"/>
  <c r="BH79" i="4"/>
  <c r="AZ79" i="4"/>
  <c r="AR79" i="4"/>
  <c r="AI78" i="4"/>
  <c r="AA78" i="4"/>
  <c r="S78" i="4"/>
  <c r="K78" i="4"/>
  <c r="C78" i="4"/>
  <c r="BN77" i="4"/>
  <c r="BF77" i="4"/>
  <c r="AX77" i="4"/>
  <c r="AP77" i="4"/>
  <c r="B77" i="4"/>
  <c r="AG76" i="4"/>
  <c r="Y76" i="4"/>
  <c r="Q76" i="4"/>
  <c r="I76" i="4"/>
  <c r="BT75" i="4"/>
  <c r="BL75" i="4"/>
  <c r="BD75" i="4"/>
  <c r="AV75" i="4"/>
  <c r="AM74" i="4"/>
  <c r="AE74" i="4"/>
  <c r="W74" i="4"/>
  <c r="O74" i="4"/>
  <c r="G74" i="4"/>
  <c r="BR73" i="4"/>
  <c r="BJ73" i="4"/>
  <c r="BB73" i="4"/>
  <c r="AT73" i="4"/>
  <c r="AK72" i="4"/>
  <c r="AC72" i="4"/>
  <c r="U72" i="4"/>
  <c r="M72" i="4"/>
  <c r="E72" i="4"/>
  <c r="BP71" i="4"/>
  <c r="BH71" i="4"/>
  <c r="AZ71" i="4"/>
  <c r="AR71" i="4"/>
  <c r="AI70" i="4"/>
  <c r="AA70" i="4"/>
  <c r="S70" i="4"/>
  <c r="K70" i="4"/>
  <c r="C70" i="4"/>
  <c r="BN69" i="4"/>
  <c r="BF69" i="4"/>
  <c r="AX69" i="4"/>
  <c r="AP69" i="4"/>
  <c r="B69" i="4"/>
  <c r="AG68" i="4"/>
  <c r="Y68" i="4"/>
  <c r="Q68" i="4"/>
  <c r="I68" i="4"/>
  <c r="BT67" i="4"/>
  <c r="BL67" i="4"/>
  <c r="BD67" i="4"/>
  <c r="AV67" i="4"/>
  <c r="AM66" i="4"/>
  <c r="AE66" i="4"/>
  <c r="W66" i="4"/>
  <c r="O66" i="4"/>
  <c r="G66" i="4"/>
  <c r="BR65" i="4"/>
  <c r="BJ65" i="4"/>
  <c r="BB65" i="4"/>
  <c r="AT65" i="4"/>
  <c r="AK64" i="4"/>
  <c r="AC64" i="4"/>
  <c r="U64" i="4"/>
  <c r="M64" i="4"/>
  <c r="E64" i="4"/>
  <c r="BP63" i="4"/>
  <c r="BH63" i="4"/>
  <c r="AZ63" i="4"/>
  <c r="AR63" i="4"/>
  <c r="AI62" i="4"/>
  <c r="AA62" i="4"/>
  <c r="S62" i="4"/>
  <c r="K62" i="4"/>
  <c r="C62" i="4"/>
  <c r="BN61" i="4"/>
  <c r="BF61" i="4"/>
  <c r="AX61" i="4"/>
  <c r="AP61" i="4"/>
  <c r="B61" i="4"/>
  <c r="AG60" i="4"/>
  <c r="Y60" i="4"/>
  <c r="Q60" i="4"/>
  <c r="I60" i="4"/>
  <c r="BT59" i="4"/>
  <c r="BL59" i="4"/>
  <c r="BD59" i="4"/>
  <c r="AV59" i="4"/>
  <c r="AE59" i="4"/>
  <c r="O59" i="4"/>
  <c r="BR58" i="4"/>
  <c r="BB58" i="4"/>
  <c r="AC57" i="4"/>
  <c r="M57" i="4"/>
  <c r="BP56" i="4"/>
  <c r="AZ56" i="4"/>
  <c r="AA55" i="4"/>
  <c r="K55" i="4"/>
  <c r="BN54" i="4"/>
  <c r="AX54" i="4"/>
  <c r="B54" i="4"/>
  <c r="Y53" i="4"/>
  <c r="I53" i="4"/>
  <c r="BL52" i="4"/>
  <c r="AV52" i="4"/>
  <c r="AM51" i="4"/>
  <c r="W51" i="4"/>
  <c r="G51" i="4"/>
  <c r="BJ50" i="4"/>
  <c r="AT50" i="4"/>
  <c r="AK49" i="4"/>
  <c r="U49" i="4"/>
  <c r="E49" i="4"/>
  <c r="BH48" i="4"/>
  <c r="AR48" i="4"/>
  <c r="AI47" i="4"/>
  <c r="S47" i="4"/>
  <c r="C47" i="4"/>
  <c r="BF46" i="4"/>
  <c r="AP46" i="4"/>
  <c r="AG45" i="4"/>
  <c r="Q45" i="4"/>
  <c r="BT44" i="4"/>
  <c r="BD44" i="4"/>
  <c r="AE43" i="4"/>
  <c r="O43" i="4"/>
  <c r="BR42" i="4"/>
  <c r="BB42" i="4"/>
  <c r="AC41" i="4"/>
  <c r="M41" i="4"/>
  <c r="BP40" i="4"/>
  <c r="AZ40" i="4"/>
  <c r="AA39" i="4"/>
  <c r="K39" i="4"/>
  <c r="BN38" i="4"/>
  <c r="AX38" i="4"/>
  <c r="B38" i="4"/>
  <c r="Y37" i="4"/>
  <c r="I37" i="4"/>
  <c r="BL36" i="4"/>
  <c r="AV36" i="4"/>
  <c r="AM35" i="4"/>
  <c r="W35" i="4"/>
  <c r="G35" i="4"/>
  <c r="BJ34" i="4"/>
  <c r="AT34" i="4"/>
  <c r="AK33" i="4"/>
  <c r="U33" i="4"/>
  <c r="E33" i="4"/>
  <c r="BH32" i="4"/>
  <c r="AR32" i="4"/>
  <c r="AI31" i="4"/>
  <c r="S31" i="4"/>
  <c r="C31" i="4"/>
  <c r="BF30" i="4"/>
  <c r="O29" i="4"/>
  <c r="BB28" i="4"/>
  <c r="AC27" i="4"/>
  <c r="BP26" i="4"/>
  <c r="K25" i="4"/>
  <c r="AX24" i="4"/>
  <c r="Y23" i="4"/>
  <c r="BL22" i="4"/>
  <c r="AM21" i="4"/>
  <c r="G21" i="4"/>
  <c r="AT20" i="4"/>
  <c r="U19" i="4"/>
  <c r="BH18" i="4"/>
  <c r="AI17" i="4"/>
  <c r="C17" i="4"/>
  <c r="AP16" i="4"/>
  <c r="E16" i="4"/>
  <c r="S14" i="4"/>
  <c r="AG12" i="4"/>
  <c r="BB9" i="4"/>
  <c r="BF4" i="4"/>
  <c r="B2" i="8" l="1"/>
  <c r="B3" i="8"/>
</calcChain>
</file>

<file path=xl/sharedStrings.xml><?xml version="1.0" encoding="utf-8"?>
<sst xmlns="http://schemas.openxmlformats.org/spreadsheetml/2006/main" count="988" uniqueCount="436">
  <si>
    <t>Város</t>
  </si>
  <si>
    <t>TérképX</t>
  </si>
  <si>
    <t>TérképY</t>
  </si>
  <si>
    <t>Megye</t>
  </si>
  <si>
    <t>Telephely</t>
  </si>
  <si>
    <t>Bácsalmás</t>
  </si>
  <si>
    <t>Bács-Kiskun</t>
  </si>
  <si>
    <t>Baja</t>
  </si>
  <si>
    <t>Autó Baja</t>
  </si>
  <si>
    <t>Dunavecse</t>
  </si>
  <si>
    <t>Hajós</t>
  </si>
  <si>
    <t>Izsák</t>
  </si>
  <si>
    <t>Jánoshalma</t>
  </si>
  <si>
    <t>Kalocsa</t>
  </si>
  <si>
    <t>Kalocsa Szerviz</t>
  </si>
  <si>
    <t>Kecel</t>
  </si>
  <si>
    <t>Kecskemét</t>
  </si>
  <si>
    <t>Auto-mate</t>
  </si>
  <si>
    <t>Kerekegyháza</t>
  </si>
  <si>
    <t>Kiskőrös</t>
  </si>
  <si>
    <t>Kiskunfélegyháza</t>
  </si>
  <si>
    <t>Kiskunhalas</t>
  </si>
  <si>
    <t>Kiskunmajsa</t>
  </si>
  <si>
    <t>Kunszentmiklós</t>
  </si>
  <si>
    <t>Lajosmizse</t>
  </si>
  <si>
    <t>Mélykút</t>
  </si>
  <si>
    <t>Solt</t>
  </si>
  <si>
    <t>Soltvadkert</t>
  </si>
  <si>
    <t>Szabadszállás</t>
  </si>
  <si>
    <t>Tiszakécske</t>
  </si>
  <si>
    <t>Tompa</t>
  </si>
  <si>
    <t>Bóly</t>
  </si>
  <si>
    <t>Baranya</t>
  </si>
  <si>
    <t>Harkány</t>
  </si>
  <si>
    <t>Komló</t>
  </si>
  <si>
    <t>Komlói Szerviz</t>
  </si>
  <si>
    <t>Kozármisleny</t>
  </si>
  <si>
    <t>Mágocs</t>
  </si>
  <si>
    <t>Mohács</t>
  </si>
  <si>
    <t>Autó Mohács</t>
  </si>
  <si>
    <t>Pécs</t>
  </si>
  <si>
    <t>Pécs-autó</t>
  </si>
  <si>
    <t>Pécsvárad</t>
  </si>
  <si>
    <t>Sásd</t>
  </si>
  <si>
    <t>Sellye</t>
  </si>
  <si>
    <t>Siklós</t>
  </si>
  <si>
    <t>Szentlőrinc</t>
  </si>
  <si>
    <t>Szigetvár</t>
  </si>
  <si>
    <t>Autó-vár</t>
  </si>
  <si>
    <t>Villány</t>
  </si>
  <si>
    <t>Battonya</t>
  </si>
  <si>
    <t>Békés</t>
  </si>
  <si>
    <t>Békéscsaba</t>
  </si>
  <si>
    <t>Csaba Autószervíz</t>
  </si>
  <si>
    <t>Csorvás</t>
  </si>
  <si>
    <t>Dévaványa</t>
  </si>
  <si>
    <t>Elek</t>
  </si>
  <si>
    <t>Füzesgyarmat</t>
  </si>
  <si>
    <t>Gyomaendrőd</t>
  </si>
  <si>
    <t>Gyula</t>
  </si>
  <si>
    <t>Autószervíz Gyula</t>
  </si>
  <si>
    <t>Kondoros</t>
  </si>
  <si>
    <t>Körösladány</t>
  </si>
  <si>
    <t>Medgyesegyháza</t>
  </si>
  <si>
    <t>Mezőberény</t>
  </si>
  <si>
    <t>Mezőhegyes</t>
  </si>
  <si>
    <t>Mezőkovácsháza</t>
  </si>
  <si>
    <t>Orosháza</t>
  </si>
  <si>
    <t>Autó-ház</t>
  </si>
  <si>
    <t>Sarkad</t>
  </si>
  <si>
    <t>Szarvas</t>
  </si>
  <si>
    <t>Szeghalom</t>
  </si>
  <si>
    <t>Tótkomlós</t>
  </si>
  <si>
    <t>Újkígyós</t>
  </si>
  <si>
    <t>Vésztő</t>
  </si>
  <si>
    <t>Abaújszántó</t>
  </si>
  <si>
    <t>Borsod-Abaúj-Zemplén</t>
  </si>
  <si>
    <t>Alsózsolca</t>
  </si>
  <si>
    <t>Borsodnádasd</t>
  </si>
  <si>
    <t>Cigánd</t>
  </si>
  <si>
    <t>Edelény</t>
  </si>
  <si>
    <t>Emőd</t>
  </si>
  <si>
    <t>Encs</t>
  </si>
  <si>
    <t>Felsőzsolca</t>
  </si>
  <si>
    <t>Gönc</t>
  </si>
  <si>
    <t>Kazincbarcika</t>
  </si>
  <si>
    <t>Autó-bacika</t>
  </si>
  <si>
    <t>Mezőcsát</t>
  </si>
  <si>
    <t>Mezőkeresztes</t>
  </si>
  <si>
    <t>Mezőkövesd</t>
  </si>
  <si>
    <t>Miskolc</t>
  </si>
  <si>
    <t>Miskolci Kerekes</t>
  </si>
  <si>
    <t>Nyékládháza</t>
  </si>
  <si>
    <t>Onga</t>
  </si>
  <si>
    <t>Ózd</t>
  </si>
  <si>
    <t>Autó Ózd</t>
  </si>
  <si>
    <t>Pálháza</t>
  </si>
  <si>
    <t>Putnok</t>
  </si>
  <si>
    <t>Rudabánya</t>
  </si>
  <si>
    <t>Sajóbábony</t>
  </si>
  <si>
    <t>Sajószentpéter</t>
  </si>
  <si>
    <t>Sárospatak</t>
  </si>
  <si>
    <t>Patak Szerviz</t>
  </si>
  <si>
    <t>Sátoraljaújhely</t>
  </si>
  <si>
    <t>Szerviz Újhely</t>
  </si>
  <si>
    <t>Szendrő</t>
  </si>
  <si>
    <t>Szerencs</t>
  </si>
  <si>
    <t>Szikszó</t>
  </si>
  <si>
    <t>Tiszaújváros</t>
  </si>
  <si>
    <t>Tokaj</t>
  </si>
  <si>
    <t>Csanádpalota</t>
  </si>
  <si>
    <t>Csongrád</t>
  </si>
  <si>
    <t>Hódmezővásárhely</t>
  </si>
  <si>
    <t>Autó-vásár</t>
  </si>
  <si>
    <t>Kistelek</t>
  </si>
  <si>
    <t>Makó</t>
  </si>
  <si>
    <t>Autó Makó</t>
  </si>
  <si>
    <t>Mindszent</t>
  </si>
  <si>
    <t>Mórahalom</t>
  </si>
  <si>
    <t>Sándorfalva</t>
  </si>
  <si>
    <t>Szeged</t>
  </si>
  <si>
    <t>Szeged Szerviz</t>
  </si>
  <si>
    <t>Szentes</t>
  </si>
  <si>
    <t>Aba</t>
  </si>
  <si>
    <t>Fejér</t>
  </si>
  <si>
    <t>Adony</t>
  </si>
  <si>
    <t>Bicske</t>
  </si>
  <si>
    <t>Bicske Gumi</t>
  </si>
  <si>
    <t>Bodajk</t>
  </si>
  <si>
    <t>Csákvár</t>
  </si>
  <si>
    <t>Dunaújváros</t>
  </si>
  <si>
    <t>Duna Szerviz</t>
  </si>
  <si>
    <t>Enying</t>
  </si>
  <si>
    <t>Ercsi</t>
  </si>
  <si>
    <t>Gárdony</t>
  </si>
  <si>
    <t>Martonvásár</t>
  </si>
  <si>
    <t>Mór</t>
  </si>
  <si>
    <t>Polgárdi</t>
  </si>
  <si>
    <t>Polgárdi Autó</t>
  </si>
  <si>
    <t>Pusztaszabolcs</t>
  </si>
  <si>
    <t>Rácalmás</t>
  </si>
  <si>
    <t>Sárbogárd</t>
  </si>
  <si>
    <t>Autó-bogárd</t>
  </si>
  <si>
    <t>Székesfehérvár</t>
  </si>
  <si>
    <t>Autó Alba</t>
  </si>
  <si>
    <t>Velence</t>
  </si>
  <si>
    <t>Beled</t>
  </si>
  <si>
    <t>Győr-Moson-Sopron</t>
  </si>
  <si>
    <t>Csorna</t>
  </si>
  <si>
    <t>Fertőd</t>
  </si>
  <si>
    <t>Fertőszentmiklós</t>
  </si>
  <si>
    <t>Győr</t>
  </si>
  <si>
    <t>Autó Rába</t>
  </si>
  <si>
    <t>Jánossomorja</t>
  </si>
  <si>
    <t>Kapuvár</t>
  </si>
  <si>
    <t>Lébény</t>
  </si>
  <si>
    <t>Lébény Szerviz</t>
  </si>
  <si>
    <t>Mosonmagyaróvár</t>
  </si>
  <si>
    <t>Pannonhalma</t>
  </si>
  <si>
    <t>Sopron</t>
  </si>
  <si>
    <t>Sopron Kerekes</t>
  </si>
  <si>
    <t>Tét</t>
  </si>
  <si>
    <t>Balmazújváros</t>
  </si>
  <si>
    <t>Hajdú-Bihar</t>
  </si>
  <si>
    <t>Berettyóújfalu</t>
  </si>
  <si>
    <t>Biharkeresztes</t>
  </si>
  <si>
    <t>Debrecen</t>
  </si>
  <si>
    <t>Autó Debrecen</t>
  </si>
  <si>
    <t>Derecske</t>
  </si>
  <si>
    <t>Hajdúböszörmény</t>
  </si>
  <si>
    <t>Hajdúdorog</t>
  </si>
  <si>
    <t>Hajdúhadház</t>
  </si>
  <si>
    <t>Hajdúnánás</t>
  </si>
  <si>
    <t>Hajdúsámson</t>
  </si>
  <si>
    <t>Hajdúszoboszló</t>
  </si>
  <si>
    <t>Hajdú Szerviz</t>
  </si>
  <si>
    <t>Kaba</t>
  </si>
  <si>
    <t>Komádi</t>
  </si>
  <si>
    <t>Létavértes</t>
  </si>
  <si>
    <t>Nádudvar</t>
  </si>
  <si>
    <t>Autó-udvar</t>
  </si>
  <si>
    <t>Nyíradony</t>
  </si>
  <si>
    <t>Polgár</t>
  </si>
  <si>
    <t>Püspökladány</t>
  </si>
  <si>
    <t>Autó Ladány</t>
  </si>
  <si>
    <t>Téglás</t>
  </si>
  <si>
    <t>Tiszacsege</t>
  </si>
  <si>
    <t>Vámospércs</t>
  </si>
  <si>
    <t>Bélapátfalva</t>
  </si>
  <si>
    <t>Heves</t>
  </si>
  <si>
    <t>Eger</t>
  </si>
  <si>
    <t>Autó Eger</t>
  </si>
  <si>
    <t>Füzesabony</t>
  </si>
  <si>
    <t>Gyöngyös</t>
  </si>
  <si>
    <t>Gyöngyös Kerekes</t>
  </si>
  <si>
    <t>Gyöngyöspata</t>
  </si>
  <si>
    <t>Hatvan</t>
  </si>
  <si>
    <t>Autó Hatvan</t>
  </si>
  <si>
    <t>Kisköre</t>
  </si>
  <si>
    <t>Lőrinci</t>
  </si>
  <si>
    <t>Pétervására</t>
  </si>
  <si>
    <t>Péter Szerviz</t>
  </si>
  <si>
    <t>Verpelét</t>
  </si>
  <si>
    <t>Abádszalók</t>
  </si>
  <si>
    <t>Jász-Nagykun-Szolnok</t>
  </si>
  <si>
    <t>Besenyszög</t>
  </si>
  <si>
    <t>Fegyvernek</t>
  </si>
  <si>
    <t>Jászapáti</t>
  </si>
  <si>
    <t>Jászárokszállás</t>
  </si>
  <si>
    <t>Autó-szállás</t>
  </si>
  <si>
    <t>Jászberény</t>
  </si>
  <si>
    <t>Jászfényszaru</t>
  </si>
  <si>
    <t>Jászkisér</t>
  </si>
  <si>
    <t>Karcag</t>
  </si>
  <si>
    <t>Autó Karcag</t>
  </si>
  <si>
    <t>Kenderes</t>
  </si>
  <si>
    <t>Kisújszállás</t>
  </si>
  <si>
    <t>Kunhegyes</t>
  </si>
  <si>
    <t>Autó Kun</t>
  </si>
  <si>
    <t>Kunszentmárton</t>
  </si>
  <si>
    <t>Martfű</t>
  </si>
  <si>
    <t>Mezőtúr</t>
  </si>
  <si>
    <t>Rákóczifalva</t>
  </si>
  <si>
    <t>Szolnok</t>
  </si>
  <si>
    <t>Szolnok Szerviz</t>
  </si>
  <si>
    <t>Tiszaföldvár</t>
  </si>
  <si>
    <t>Tiszafüred</t>
  </si>
  <si>
    <t>Törökszentmiklós</t>
  </si>
  <si>
    <t>Túrkeve</t>
  </si>
  <si>
    <t>Újszász</t>
  </si>
  <si>
    <t>Ács</t>
  </si>
  <si>
    <t>Komárom-Esztergom</t>
  </si>
  <si>
    <t>Bábolna</t>
  </si>
  <si>
    <t>Dorog</t>
  </si>
  <si>
    <t>Esztergom</t>
  </si>
  <si>
    <t>Autó Eszter</t>
  </si>
  <si>
    <t>Kisbér</t>
  </si>
  <si>
    <t>Komárom</t>
  </si>
  <si>
    <t>Komárautó</t>
  </si>
  <si>
    <t>Lábatlan</t>
  </si>
  <si>
    <t>Nyergesújfalu</t>
  </si>
  <si>
    <t>Oroszlány</t>
  </si>
  <si>
    <t>Tát</t>
  </si>
  <si>
    <t>Tata</t>
  </si>
  <si>
    <t>Szerviz Tata</t>
  </si>
  <si>
    <t>Tatabánya</t>
  </si>
  <si>
    <t>Autó-bánya</t>
  </si>
  <si>
    <t>Balassagyarmat</t>
  </si>
  <si>
    <t>Nógrád</t>
  </si>
  <si>
    <t>Bátonyterenye</t>
  </si>
  <si>
    <t>Pásztó</t>
  </si>
  <si>
    <t>Pásztói Szerviz</t>
  </si>
  <si>
    <t>Rétság</t>
  </si>
  <si>
    <t>Salgótarján</t>
  </si>
  <si>
    <t>Autó Salgó</t>
  </si>
  <si>
    <t>Szécsény</t>
  </si>
  <si>
    <t>Abony</t>
  </si>
  <si>
    <t>Pest</t>
  </si>
  <si>
    <t>Albertirsa</t>
  </si>
  <si>
    <t>Aszód</t>
  </si>
  <si>
    <t>Biatorbágy</t>
  </si>
  <si>
    <t>Torbágy Szerviz</t>
  </si>
  <si>
    <t>Budakalász</t>
  </si>
  <si>
    <t>Budakeszi</t>
  </si>
  <si>
    <t>Budaörs</t>
  </si>
  <si>
    <t>Autó-örs</t>
  </si>
  <si>
    <t>Cegléd</t>
  </si>
  <si>
    <t>Dabas</t>
  </si>
  <si>
    <t>Diósd</t>
  </si>
  <si>
    <t>Diósd Kerekes</t>
  </si>
  <si>
    <t>Dunaharaszti</t>
  </si>
  <si>
    <t>Dunakeszi</t>
  </si>
  <si>
    <t>Dunavarsány</t>
  </si>
  <si>
    <t>Érd</t>
  </si>
  <si>
    <t>Autó Érd</t>
  </si>
  <si>
    <t>Fót</t>
  </si>
  <si>
    <t>Göd</t>
  </si>
  <si>
    <t>Gödöllő</t>
  </si>
  <si>
    <t>Gyál</t>
  </si>
  <si>
    <t>Gyömrő</t>
  </si>
  <si>
    <t>Halásztelek</t>
  </si>
  <si>
    <t>Isaszeg</t>
  </si>
  <si>
    <t>Kerepes</t>
  </si>
  <si>
    <t>Kistarcsa</t>
  </si>
  <si>
    <t>Maglód</t>
  </si>
  <si>
    <t>Monor</t>
  </si>
  <si>
    <t>Nagykáta</t>
  </si>
  <si>
    <t>Nagykőrös</t>
  </si>
  <si>
    <t>Autó Kőrös</t>
  </si>
  <si>
    <t>Nagymaros</t>
  </si>
  <si>
    <t>Ócsa</t>
  </si>
  <si>
    <t>Őrbottyán</t>
  </si>
  <si>
    <t>Örkény</t>
  </si>
  <si>
    <t>Pécel</t>
  </si>
  <si>
    <t>Pilis</t>
  </si>
  <si>
    <t>Piliscsaba</t>
  </si>
  <si>
    <t>Pilisvörösvár</t>
  </si>
  <si>
    <t>Pomáz</t>
  </si>
  <si>
    <t>Ráckeve</t>
  </si>
  <si>
    <t>Sülysáp</t>
  </si>
  <si>
    <t>Százhalombatta</t>
  </si>
  <si>
    <t>Szentendre</t>
  </si>
  <si>
    <t>Autó Szentendre</t>
  </si>
  <si>
    <t>Szigethalom</t>
  </si>
  <si>
    <t>Szigetszentmiklós</t>
  </si>
  <si>
    <t>Szob</t>
  </si>
  <si>
    <t>Tápiószele</t>
  </si>
  <si>
    <t>Tököl</t>
  </si>
  <si>
    <t>Törökbálint</t>
  </si>
  <si>
    <t>Tura</t>
  </si>
  <si>
    <t>Újhartyán</t>
  </si>
  <si>
    <t>Üllő</t>
  </si>
  <si>
    <t>Vác</t>
  </si>
  <si>
    <t>Vecsés</t>
  </si>
  <si>
    <t>Veresegyház</t>
  </si>
  <si>
    <t>Visegrád</t>
  </si>
  <si>
    <t>Visegrád Szerviz</t>
  </si>
  <si>
    <t>Zsámbék</t>
  </si>
  <si>
    <t>Balatonboglár</t>
  </si>
  <si>
    <t>Somogy</t>
  </si>
  <si>
    <t>Balatonföldvár</t>
  </si>
  <si>
    <t>Balatonlelle</t>
  </si>
  <si>
    <t>Lellei Kerekes</t>
  </si>
  <si>
    <t>Barcs</t>
  </si>
  <si>
    <t>Csurgó</t>
  </si>
  <si>
    <t>Fonyód</t>
  </si>
  <si>
    <t>Igal</t>
  </si>
  <si>
    <t>Autó Igal</t>
  </si>
  <si>
    <t>Kadarkút</t>
  </si>
  <si>
    <t>Kaposvár</t>
  </si>
  <si>
    <t>Autó Kaposvár</t>
  </si>
  <si>
    <t>Lengyeltóti</t>
  </si>
  <si>
    <t>Marcali</t>
  </si>
  <si>
    <t>Nagyatád</t>
  </si>
  <si>
    <t>Nagybajom</t>
  </si>
  <si>
    <t>Siófok</t>
  </si>
  <si>
    <t>Autó-fok</t>
  </si>
  <si>
    <t>Tab</t>
  </si>
  <si>
    <t>Zamárdi</t>
  </si>
  <si>
    <t>Ajak</t>
  </si>
  <si>
    <t>Szabolcs-Szatmár-Bereg</t>
  </si>
  <si>
    <t>Baktalórántháza</t>
  </si>
  <si>
    <t>Balkány</t>
  </si>
  <si>
    <t>Csenger</t>
  </si>
  <si>
    <t>Csenger Szerviz</t>
  </si>
  <si>
    <t>Demecser</t>
  </si>
  <si>
    <t>Dombrád</t>
  </si>
  <si>
    <t>Fehérgyarmat</t>
  </si>
  <si>
    <t>Ibrány</t>
  </si>
  <si>
    <t>Kemecse</t>
  </si>
  <si>
    <t>Kisvárda</t>
  </si>
  <si>
    <t>Autó-várda</t>
  </si>
  <si>
    <t>Mándok</t>
  </si>
  <si>
    <t>Máriapócs</t>
  </si>
  <si>
    <t>Mátészalka</t>
  </si>
  <si>
    <t>Nagyecsed</t>
  </si>
  <si>
    <t>Nagyhalász</t>
  </si>
  <si>
    <t>Nagykálló</t>
  </si>
  <si>
    <t>Nyírbátor</t>
  </si>
  <si>
    <t>Nyíregyháza</t>
  </si>
  <si>
    <t>Autó-háza</t>
  </si>
  <si>
    <t>Nyírlugos</t>
  </si>
  <si>
    <t>Nyírmada</t>
  </si>
  <si>
    <t>Nyírtelek</t>
  </si>
  <si>
    <t>Rakamaz</t>
  </si>
  <si>
    <t>Rakamaz Szerviz</t>
  </si>
  <si>
    <t>Tiszalök</t>
  </si>
  <si>
    <t>Tiszavasvári</t>
  </si>
  <si>
    <t>Újfehértó</t>
  </si>
  <si>
    <t>Vaja</t>
  </si>
  <si>
    <t>Vásárosnamény</t>
  </si>
  <si>
    <t>Záhony</t>
  </si>
  <si>
    <t>Bátaszék</t>
  </si>
  <si>
    <t>Tolna</t>
  </si>
  <si>
    <t>Bonyhád</t>
  </si>
  <si>
    <t>Dombóvár</t>
  </si>
  <si>
    <t>Autó Dombó</t>
  </si>
  <si>
    <t>Dunaföldvár</t>
  </si>
  <si>
    <t>Gyönk</t>
  </si>
  <si>
    <t>Nagymányok</t>
  </si>
  <si>
    <t>Paks Szerviz</t>
  </si>
  <si>
    <t>Paks</t>
  </si>
  <si>
    <t>Simontornya</t>
  </si>
  <si>
    <t>Szekszárd</t>
  </si>
  <si>
    <t>Autó Szekszárd</t>
  </si>
  <si>
    <t>Tamási</t>
  </si>
  <si>
    <t>Bük</t>
  </si>
  <si>
    <t>Vas</t>
  </si>
  <si>
    <t>Celldömölk</t>
  </si>
  <si>
    <t>Csepreg</t>
  </si>
  <si>
    <t>Jánosháza</t>
  </si>
  <si>
    <t>Körmend</t>
  </si>
  <si>
    <t>Körmend Szerviz</t>
  </si>
  <si>
    <t>Kőszeg</t>
  </si>
  <si>
    <t>Őriszentpéter</t>
  </si>
  <si>
    <t>Répcelak</t>
  </si>
  <si>
    <t>Sárvár</t>
  </si>
  <si>
    <t>Autó Sárvár</t>
  </si>
  <si>
    <t>Szentgotthárd</t>
  </si>
  <si>
    <t>Szombathely</t>
  </si>
  <si>
    <t>Autó Szombat</t>
  </si>
  <si>
    <t>Vasvár</t>
  </si>
  <si>
    <t>Vép</t>
  </si>
  <si>
    <t>Ajka</t>
  </si>
  <si>
    <t>Veszprém</t>
  </si>
  <si>
    <t>Badacsonytomaj</t>
  </si>
  <si>
    <t>Balatonalmádi</t>
  </si>
  <si>
    <t>Almádi Szerviz</t>
  </si>
  <si>
    <t>Balatonfüred</t>
  </si>
  <si>
    <t>Balatonfűzfő</t>
  </si>
  <si>
    <t>Balatonkenese</t>
  </si>
  <si>
    <t>Autó Kenese</t>
  </si>
  <si>
    <t>Berhida</t>
  </si>
  <si>
    <t>Devecser</t>
  </si>
  <si>
    <t>Herend</t>
  </si>
  <si>
    <t>Pápa</t>
  </si>
  <si>
    <t>Sümeg</t>
  </si>
  <si>
    <t>Tapolca</t>
  </si>
  <si>
    <t>Várpalota</t>
  </si>
  <si>
    <t>Autó Veszprém</t>
  </si>
  <si>
    <t>Zirc</t>
  </si>
  <si>
    <t>Hévíz</t>
  </si>
  <si>
    <t>Zala</t>
  </si>
  <si>
    <t>Keszthely</t>
  </si>
  <si>
    <t>Autó Keszthely</t>
  </si>
  <si>
    <t>Lenti</t>
  </si>
  <si>
    <t>Letenye</t>
  </si>
  <si>
    <t>Nagykanizsa</t>
  </si>
  <si>
    <t>Kanizsa Szerviz</t>
  </si>
  <si>
    <t>Pacsa</t>
  </si>
  <si>
    <t>Zalaegerszeg</t>
  </si>
  <si>
    <t>Autó Zala</t>
  </si>
  <si>
    <t>Zalakaros</t>
  </si>
  <si>
    <t>Zalalövő</t>
  </si>
  <si>
    <t>Zalaszentgrót</t>
  </si>
  <si>
    <t>Távolsá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0&quot; km&quot;"/>
  </numFmts>
  <fonts count="18" x14ac:knownFonts="1">
    <font>
      <sz val="11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8"/>
      <color theme="3"/>
      <name val="Calibri Light"/>
      <family val="2"/>
      <charset val="238"/>
      <scheme val="major"/>
    </font>
    <font>
      <b/>
      <sz val="15"/>
      <color theme="3"/>
      <name val="Arial"/>
      <family val="2"/>
      <charset val="238"/>
    </font>
    <font>
      <b/>
      <sz val="13"/>
      <color theme="3"/>
      <name val="Arial"/>
      <family val="2"/>
      <charset val="238"/>
    </font>
    <font>
      <b/>
      <sz val="11"/>
      <color theme="3"/>
      <name val="Arial"/>
      <family val="2"/>
      <charset val="238"/>
    </font>
    <font>
      <sz val="11"/>
      <color rgb="FF006100"/>
      <name val="Arial"/>
      <family val="2"/>
      <charset val="238"/>
    </font>
    <font>
      <sz val="11"/>
      <color rgb="FF9C0006"/>
      <name val="Arial"/>
      <family val="2"/>
      <charset val="238"/>
    </font>
    <font>
      <sz val="11"/>
      <color rgb="FF9C6500"/>
      <name val="Arial"/>
      <family val="2"/>
      <charset val="238"/>
    </font>
    <font>
      <sz val="11"/>
      <color rgb="FF3F3F76"/>
      <name val="Arial"/>
      <family val="2"/>
      <charset val="238"/>
    </font>
    <font>
      <b/>
      <sz val="11"/>
      <color rgb="FF3F3F3F"/>
      <name val="Arial"/>
      <family val="2"/>
      <charset val="238"/>
    </font>
    <font>
      <b/>
      <sz val="11"/>
      <color rgb="FFFA7D00"/>
      <name val="Arial"/>
      <family val="2"/>
      <charset val="238"/>
    </font>
    <font>
      <sz val="11"/>
      <color rgb="FFFA7D00"/>
      <name val="Arial"/>
      <family val="2"/>
      <charset val="238"/>
    </font>
    <font>
      <b/>
      <sz val="11"/>
      <color theme="0"/>
      <name val="Arial"/>
      <family val="2"/>
      <charset val="238"/>
    </font>
    <font>
      <sz val="11"/>
      <color rgb="FFFF0000"/>
      <name val="Arial"/>
      <family val="2"/>
      <charset val="238"/>
    </font>
    <font>
      <i/>
      <sz val="11"/>
      <color rgb="FF7F7F7F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0"/>
      <name val="Arial"/>
      <family val="2"/>
      <charset val="238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0" tint="-0.34998626667073579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4">
    <xf numFmtId="0" fontId="0" fillId="0" borderId="0" xfId="0"/>
    <xf numFmtId="0" fontId="16" fillId="33" borderId="0" xfId="0" applyFont="1" applyFill="1" applyAlignment="1">
      <alignment horizontal="center"/>
    </xf>
    <xf numFmtId="0" fontId="0" fillId="0" borderId="0" xfId="0" applyAlignment="1">
      <alignment textRotation="90"/>
    </xf>
    <xf numFmtId="164" fontId="0" fillId="0" borderId="0" xfId="0" applyNumberFormat="1"/>
  </cellXfs>
  <cellStyles count="42">
    <cellStyle name="1. jelölőszín" xfId="18" builtinId="29" customBuiltin="1"/>
    <cellStyle name="2. jelölőszín" xfId="22" builtinId="33" customBuiltin="1"/>
    <cellStyle name="20% - 1. jelölőszín" xfId="19" builtinId="30" customBuiltin="1"/>
    <cellStyle name="20% - 2. jelölőszín" xfId="23" builtinId="34" customBuiltin="1"/>
    <cellStyle name="20% - 3. jelölőszín" xfId="27" builtinId="38" customBuiltin="1"/>
    <cellStyle name="20% - 4. jelölőszín" xfId="31" builtinId="42" customBuiltin="1"/>
    <cellStyle name="20% - 5. jelölőszín" xfId="35" builtinId="46" customBuiltin="1"/>
    <cellStyle name="20% - 6. jelölőszín" xfId="39" builtinId="50" customBuiltin="1"/>
    <cellStyle name="3. jelölőszín" xfId="26" builtinId="37" customBuiltin="1"/>
    <cellStyle name="4. jelölőszín" xfId="30" builtinId="41" customBuiltin="1"/>
    <cellStyle name="40% - 1. jelölőszín" xfId="20" builtinId="31" customBuiltin="1"/>
    <cellStyle name="40% - 2. jelölőszín" xfId="24" builtinId="35" customBuiltin="1"/>
    <cellStyle name="40% - 3. jelölőszín" xfId="28" builtinId="39" customBuiltin="1"/>
    <cellStyle name="40% - 4. jelölőszín" xfId="32" builtinId="43" customBuiltin="1"/>
    <cellStyle name="40% - 5. jelölőszín" xfId="36" builtinId="47" customBuiltin="1"/>
    <cellStyle name="40% - 6. jelölőszín" xfId="40" builtinId="51" customBuiltin="1"/>
    <cellStyle name="5. jelölőszín" xfId="34" builtinId="45" customBuiltin="1"/>
    <cellStyle name="6. jelölőszín" xfId="38" builtinId="49" customBuiltin="1"/>
    <cellStyle name="60% - 1. jelölőszín" xfId="21" builtinId="32" customBuiltin="1"/>
    <cellStyle name="60% - 2. jelölőszín" xfId="25" builtinId="36" customBuiltin="1"/>
    <cellStyle name="60% - 3. jelölőszín" xfId="29" builtinId="40" customBuiltin="1"/>
    <cellStyle name="60% - 4. jelölőszín" xfId="33" builtinId="44" customBuiltin="1"/>
    <cellStyle name="60% - 5. jelölőszín" xfId="37" builtinId="48" customBuiltin="1"/>
    <cellStyle name="60% - 6. jelölőszín" xfId="41" builtinId="52" customBuiltin="1"/>
    <cellStyle name="Bevitel" xfId="9" builtinId="20" customBuiltin="1"/>
    <cellStyle name="Cím" xfId="1" builtinId="15" customBuiltin="1"/>
    <cellStyle name="Címsor 1" xfId="2" builtinId="16" customBuiltin="1"/>
    <cellStyle name="Címsor 2" xfId="3" builtinId="17" customBuiltin="1"/>
    <cellStyle name="Címsor 3" xfId="4" builtinId="18" customBuiltin="1"/>
    <cellStyle name="Címsor 4" xfId="5" builtinId="19" customBuiltin="1"/>
    <cellStyle name="Ellenőrzőcella" xfId="13" builtinId="23" customBuiltin="1"/>
    <cellStyle name="Figyelmeztetés" xfId="14" builtinId="11" customBuiltin="1"/>
    <cellStyle name="Hivatkozott cella" xfId="12" builtinId="24" customBuiltin="1"/>
    <cellStyle name="Jegyzet" xfId="15" builtinId="10" customBuiltin="1"/>
    <cellStyle name="Jó" xfId="6" builtinId="26" customBuiltin="1"/>
    <cellStyle name="Kimenet" xfId="10" builtinId="21" customBuiltin="1"/>
    <cellStyle name="Magyarázó szöveg" xfId="16" builtinId="53" customBuiltin="1"/>
    <cellStyle name="Normál" xfId="0" builtinId="0"/>
    <cellStyle name="Összesen" xfId="17" builtinId="25" customBuiltin="1"/>
    <cellStyle name="Rossz" xfId="7" builtinId="27" customBuiltin="1"/>
    <cellStyle name="Semleges" xfId="8" builtinId="28" customBuiltin="1"/>
    <cellStyle name="Számítás" xfId="11" builtinId="22" customBuiltin="1"/>
  </cellStyles>
  <dxfs count="3"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</dxfs>
  <tableStyles count="0" defaultTableStyle="TableStyleMedium2" defaultPivotStyle="PivotStyleLight16"/>
  <colors>
    <mruColors>
      <color rgb="FF843C0C"/>
      <color rgb="FFFFE6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2.xml"/><Relationship Id="rId7" Type="http://schemas.openxmlformats.org/officeDocument/2006/relationships/theme" Target="theme/theme1.xml"/><Relationship Id="rId2" Type="http://schemas.openxmlformats.org/officeDocument/2006/relationships/chartsheet" Target="chartsheets/sheet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4.xml"/><Relationship Id="rId5" Type="http://schemas.openxmlformats.org/officeDocument/2006/relationships/worksheet" Target="worksheets/sheet3.xml"/><Relationship Id="rId10" Type="http://schemas.openxmlformats.org/officeDocument/2006/relationships/calcChain" Target="calcChain.xml"/><Relationship Id="rId4" Type="http://schemas.openxmlformats.org/officeDocument/2006/relationships/chartsheet" Target="chartsheets/sheet2.xml"/><Relationship Id="rId9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rgbClr val="843C0C"/>
                </a:solidFill>
                <a:latin typeface="+mn-lt"/>
                <a:ea typeface="+mn-ea"/>
                <a:cs typeface="+mn-cs"/>
              </a:defRPr>
            </a:pPr>
            <a:r>
              <a:rPr lang="hu-HU" sz="1400" b="1" i="0" u="none" strike="noStrike" baseline="0">
                <a:solidFill>
                  <a:srgbClr val="843C0C"/>
                </a:solidFill>
              </a:rPr>
              <a:t>Magyarország városai és megyéi</a:t>
            </a:r>
            <a:endParaRPr lang="hu-HU">
              <a:solidFill>
                <a:srgbClr val="843C0C"/>
              </a:solidFill>
            </a:endParaRPr>
          </a:p>
        </c:rich>
      </c:tx>
      <c:layout>
        <c:manualLayout>
          <c:xMode val="edge"/>
          <c:yMode val="edge"/>
          <c:x val="1.0767736643888925E-2"/>
          <c:y val="1.8804779408256533E-2"/>
        </c:manualLayout>
      </c:layout>
      <c:overlay val="0"/>
      <c:spPr>
        <a:solidFill>
          <a:srgbClr val="FFE699"/>
        </a:solidFill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rgbClr val="843C0C"/>
              </a:solidFill>
              <a:latin typeface="+mn-lt"/>
              <a:ea typeface="+mn-ea"/>
              <a:cs typeface="+mn-cs"/>
            </a:defRPr>
          </a:pPr>
          <a:endParaRPr lang="hu-HU"/>
        </a:p>
      </c:txPr>
    </c:title>
    <c:autoTitleDeleted val="0"/>
    <c:plotArea>
      <c:layout>
        <c:manualLayout>
          <c:layoutTarget val="inner"/>
          <c:xMode val="edge"/>
          <c:yMode val="edge"/>
          <c:x val="2.8759058920744342E-2"/>
          <c:y val="2.4012699724690133E-2"/>
          <c:w val="0.96995370353940857"/>
          <c:h val="0.95403276144648408"/>
        </c:manualLayout>
      </c:layout>
      <c:scatterChart>
        <c:scatterStyle val="lineMarker"/>
        <c:varyColors val="0"/>
        <c:ser>
          <c:idx val="0"/>
          <c:order val="0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rgbClr val="843C0C"/>
              </a:solidFill>
              <a:ln w="9525">
                <a:noFill/>
              </a:ln>
              <a:effectLst/>
            </c:spPr>
          </c:marker>
          <c:xVal>
            <c:numRef>
              <c:f>városok!$B$2:$B$346</c:f>
              <c:numCache>
                <c:formatCode>General</c:formatCode>
                <c:ptCount val="345"/>
                <c:pt idx="0">
                  <c:v>21758</c:v>
                </c:pt>
                <c:pt idx="1">
                  <c:v>-6580</c:v>
                </c:pt>
                <c:pt idx="2">
                  <c:v>-5604</c:v>
                </c:pt>
                <c:pt idx="3">
                  <c:v>5219</c:v>
                </c:pt>
                <c:pt idx="4">
                  <c:v>23367</c:v>
                </c:pt>
                <c:pt idx="5">
                  <c:v>21561</c:v>
                </c:pt>
                <c:pt idx="6">
                  <c:v>-5160</c:v>
                </c:pt>
                <c:pt idx="7">
                  <c:v>15573</c:v>
                </c:pt>
                <c:pt idx="8">
                  <c:v>49155</c:v>
                </c:pt>
                <c:pt idx="9">
                  <c:v>32849</c:v>
                </c:pt>
                <c:pt idx="10">
                  <c:v>9896</c:v>
                </c:pt>
                <c:pt idx="11">
                  <c:v>60964</c:v>
                </c:pt>
                <c:pt idx="12">
                  <c:v>33555</c:v>
                </c:pt>
                <c:pt idx="13">
                  <c:v>52922</c:v>
                </c:pt>
                <c:pt idx="14">
                  <c:v>5879</c:v>
                </c:pt>
                <c:pt idx="15">
                  <c:v>38700</c:v>
                </c:pt>
                <c:pt idx="16">
                  <c:v>25692</c:v>
                </c:pt>
                <c:pt idx="17">
                  <c:v>-3343</c:v>
                </c:pt>
                <c:pt idx="18">
                  <c:v>26577</c:v>
                </c:pt>
                <c:pt idx="19">
                  <c:v>13328</c:v>
                </c:pt>
                <c:pt idx="20">
                  <c:v>79969</c:v>
                </c:pt>
                <c:pt idx="21">
                  <c:v>37614</c:v>
                </c:pt>
                <c:pt idx="22">
                  <c:v>-40852</c:v>
                </c:pt>
                <c:pt idx="23">
                  <c:v>-62578</c:v>
                </c:pt>
                <c:pt idx="24">
                  <c:v>-60468</c:v>
                </c:pt>
                <c:pt idx="25">
                  <c:v>-58430</c:v>
                </c:pt>
                <c:pt idx="26">
                  <c:v>-62494</c:v>
                </c:pt>
                <c:pt idx="27">
                  <c:v>-27799</c:v>
                </c:pt>
                <c:pt idx="28">
                  <c:v>-61710</c:v>
                </c:pt>
                <c:pt idx="29">
                  <c:v>-48202</c:v>
                </c:pt>
                <c:pt idx="30">
                  <c:v>-72355</c:v>
                </c:pt>
                <c:pt idx="31">
                  <c:v>-92526</c:v>
                </c:pt>
                <c:pt idx="32">
                  <c:v>-57787</c:v>
                </c:pt>
                <c:pt idx="33">
                  <c:v>-81670</c:v>
                </c:pt>
                <c:pt idx="34">
                  <c:v>-96494</c:v>
                </c:pt>
                <c:pt idx="35">
                  <c:v>-45784</c:v>
                </c:pt>
                <c:pt idx="36">
                  <c:v>151773</c:v>
                </c:pt>
                <c:pt idx="37">
                  <c:v>159119</c:v>
                </c:pt>
                <c:pt idx="38">
                  <c:v>155712</c:v>
                </c:pt>
                <c:pt idx="39">
                  <c:v>136621</c:v>
                </c:pt>
                <c:pt idx="40">
                  <c:v>145371</c:v>
                </c:pt>
                <c:pt idx="41">
                  <c:v>169067</c:v>
                </c:pt>
                <c:pt idx="42">
                  <c:v>164293</c:v>
                </c:pt>
                <c:pt idx="43">
                  <c:v>131903</c:v>
                </c:pt>
                <c:pt idx="44">
                  <c:v>170677</c:v>
                </c:pt>
                <c:pt idx="45">
                  <c:v>133668</c:v>
                </c:pt>
                <c:pt idx="46">
                  <c:v>154478</c:v>
                </c:pt>
                <c:pt idx="47">
                  <c:v>152008</c:v>
                </c:pt>
                <c:pt idx="48">
                  <c:v>151084</c:v>
                </c:pt>
                <c:pt idx="49">
                  <c:v>136332</c:v>
                </c:pt>
                <c:pt idx="50">
                  <c:v>143265</c:v>
                </c:pt>
                <c:pt idx="51">
                  <c:v>124443</c:v>
                </c:pt>
                <c:pt idx="52">
                  <c:v>177793</c:v>
                </c:pt>
                <c:pt idx="53">
                  <c:v>114879</c:v>
                </c:pt>
                <c:pt idx="54">
                  <c:v>161703</c:v>
                </c:pt>
                <c:pt idx="55">
                  <c:v>129874</c:v>
                </c:pt>
                <c:pt idx="56">
                  <c:v>151505</c:v>
                </c:pt>
                <c:pt idx="57">
                  <c:v>168725</c:v>
                </c:pt>
                <c:pt idx="58">
                  <c:v>158530</c:v>
                </c:pt>
                <c:pt idx="59">
                  <c:v>136513</c:v>
                </c:pt>
                <c:pt idx="60">
                  <c:v>89127</c:v>
                </c:pt>
                <c:pt idx="61">
                  <c:v>210653</c:v>
                </c:pt>
                <c:pt idx="62">
                  <c:v>126667</c:v>
                </c:pt>
                <c:pt idx="63">
                  <c:v>131969</c:v>
                </c:pt>
                <c:pt idx="64">
                  <c:v>153424</c:v>
                </c:pt>
                <c:pt idx="65">
                  <c:v>134799</c:v>
                </c:pt>
                <c:pt idx="66">
                  <c:v>164307</c:v>
                </c:pt>
                <c:pt idx="67">
                  <c:v>117980</c:v>
                </c:pt>
                <c:pt idx="68">
                  <c:v>139157</c:v>
                </c:pt>
                <c:pt idx="69">
                  <c:v>122835</c:v>
                </c:pt>
                <c:pt idx="70">
                  <c:v>114305</c:v>
                </c:pt>
                <c:pt idx="71">
                  <c:v>130305</c:v>
                </c:pt>
                <c:pt idx="72">
                  <c:v>133697</c:v>
                </c:pt>
                <c:pt idx="73">
                  <c:v>138398</c:v>
                </c:pt>
                <c:pt idx="74">
                  <c:v>92553</c:v>
                </c:pt>
                <c:pt idx="75">
                  <c:v>181918</c:v>
                </c:pt>
                <c:pt idx="76">
                  <c:v>102946</c:v>
                </c:pt>
                <c:pt idx="77">
                  <c:v>116393</c:v>
                </c:pt>
                <c:pt idx="78">
                  <c:v>125147</c:v>
                </c:pt>
                <c:pt idx="79">
                  <c:v>123538</c:v>
                </c:pt>
                <c:pt idx="80">
                  <c:v>192907</c:v>
                </c:pt>
                <c:pt idx="81">
                  <c:v>192852</c:v>
                </c:pt>
                <c:pt idx="82">
                  <c:v>124689</c:v>
                </c:pt>
                <c:pt idx="83">
                  <c:v>159804</c:v>
                </c:pt>
                <c:pt idx="84">
                  <c:v>139743</c:v>
                </c:pt>
                <c:pt idx="85">
                  <c:v>149549</c:v>
                </c:pt>
                <c:pt idx="86">
                  <c:v>175850</c:v>
                </c:pt>
                <c:pt idx="87">
                  <c:v>129359</c:v>
                </c:pt>
                <c:pt idx="88">
                  <c:v>83645</c:v>
                </c:pt>
                <c:pt idx="89">
                  <c:v>98119</c:v>
                </c:pt>
                <c:pt idx="90">
                  <c:v>71578</c:v>
                </c:pt>
                <c:pt idx="91">
                  <c:v>110435</c:v>
                </c:pt>
                <c:pt idx="92">
                  <c:v>87553</c:v>
                </c:pt>
                <c:pt idx="93">
                  <c:v>64644</c:v>
                </c:pt>
                <c:pt idx="94">
                  <c:v>81399</c:v>
                </c:pt>
                <c:pt idx="95">
                  <c:v>85946</c:v>
                </c:pt>
                <c:pt idx="96">
                  <c:v>92865</c:v>
                </c:pt>
                <c:pt idx="97">
                  <c:v>-39584</c:v>
                </c:pt>
                <c:pt idx="98">
                  <c:v>-13789</c:v>
                </c:pt>
                <c:pt idx="99">
                  <c:v>-31008</c:v>
                </c:pt>
                <c:pt idx="100">
                  <c:v>-61456</c:v>
                </c:pt>
                <c:pt idx="101">
                  <c:v>-43485</c:v>
                </c:pt>
                <c:pt idx="102">
                  <c:v>-8435</c:v>
                </c:pt>
                <c:pt idx="103">
                  <c:v>-60676</c:v>
                </c:pt>
                <c:pt idx="104">
                  <c:v>-11426</c:v>
                </c:pt>
                <c:pt idx="105">
                  <c:v>-31264</c:v>
                </c:pt>
                <c:pt idx="106">
                  <c:v>-19172</c:v>
                </c:pt>
                <c:pt idx="107">
                  <c:v>-62927</c:v>
                </c:pt>
                <c:pt idx="108">
                  <c:v>-56426</c:v>
                </c:pt>
                <c:pt idx="109">
                  <c:v>-21407</c:v>
                </c:pt>
                <c:pt idx="110">
                  <c:v>-7831</c:v>
                </c:pt>
                <c:pt idx="111">
                  <c:v>-32263</c:v>
                </c:pt>
                <c:pt idx="112">
                  <c:v>-54369</c:v>
                </c:pt>
                <c:pt idx="113">
                  <c:v>-29619</c:v>
                </c:pt>
                <c:pt idx="114">
                  <c:v>-146735</c:v>
                </c:pt>
                <c:pt idx="115">
                  <c:v>-134495</c:v>
                </c:pt>
                <c:pt idx="116">
                  <c:v>-161962</c:v>
                </c:pt>
                <c:pt idx="117">
                  <c:v>-163319</c:v>
                </c:pt>
                <c:pt idx="118">
                  <c:v>-105941</c:v>
                </c:pt>
                <c:pt idx="119">
                  <c:v>-142660</c:v>
                </c:pt>
                <c:pt idx="120">
                  <c:v>-151449</c:v>
                </c:pt>
                <c:pt idx="121">
                  <c:v>-124176</c:v>
                </c:pt>
                <c:pt idx="122">
                  <c:v>-132822</c:v>
                </c:pt>
                <c:pt idx="123">
                  <c:v>-97317</c:v>
                </c:pt>
                <c:pt idx="124">
                  <c:v>-184855</c:v>
                </c:pt>
                <c:pt idx="125">
                  <c:v>-115280</c:v>
                </c:pt>
                <c:pt idx="126">
                  <c:v>172329</c:v>
                </c:pt>
                <c:pt idx="127">
                  <c:v>188308</c:v>
                </c:pt>
                <c:pt idx="128">
                  <c:v>202645</c:v>
                </c:pt>
                <c:pt idx="129">
                  <c:v>194716</c:v>
                </c:pt>
                <c:pt idx="130">
                  <c:v>189892</c:v>
                </c:pt>
                <c:pt idx="131">
                  <c:v>184899</c:v>
                </c:pt>
                <c:pt idx="132">
                  <c:v>183384</c:v>
                </c:pt>
                <c:pt idx="133">
                  <c:v>196608</c:v>
                </c:pt>
                <c:pt idx="134">
                  <c:v>178054</c:v>
                </c:pt>
                <c:pt idx="135">
                  <c:v>203974</c:v>
                </c:pt>
                <c:pt idx="136">
                  <c:v>177243</c:v>
                </c:pt>
                <c:pt idx="137">
                  <c:v>168046</c:v>
                </c:pt>
                <c:pt idx="138">
                  <c:v>186033</c:v>
                </c:pt>
                <c:pt idx="139">
                  <c:v>213767</c:v>
                </c:pt>
                <c:pt idx="140">
                  <c:v>159479</c:v>
                </c:pt>
                <c:pt idx="141">
                  <c:v>214338</c:v>
                </c:pt>
                <c:pt idx="142">
                  <c:v>154357</c:v>
                </c:pt>
                <c:pt idx="143">
                  <c:v>160580</c:v>
                </c:pt>
                <c:pt idx="144">
                  <c:v>197076</c:v>
                </c:pt>
                <c:pt idx="145">
                  <c:v>145665</c:v>
                </c:pt>
                <c:pt idx="146">
                  <c:v>214629</c:v>
                </c:pt>
                <c:pt idx="147">
                  <c:v>97168</c:v>
                </c:pt>
                <c:pt idx="148">
                  <c:v>99460</c:v>
                </c:pt>
                <c:pt idx="149">
                  <c:v>102643</c:v>
                </c:pt>
                <c:pt idx="150">
                  <c:v>65953</c:v>
                </c:pt>
                <c:pt idx="151">
                  <c:v>55656</c:v>
                </c:pt>
                <c:pt idx="152">
                  <c:v>47330</c:v>
                </c:pt>
                <c:pt idx="153">
                  <c:v>93224</c:v>
                </c:pt>
                <c:pt idx="154">
                  <c:v>108828</c:v>
                </c:pt>
                <c:pt idx="155">
                  <c:v>47368</c:v>
                </c:pt>
                <c:pt idx="156">
                  <c:v>78421</c:v>
                </c:pt>
                <c:pt idx="157">
                  <c:v>88309</c:v>
                </c:pt>
                <c:pt idx="158">
                  <c:v>116815</c:v>
                </c:pt>
                <c:pt idx="159">
                  <c:v>91740</c:v>
                </c:pt>
                <c:pt idx="160">
                  <c:v>111888</c:v>
                </c:pt>
                <c:pt idx="161">
                  <c:v>82394</c:v>
                </c:pt>
                <c:pt idx="162">
                  <c:v>69940</c:v>
                </c:pt>
                <c:pt idx="163">
                  <c:v>65040</c:v>
                </c:pt>
                <c:pt idx="164">
                  <c:v>50886</c:v>
                </c:pt>
                <c:pt idx="165">
                  <c:v>88113</c:v>
                </c:pt>
                <c:pt idx="166">
                  <c:v>145909</c:v>
                </c:pt>
                <c:pt idx="167">
                  <c:v>127150</c:v>
                </c:pt>
                <c:pt idx="168">
                  <c:v>133482</c:v>
                </c:pt>
                <c:pt idx="169">
                  <c:v>119515</c:v>
                </c:pt>
                <c:pt idx="170">
                  <c:v>94444</c:v>
                </c:pt>
                <c:pt idx="171">
                  <c:v>94171</c:v>
                </c:pt>
                <c:pt idx="172">
                  <c:v>119895</c:v>
                </c:pt>
                <c:pt idx="173">
                  <c:v>89558</c:v>
                </c:pt>
                <c:pt idx="174">
                  <c:v>86335</c:v>
                </c:pt>
                <c:pt idx="175">
                  <c:v>91356</c:v>
                </c:pt>
                <c:pt idx="176">
                  <c:v>128265</c:v>
                </c:pt>
                <c:pt idx="177">
                  <c:v>103721</c:v>
                </c:pt>
                <c:pt idx="178">
                  <c:v>132353</c:v>
                </c:pt>
                <c:pt idx="179">
                  <c:v>77878</c:v>
                </c:pt>
                <c:pt idx="180">
                  <c:v>-77216</c:v>
                </c:pt>
                <c:pt idx="181">
                  <c:v>-79980</c:v>
                </c:pt>
                <c:pt idx="182">
                  <c:v>-23553</c:v>
                </c:pt>
                <c:pt idx="183">
                  <c:v>-22653</c:v>
                </c:pt>
                <c:pt idx="184">
                  <c:v>-75957</c:v>
                </c:pt>
                <c:pt idx="185">
                  <c:v>-69253</c:v>
                </c:pt>
                <c:pt idx="186">
                  <c:v>-41388</c:v>
                </c:pt>
                <c:pt idx="187">
                  <c:v>-37486</c:v>
                </c:pt>
                <c:pt idx="188">
                  <c:v>-55007</c:v>
                </c:pt>
                <c:pt idx="189">
                  <c:v>-30162</c:v>
                </c:pt>
                <c:pt idx="190">
                  <c:v>-53567</c:v>
                </c:pt>
                <c:pt idx="191">
                  <c:v>-47900</c:v>
                </c:pt>
                <c:pt idx="192">
                  <c:v>18570</c:v>
                </c:pt>
                <c:pt idx="193">
                  <c:v>58098</c:v>
                </c:pt>
                <c:pt idx="194">
                  <c:v>48543</c:v>
                </c:pt>
                <c:pt idx="195">
                  <c:v>6873</c:v>
                </c:pt>
                <c:pt idx="196">
                  <c:v>57098</c:v>
                </c:pt>
                <c:pt idx="197">
                  <c:v>35217</c:v>
                </c:pt>
                <c:pt idx="198">
                  <c:v>73037</c:v>
                </c:pt>
                <c:pt idx="199">
                  <c:v>43179</c:v>
                </c:pt>
                <c:pt idx="200">
                  <c:v>33083</c:v>
                </c:pt>
                <c:pt idx="201">
                  <c:v>-17134</c:v>
                </c:pt>
                <c:pt idx="202">
                  <c:v>273</c:v>
                </c:pt>
                <c:pt idx="203">
                  <c:v>-8474</c:v>
                </c:pt>
                <c:pt idx="204">
                  <c:v>-6325</c:v>
                </c:pt>
                <c:pt idx="205">
                  <c:v>56910</c:v>
                </c:pt>
                <c:pt idx="206">
                  <c:v>20377</c:v>
                </c:pt>
                <c:pt idx="207">
                  <c:v>-7247</c:v>
                </c:pt>
                <c:pt idx="208">
                  <c:v>3819</c:v>
                </c:pt>
                <c:pt idx="209">
                  <c:v>7100</c:v>
                </c:pt>
                <c:pt idx="210">
                  <c:v>1659</c:v>
                </c:pt>
                <c:pt idx="211">
                  <c:v>-10264</c:v>
                </c:pt>
                <c:pt idx="212">
                  <c:v>10929</c:v>
                </c:pt>
                <c:pt idx="213">
                  <c:v>6792</c:v>
                </c:pt>
                <c:pt idx="214">
                  <c:v>23243</c:v>
                </c:pt>
                <c:pt idx="215">
                  <c:v>13050</c:v>
                </c:pt>
                <c:pt idx="216">
                  <c:v>26396</c:v>
                </c:pt>
                <c:pt idx="217">
                  <c:v>-4979</c:v>
                </c:pt>
                <c:pt idx="218">
                  <c:v>26566</c:v>
                </c:pt>
                <c:pt idx="219">
                  <c:v>17813</c:v>
                </c:pt>
                <c:pt idx="220">
                  <c:v>16354</c:v>
                </c:pt>
                <c:pt idx="221">
                  <c:v>22999</c:v>
                </c:pt>
                <c:pt idx="222">
                  <c:v>30256</c:v>
                </c:pt>
                <c:pt idx="223">
                  <c:v>52418</c:v>
                </c:pt>
                <c:pt idx="224">
                  <c:v>55858</c:v>
                </c:pt>
                <c:pt idx="225">
                  <c:v>-6472</c:v>
                </c:pt>
                <c:pt idx="226">
                  <c:v>14041</c:v>
                </c:pt>
                <c:pt idx="227">
                  <c:v>17884</c:v>
                </c:pt>
                <c:pt idx="228">
                  <c:v>29221</c:v>
                </c:pt>
                <c:pt idx="229">
                  <c:v>22403</c:v>
                </c:pt>
                <c:pt idx="230">
                  <c:v>37682</c:v>
                </c:pt>
                <c:pt idx="231">
                  <c:v>-16244</c:v>
                </c:pt>
                <c:pt idx="232">
                  <c:v>-10208</c:v>
                </c:pt>
                <c:pt idx="233">
                  <c:v>-1027</c:v>
                </c:pt>
                <c:pt idx="234">
                  <c:v>-7698</c:v>
                </c:pt>
                <c:pt idx="235">
                  <c:v>37011</c:v>
                </c:pt>
                <c:pt idx="236">
                  <c:v>-10067</c:v>
                </c:pt>
                <c:pt idx="237">
                  <c:v>1272</c:v>
                </c:pt>
                <c:pt idx="238">
                  <c:v>-2757</c:v>
                </c:pt>
                <c:pt idx="239">
                  <c:v>-392</c:v>
                </c:pt>
                <c:pt idx="240">
                  <c:v>-13383</c:v>
                </c:pt>
                <c:pt idx="241">
                  <c:v>63009</c:v>
                </c:pt>
                <c:pt idx="242">
                  <c:v>-5876</c:v>
                </c:pt>
                <c:pt idx="243">
                  <c:v>-9855</c:v>
                </c:pt>
                <c:pt idx="244">
                  <c:v>41693</c:v>
                </c:pt>
                <c:pt idx="245">
                  <c:v>26210</c:v>
                </c:pt>
                <c:pt idx="246">
                  <c:v>22648</c:v>
                </c:pt>
                <c:pt idx="247">
                  <c:v>6606</c:v>
                </c:pt>
                <c:pt idx="248">
                  <c:v>16297</c:v>
                </c:pt>
                <c:pt idx="249">
                  <c:v>17784</c:v>
                </c:pt>
                <c:pt idx="250">
                  <c:v>-5699</c:v>
                </c:pt>
                <c:pt idx="251">
                  <c:v>-24474</c:v>
                </c:pt>
                <c:pt idx="252">
                  <c:v>-105678</c:v>
                </c:pt>
                <c:pt idx="253">
                  <c:v>-88737</c:v>
                </c:pt>
                <c:pt idx="254">
                  <c:v>-102524</c:v>
                </c:pt>
                <c:pt idx="255">
                  <c:v>-122925</c:v>
                </c:pt>
                <c:pt idx="256">
                  <c:v>-149993</c:v>
                </c:pt>
                <c:pt idx="257">
                  <c:v>-114400</c:v>
                </c:pt>
                <c:pt idx="258">
                  <c:v>-84585</c:v>
                </c:pt>
                <c:pt idx="259">
                  <c:v>-109688</c:v>
                </c:pt>
                <c:pt idx="260">
                  <c:v>-96100</c:v>
                </c:pt>
                <c:pt idx="261">
                  <c:v>-107670</c:v>
                </c:pt>
                <c:pt idx="262">
                  <c:v>-125155</c:v>
                </c:pt>
                <c:pt idx="263">
                  <c:v>-129639</c:v>
                </c:pt>
                <c:pt idx="264">
                  <c:v>-117916</c:v>
                </c:pt>
                <c:pt idx="265">
                  <c:v>-74624</c:v>
                </c:pt>
                <c:pt idx="266">
                  <c:v>-77186</c:v>
                </c:pt>
                <c:pt idx="267">
                  <c:v>-83607</c:v>
                </c:pt>
                <c:pt idx="268">
                  <c:v>223253</c:v>
                </c:pt>
                <c:pt idx="269">
                  <c:v>226252</c:v>
                </c:pt>
                <c:pt idx="270">
                  <c:v>210351</c:v>
                </c:pt>
                <c:pt idx="271">
                  <c:v>271175</c:v>
                </c:pt>
                <c:pt idx="272">
                  <c:v>213604</c:v>
                </c:pt>
                <c:pt idx="273">
                  <c:v>213265</c:v>
                </c:pt>
                <c:pt idx="274">
                  <c:v>215150</c:v>
                </c:pt>
                <c:pt idx="275">
                  <c:v>172996</c:v>
                </c:pt>
                <c:pt idx="276">
                  <c:v>204679</c:v>
                </c:pt>
                <c:pt idx="277">
                  <c:v>225017</c:v>
                </c:pt>
                <c:pt idx="278">
                  <c:v>232240</c:v>
                </c:pt>
                <c:pt idx="279">
                  <c:v>222327</c:v>
                </c:pt>
                <c:pt idx="280">
                  <c:v>244100</c:v>
                </c:pt>
                <c:pt idx="281">
                  <c:v>249641</c:v>
                </c:pt>
                <c:pt idx="282">
                  <c:v>201151</c:v>
                </c:pt>
                <c:pt idx="283">
                  <c:v>203895</c:v>
                </c:pt>
                <c:pt idx="284">
                  <c:v>230347</c:v>
                </c:pt>
                <c:pt idx="285">
                  <c:v>180256</c:v>
                </c:pt>
                <c:pt idx="286">
                  <c:v>224337</c:v>
                </c:pt>
                <c:pt idx="287">
                  <c:v>234511</c:v>
                </c:pt>
                <c:pt idx="288">
                  <c:v>171463</c:v>
                </c:pt>
                <c:pt idx="289">
                  <c:v>179910</c:v>
                </c:pt>
                <c:pt idx="290">
                  <c:v>173561</c:v>
                </c:pt>
                <c:pt idx="291">
                  <c:v>172916</c:v>
                </c:pt>
                <c:pt idx="292">
                  <c:v>197164</c:v>
                </c:pt>
                <c:pt idx="293">
                  <c:v>232945</c:v>
                </c:pt>
                <c:pt idx="294">
                  <c:v>242733</c:v>
                </c:pt>
                <c:pt idx="295">
                  <c:v>232250</c:v>
                </c:pt>
                <c:pt idx="296">
                  <c:v>-24999</c:v>
                </c:pt>
                <c:pt idx="297">
                  <c:v>-40065</c:v>
                </c:pt>
                <c:pt idx="298">
                  <c:v>-32544</c:v>
                </c:pt>
                <c:pt idx="299">
                  <c:v>-9327</c:v>
                </c:pt>
                <c:pt idx="300">
                  <c:v>-43435</c:v>
                </c:pt>
                <c:pt idx="301">
                  <c:v>-45141</c:v>
                </c:pt>
                <c:pt idx="302">
                  <c:v>-14605</c:v>
                </c:pt>
                <c:pt idx="303">
                  <c:v>-38214</c:v>
                </c:pt>
                <c:pt idx="304">
                  <c:v>-26348</c:v>
                </c:pt>
                <c:pt idx="305">
                  <c:v>-58149</c:v>
                </c:pt>
                <c:pt idx="306">
                  <c:v>-20262</c:v>
                </c:pt>
                <c:pt idx="307">
                  <c:v>-172879</c:v>
                </c:pt>
                <c:pt idx="308">
                  <c:v>-143062</c:v>
                </c:pt>
                <c:pt idx="309">
                  <c:v>-175967</c:v>
                </c:pt>
                <c:pt idx="310">
                  <c:v>-142598</c:v>
                </c:pt>
                <c:pt idx="311">
                  <c:v>-185548</c:v>
                </c:pt>
                <c:pt idx="312">
                  <c:v>-188252</c:v>
                </c:pt>
                <c:pt idx="313">
                  <c:v>-199814</c:v>
                </c:pt>
                <c:pt idx="314">
                  <c:v>-152824</c:v>
                </c:pt>
                <c:pt idx="315">
                  <c:v>-159855</c:v>
                </c:pt>
                <c:pt idx="316">
                  <c:v>-210509</c:v>
                </c:pt>
                <c:pt idx="317">
                  <c:v>-183384</c:v>
                </c:pt>
                <c:pt idx="318">
                  <c:v>-169943</c:v>
                </c:pt>
                <c:pt idx="319">
                  <c:v>-175492</c:v>
                </c:pt>
                <c:pt idx="320">
                  <c:v>-112525</c:v>
                </c:pt>
                <c:pt idx="321">
                  <c:v>-116822</c:v>
                </c:pt>
                <c:pt idx="322">
                  <c:v>-78500</c:v>
                </c:pt>
                <c:pt idx="323">
                  <c:v>-88080</c:v>
                </c:pt>
                <c:pt idx="324">
                  <c:v>-76437</c:v>
                </c:pt>
                <c:pt idx="325">
                  <c:v>-71094</c:v>
                </c:pt>
                <c:pt idx="326">
                  <c:v>-68939</c:v>
                </c:pt>
                <c:pt idx="327">
                  <c:v>-121930</c:v>
                </c:pt>
                <c:pt idx="328">
                  <c:v>-97900</c:v>
                </c:pt>
                <c:pt idx="329">
                  <c:v>-118930</c:v>
                </c:pt>
                <c:pt idx="330">
                  <c:v>-133830</c:v>
                </c:pt>
                <c:pt idx="331">
                  <c:v>-122246</c:v>
                </c:pt>
                <c:pt idx="332">
                  <c:v>-68489</c:v>
                </c:pt>
                <c:pt idx="333">
                  <c:v>-86065</c:v>
                </c:pt>
                <c:pt idx="334">
                  <c:v>-88394</c:v>
                </c:pt>
                <c:pt idx="335">
                  <c:v>-141678</c:v>
                </c:pt>
                <c:pt idx="336">
                  <c:v>-136728</c:v>
                </c:pt>
                <c:pt idx="337">
                  <c:v>-191413</c:v>
                </c:pt>
                <c:pt idx="338">
                  <c:v>-177964</c:v>
                </c:pt>
                <c:pt idx="339">
                  <c:v>-157588</c:v>
                </c:pt>
                <c:pt idx="340">
                  <c:v>-155186</c:v>
                </c:pt>
                <c:pt idx="341">
                  <c:v>-168152</c:v>
                </c:pt>
                <c:pt idx="342">
                  <c:v>-147305</c:v>
                </c:pt>
                <c:pt idx="343">
                  <c:v>-186545</c:v>
                </c:pt>
                <c:pt idx="344">
                  <c:v>-149541</c:v>
                </c:pt>
              </c:numCache>
            </c:numRef>
          </c:xVal>
          <c:yVal>
            <c:numRef>
              <c:f>városok!$C$2:$C$346</c:f>
              <c:numCache>
                <c:formatCode>General</c:formatCode>
                <c:ptCount val="345"/>
                <c:pt idx="0">
                  <c:v>-145804</c:v>
                </c:pt>
                <c:pt idx="1">
                  <c:v>-139438</c:v>
                </c:pt>
                <c:pt idx="2">
                  <c:v>-58351</c:v>
                </c:pt>
                <c:pt idx="3">
                  <c:v>-115780</c:v>
                </c:pt>
                <c:pt idx="4">
                  <c:v>-70647</c:v>
                </c:pt>
                <c:pt idx="5">
                  <c:v>-126636</c:v>
                </c:pt>
                <c:pt idx="6">
                  <c:v>-101325</c:v>
                </c:pt>
                <c:pt idx="7">
                  <c:v>-101456</c:v>
                </c:pt>
                <c:pt idx="8">
                  <c:v>-58837</c:v>
                </c:pt>
                <c:pt idx="9">
                  <c:v>-55758</c:v>
                </c:pt>
                <c:pt idx="10">
                  <c:v>-103769</c:v>
                </c:pt>
                <c:pt idx="11">
                  <c:v>-80643</c:v>
                </c:pt>
                <c:pt idx="12">
                  <c:v>-111829</c:v>
                </c:pt>
                <c:pt idx="13">
                  <c:v>-105047</c:v>
                </c:pt>
                <c:pt idx="14">
                  <c:v>-45901</c:v>
                </c:pt>
                <c:pt idx="15">
                  <c:v>-45777</c:v>
                </c:pt>
                <c:pt idx="16">
                  <c:v>-136418</c:v>
                </c:pt>
                <c:pt idx="17">
                  <c:v>-70933</c:v>
                </c:pt>
                <c:pt idx="18">
                  <c:v>-95702</c:v>
                </c:pt>
                <c:pt idx="19">
                  <c:v>-62644</c:v>
                </c:pt>
                <c:pt idx="20">
                  <c:v>-55681</c:v>
                </c:pt>
                <c:pt idx="21">
                  <c:v>-137320</c:v>
                </c:pt>
                <c:pt idx="22">
                  <c:v>-163725</c:v>
                </c:pt>
                <c:pt idx="23">
                  <c:v>-176662</c:v>
                </c:pt>
                <c:pt idx="24">
                  <c:v>-138694</c:v>
                </c:pt>
                <c:pt idx="25">
                  <c:v>-155249</c:v>
                </c:pt>
                <c:pt idx="26">
                  <c:v>-120970</c:v>
                </c:pt>
                <c:pt idx="27">
                  <c:v>-161015</c:v>
                </c:pt>
                <c:pt idx="28">
                  <c:v>-150986</c:v>
                </c:pt>
                <c:pt idx="29">
                  <c:v>-142256</c:v>
                </c:pt>
                <c:pt idx="30">
                  <c:v>-131512</c:v>
                </c:pt>
                <c:pt idx="31">
                  <c:v>-173647</c:v>
                </c:pt>
                <c:pt idx="32">
                  <c:v>-175819</c:v>
                </c:pt>
                <c:pt idx="33">
                  <c:v>-155279</c:v>
                </c:pt>
                <c:pt idx="34">
                  <c:v>-154096</c:v>
                </c:pt>
                <c:pt idx="35">
                  <c:v>-174658</c:v>
                </c:pt>
                <c:pt idx="36">
                  <c:v>-126196</c:v>
                </c:pt>
                <c:pt idx="37">
                  <c:v>-72058</c:v>
                </c:pt>
                <c:pt idx="38">
                  <c:v>-82822</c:v>
                </c:pt>
                <c:pt idx="39">
                  <c:v>-88375</c:v>
                </c:pt>
                <c:pt idx="40">
                  <c:v>-43897</c:v>
                </c:pt>
                <c:pt idx="41">
                  <c:v>-98834</c:v>
                </c:pt>
                <c:pt idx="42">
                  <c:v>-34936</c:v>
                </c:pt>
                <c:pt idx="43">
                  <c:v>-54996</c:v>
                </c:pt>
                <c:pt idx="44">
                  <c:v>-85848</c:v>
                </c:pt>
                <c:pt idx="45">
                  <c:v>-74353</c:v>
                </c:pt>
                <c:pt idx="46">
                  <c:v>-51054</c:v>
                </c:pt>
                <c:pt idx="47">
                  <c:v>-103041</c:v>
                </c:pt>
                <c:pt idx="48">
                  <c:v>-66549</c:v>
                </c:pt>
                <c:pt idx="49">
                  <c:v>-123520</c:v>
                </c:pt>
                <c:pt idx="50">
                  <c:v>-112574</c:v>
                </c:pt>
                <c:pt idx="51">
                  <c:v>-96102</c:v>
                </c:pt>
                <c:pt idx="52">
                  <c:v>-75299</c:v>
                </c:pt>
                <c:pt idx="53">
                  <c:v>-62737</c:v>
                </c:pt>
                <c:pt idx="54">
                  <c:v>-44216</c:v>
                </c:pt>
                <c:pt idx="55">
                  <c:v>-112971</c:v>
                </c:pt>
                <c:pt idx="56">
                  <c:v>-92231</c:v>
                </c:pt>
                <c:pt idx="57">
                  <c:v>-54361</c:v>
                </c:pt>
                <c:pt idx="58">
                  <c:v>95692</c:v>
                </c:pt>
                <c:pt idx="59">
                  <c:v>72404</c:v>
                </c:pt>
                <c:pt idx="60">
                  <c:v>76765</c:v>
                </c:pt>
                <c:pt idx="61">
                  <c:v>94959</c:v>
                </c:pt>
                <c:pt idx="62">
                  <c:v>99260</c:v>
                </c:pt>
                <c:pt idx="63">
                  <c:v>56874</c:v>
                </c:pt>
                <c:pt idx="64">
                  <c:v>101364</c:v>
                </c:pt>
                <c:pt idx="65">
                  <c:v>75687</c:v>
                </c:pt>
                <c:pt idx="66">
                  <c:v>117318</c:v>
                </c:pt>
                <c:pt idx="67">
                  <c:v>91929</c:v>
                </c:pt>
                <c:pt idx="68">
                  <c:v>44420</c:v>
                </c:pt>
                <c:pt idx="69">
                  <c:v>44311</c:v>
                </c:pt>
                <c:pt idx="70">
                  <c:v>42095</c:v>
                </c:pt>
                <c:pt idx="71">
                  <c:v>75453</c:v>
                </c:pt>
                <c:pt idx="72">
                  <c:v>63336</c:v>
                </c:pt>
                <c:pt idx="73">
                  <c:v>77573</c:v>
                </c:pt>
                <c:pt idx="74">
                  <c:v>87861</c:v>
                </c:pt>
                <c:pt idx="75">
                  <c:v>117872</c:v>
                </c:pt>
                <c:pt idx="76">
                  <c:v>95740</c:v>
                </c:pt>
                <c:pt idx="77">
                  <c:v>105501</c:v>
                </c:pt>
                <c:pt idx="78">
                  <c:v>82893</c:v>
                </c:pt>
                <c:pt idx="79">
                  <c:v>88074</c:v>
                </c:pt>
                <c:pt idx="80">
                  <c:v>109673</c:v>
                </c:pt>
                <c:pt idx="81">
                  <c:v>109857</c:v>
                </c:pt>
                <c:pt idx="82">
                  <c:v>108405</c:v>
                </c:pt>
                <c:pt idx="83">
                  <c:v>82769</c:v>
                </c:pt>
                <c:pt idx="84">
                  <c:v>85921</c:v>
                </c:pt>
                <c:pt idx="85">
                  <c:v>56596</c:v>
                </c:pt>
                <c:pt idx="86">
                  <c:v>77650</c:v>
                </c:pt>
                <c:pt idx="87">
                  <c:v>-131990</c:v>
                </c:pt>
                <c:pt idx="88">
                  <c:v>-80201</c:v>
                </c:pt>
                <c:pt idx="89">
                  <c:v>-112552</c:v>
                </c:pt>
                <c:pt idx="90">
                  <c:v>-107526</c:v>
                </c:pt>
                <c:pt idx="91">
                  <c:v>-134667</c:v>
                </c:pt>
                <c:pt idx="92">
                  <c:v>-101264</c:v>
                </c:pt>
                <c:pt idx="93">
                  <c:v>-135626</c:v>
                </c:pt>
                <c:pt idx="94">
                  <c:v>-119222</c:v>
                </c:pt>
                <c:pt idx="95">
                  <c:v>-131872</c:v>
                </c:pt>
                <c:pt idx="96">
                  <c:v>-86430</c:v>
                </c:pt>
                <c:pt idx="97">
                  <c:v>-44936</c:v>
                </c:pt>
                <c:pt idx="98">
                  <c:v>-35182</c:v>
                </c:pt>
                <c:pt idx="99">
                  <c:v>5630</c:v>
                </c:pt>
                <c:pt idx="100">
                  <c:v>-12722</c:v>
                </c:pt>
                <c:pt idx="101">
                  <c:v>-4700</c:v>
                </c:pt>
                <c:pt idx="102">
                  <c:v>-52540</c:v>
                </c:pt>
                <c:pt idx="103">
                  <c:v>-57005</c:v>
                </c:pt>
                <c:pt idx="104">
                  <c:v>-21104</c:v>
                </c:pt>
                <c:pt idx="105">
                  <c:v>-26060</c:v>
                </c:pt>
                <c:pt idx="106">
                  <c:v>-13439</c:v>
                </c:pt>
                <c:pt idx="107">
                  <c:v>-6806</c:v>
                </c:pt>
                <c:pt idx="108">
                  <c:v>-41868</c:v>
                </c:pt>
                <c:pt idx="109">
                  <c:v>-33099</c:v>
                </c:pt>
                <c:pt idx="110">
                  <c:v>-46084</c:v>
                </c:pt>
                <c:pt idx="111">
                  <c:v>-61383</c:v>
                </c:pt>
                <c:pt idx="112">
                  <c:v>-16262</c:v>
                </c:pt>
                <c:pt idx="113">
                  <c:v>-22246</c:v>
                </c:pt>
                <c:pt idx="114">
                  <c:v>4883</c:v>
                </c:pt>
                <c:pt idx="115">
                  <c:v>20922</c:v>
                </c:pt>
                <c:pt idx="116">
                  <c:v>22345</c:v>
                </c:pt>
                <c:pt idx="117">
                  <c:v>19468</c:v>
                </c:pt>
                <c:pt idx="118">
                  <c:v>28666</c:v>
                </c:pt>
                <c:pt idx="119">
                  <c:v>40533</c:v>
                </c:pt>
                <c:pt idx="120">
                  <c:v>19074</c:v>
                </c:pt>
                <c:pt idx="121">
                  <c:v>34224</c:v>
                </c:pt>
                <c:pt idx="122">
                  <c:v>49673</c:v>
                </c:pt>
                <c:pt idx="123">
                  <c:v>13187</c:v>
                </c:pt>
                <c:pt idx="124">
                  <c:v>30138</c:v>
                </c:pt>
                <c:pt idx="125">
                  <c:v>9987</c:v>
                </c:pt>
                <c:pt idx="126">
                  <c:v>22048</c:v>
                </c:pt>
                <c:pt idx="127">
                  <c:v>-20776</c:v>
                </c:pt>
                <c:pt idx="128">
                  <c:v>-31015</c:v>
                </c:pt>
                <c:pt idx="129">
                  <c:v>13228</c:v>
                </c:pt>
                <c:pt idx="130">
                  <c:v>-6614</c:v>
                </c:pt>
                <c:pt idx="131">
                  <c:v>28635</c:v>
                </c:pt>
                <c:pt idx="132">
                  <c:v>44908</c:v>
                </c:pt>
                <c:pt idx="133">
                  <c:v>30338</c:v>
                </c:pt>
                <c:pt idx="134">
                  <c:v>47935</c:v>
                </c:pt>
                <c:pt idx="135">
                  <c:v>21715</c:v>
                </c:pt>
                <c:pt idx="136">
                  <c:v>3202</c:v>
                </c:pt>
                <c:pt idx="137">
                  <c:v>-6686</c:v>
                </c:pt>
                <c:pt idx="138">
                  <c:v>-45488</c:v>
                </c:pt>
                <c:pt idx="139">
                  <c:v>-2319</c:v>
                </c:pt>
                <c:pt idx="140">
                  <c:v>816</c:v>
                </c:pt>
                <c:pt idx="141">
                  <c:v>32023</c:v>
                </c:pt>
                <c:pt idx="142">
                  <c:v>49799</c:v>
                </c:pt>
                <c:pt idx="143">
                  <c:v>-15119</c:v>
                </c:pt>
                <c:pt idx="144">
                  <c:v>33882</c:v>
                </c:pt>
                <c:pt idx="145">
                  <c:v>30435</c:v>
                </c:pt>
                <c:pt idx="146">
                  <c:v>13573</c:v>
                </c:pt>
                <c:pt idx="147">
                  <c:v>69379</c:v>
                </c:pt>
                <c:pt idx="148">
                  <c:v>52232</c:v>
                </c:pt>
                <c:pt idx="149">
                  <c:v>35474</c:v>
                </c:pt>
                <c:pt idx="150">
                  <c:v>38448</c:v>
                </c:pt>
                <c:pt idx="151">
                  <c:v>42033</c:v>
                </c:pt>
                <c:pt idx="152">
                  <c:v>25501</c:v>
                </c:pt>
                <c:pt idx="153">
                  <c:v>18223</c:v>
                </c:pt>
                <c:pt idx="154">
                  <c:v>7599</c:v>
                </c:pt>
                <c:pt idx="155">
                  <c:v>34612</c:v>
                </c:pt>
                <c:pt idx="156">
                  <c:v>65140</c:v>
                </c:pt>
                <c:pt idx="157">
                  <c:v>45946</c:v>
                </c:pt>
                <c:pt idx="158">
                  <c:v>5118</c:v>
                </c:pt>
                <c:pt idx="159">
                  <c:v>-14981</c:v>
                </c:pt>
                <c:pt idx="160">
                  <c:v>-18808</c:v>
                </c:pt>
                <c:pt idx="161">
                  <c:v>8800</c:v>
                </c:pt>
                <c:pt idx="162">
                  <c:v>23149</c:v>
                </c:pt>
                <c:pt idx="163">
                  <c:v>7301</c:v>
                </c:pt>
                <c:pt idx="164">
                  <c:v>14676</c:v>
                </c:pt>
                <c:pt idx="165">
                  <c:v>2778</c:v>
                </c:pt>
                <c:pt idx="166">
                  <c:v>-15575</c:v>
                </c:pt>
                <c:pt idx="167">
                  <c:v>-23268</c:v>
                </c:pt>
                <c:pt idx="168">
                  <c:v>-26748</c:v>
                </c:pt>
                <c:pt idx="169">
                  <c:v>-6761</c:v>
                </c:pt>
                <c:pt idx="170">
                  <c:v>-66288</c:v>
                </c:pt>
                <c:pt idx="171">
                  <c:v>-45934</c:v>
                </c:pt>
                <c:pt idx="172">
                  <c:v>-47214</c:v>
                </c:pt>
                <c:pt idx="173">
                  <c:v>-37859</c:v>
                </c:pt>
                <c:pt idx="174">
                  <c:v>-28294</c:v>
                </c:pt>
                <c:pt idx="175">
                  <c:v>-52103</c:v>
                </c:pt>
                <c:pt idx="176">
                  <c:v>21265</c:v>
                </c:pt>
                <c:pt idx="177">
                  <c:v>-27773</c:v>
                </c:pt>
                <c:pt idx="178">
                  <c:v>-39395</c:v>
                </c:pt>
                <c:pt idx="179">
                  <c:v>-15478</c:v>
                </c:pt>
                <c:pt idx="180">
                  <c:v>30979</c:v>
                </c:pt>
                <c:pt idx="181">
                  <c:v>23371</c:v>
                </c:pt>
                <c:pt idx="182">
                  <c:v>32128</c:v>
                </c:pt>
                <c:pt idx="183">
                  <c:v>39027</c:v>
                </c:pt>
                <c:pt idx="184">
                  <c:v>6820</c:v>
                </c:pt>
                <c:pt idx="185">
                  <c:v>33941</c:v>
                </c:pt>
                <c:pt idx="186">
                  <c:v>34046</c:v>
                </c:pt>
                <c:pt idx="187">
                  <c:v>35449</c:v>
                </c:pt>
                <c:pt idx="188">
                  <c:v>5547</c:v>
                </c:pt>
                <c:pt idx="189">
                  <c:v>33328</c:v>
                </c:pt>
                <c:pt idx="190">
                  <c:v>23068</c:v>
                </c:pt>
                <c:pt idx="191">
                  <c:v>14465</c:v>
                </c:pt>
                <c:pt idx="192">
                  <c:v>70778</c:v>
                </c:pt>
                <c:pt idx="193">
                  <c:v>61893</c:v>
                </c:pt>
                <c:pt idx="194">
                  <c:v>53733</c:v>
                </c:pt>
                <c:pt idx="195">
                  <c:v>54573</c:v>
                </c:pt>
                <c:pt idx="196">
                  <c:v>75077</c:v>
                </c:pt>
                <c:pt idx="197">
                  <c:v>71283</c:v>
                </c:pt>
                <c:pt idx="198">
                  <c:v>-26990</c:v>
                </c:pt>
                <c:pt idx="199">
                  <c:v>-21829</c:v>
                </c:pt>
                <c:pt idx="200">
                  <c:v>23695</c:v>
                </c:pt>
                <c:pt idx="201">
                  <c:v>3606</c:v>
                </c:pt>
                <c:pt idx="202">
                  <c:v>20465</c:v>
                </c:pt>
                <c:pt idx="203">
                  <c:v>8318</c:v>
                </c:pt>
                <c:pt idx="204">
                  <c:v>2193</c:v>
                </c:pt>
                <c:pt idx="205">
                  <c:v>-29598</c:v>
                </c:pt>
                <c:pt idx="206">
                  <c:v>-28650</c:v>
                </c:pt>
                <c:pt idx="207">
                  <c:v>-3298</c:v>
                </c:pt>
                <c:pt idx="208">
                  <c:v>-9313</c:v>
                </c:pt>
                <c:pt idx="209">
                  <c:v>21564</c:v>
                </c:pt>
                <c:pt idx="210">
                  <c:v>-17775</c:v>
                </c:pt>
                <c:pt idx="211">
                  <c:v>-4852</c:v>
                </c:pt>
                <c:pt idx="212">
                  <c:v>19752</c:v>
                </c:pt>
                <c:pt idx="213">
                  <c:v>28485</c:v>
                </c:pt>
                <c:pt idx="214">
                  <c:v>18063</c:v>
                </c:pt>
                <c:pt idx="215">
                  <c:v>-5941</c:v>
                </c:pt>
                <c:pt idx="216">
                  <c:v>-1351</c:v>
                </c:pt>
                <c:pt idx="217">
                  <c:v>-8570</c:v>
                </c:pt>
                <c:pt idx="218">
                  <c:v>10896</c:v>
                </c:pt>
                <c:pt idx="219">
                  <c:v>14036</c:v>
                </c:pt>
                <c:pt idx="220">
                  <c:v>11990</c:v>
                </c:pt>
                <c:pt idx="221">
                  <c:v>620</c:v>
                </c:pt>
                <c:pt idx="222">
                  <c:v>-9849</c:v>
                </c:pt>
                <c:pt idx="223">
                  <c:v>-2679</c:v>
                </c:pt>
                <c:pt idx="224">
                  <c:v>-45139</c:v>
                </c:pt>
                <c:pt idx="225">
                  <c:v>39135</c:v>
                </c:pt>
                <c:pt idx="226">
                  <c:v>-15773</c:v>
                </c:pt>
                <c:pt idx="227">
                  <c:v>27599</c:v>
                </c:pt>
                <c:pt idx="228">
                  <c:v>-34439</c:v>
                </c:pt>
                <c:pt idx="229">
                  <c:v>5442</c:v>
                </c:pt>
                <c:pt idx="230">
                  <c:v>-17135</c:v>
                </c:pt>
                <c:pt idx="231">
                  <c:v>21676</c:v>
                </c:pt>
                <c:pt idx="232">
                  <c:v>20048</c:v>
                </c:pt>
                <c:pt idx="233">
                  <c:v>22711</c:v>
                </c:pt>
                <c:pt idx="234">
                  <c:v>-31259</c:v>
                </c:pt>
                <c:pt idx="235">
                  <c:v>1360</c:v>
                </c:pt>
                <c:pt idx="236">
                  <c:v>-14928</c:v>
                </c:pt>
                <c:pt idx="237">
                  <c:v>27145</c:v>
                </c:pt>
                <c:pt idx="238">
                  <c:v>-13117</c:v>
                </c:pt>
                <c:pt idx="239">
                  <c:v>-11077</c:v>
                </c:pt>
                <c:pt idx="240">
                  <c:v>42245</c:v>
                </c:pt>
                <c:pt idx="241">
                  <c:v>-11388</c:v>
                </c:pt>
                <c:pt idx="242">
                  <c:v>-13375</c:v>
                </c:pt>
                <c:pt idx="243">
                  <c:v>-585</c:v>
                </c:pt>
                <c:pt idx="244">
                  <c:v>18778</c:v>
                </c:pt>
                <c:pt idx="245">
                  <c:v>-24304</c:v>
                </c:pt>
                <c:pt idx="246">
                  <c:v>-5894</c:v>
                </c:pt>
                <c:pt idx="247">
                  <c:v>38374</c:v>
                </c:pt>
                <c:pt idx="248">
                  <c:v>-3577</c:v>
                </c:pt>
                <c:pt idx="249">
                  <c:v>23703</c:v>
                </c:pt>
                <c:pt idx="250">
                  <c:v>38522</c:v>
                </c:pt>
                <c:pt idx="251">
                  <c:v>12074</c:v>
                </c:pt>
                <c:pt idx="252">
                  <c:v>-73133</c:v>
                </c:pt>
                <c:pt idx="253">
                  <c:v>-64687</c:v>
                </c:pt>
                <c:pt idx="254">
                  <c:v>-72279</c:v>
                </c:pt>
                <c:pt idx="255">
                  <c:v>-163439</c:v>
                </c:pt>
                <c:pt idx="256">
                  <c:v>-129787</c:v>
                </c:pt>
                <c:pt idx="257">
                  <c:v>-76554</c:v>
                </c:pt>
                <c:pt idx="258">
                  <c:v>-99599</c:v>
                </c:pt>
                <c:pt idx="259">
                  <c:v>-132917</c:v>
                </c:pt>
                <c:pt idx="260">
                  <c:v>-119655</c:v>
                </c:pt>
                <c:pt idx="261">
                  <c:v>-84920</c:v>
                </c:pt>
                <c:pt idx="262">
                  <c:v>-93953</c:v>
                </c:pt>
                <c:pt idx="263">
                  <c:v>-133432</c:v>
                </c:pt>
                <c:pt idx="264">
                  <c:v>-115092</c:v>
                </c:pt>
                <c:pt idx="265">
                  <c:v>-58553</c:v>
                </c:pt>
                <c:pt idx="266">
                  <c:v>-78265</c:v>
                </c:pt>
                <c:pt idx="267">
                  <c:v>-61774</c:v>
                </c:pt>
                <c:pt idx="268">
                  <c:v>86725</c:v>
                </c:pt>
                <c:pt idx="269">
                  <c:v>66819</c:v>
                </c:pt>
                <c:pt idx="270">
                  <c:v>40643</c:v>
                </c:pt>
                <c:pt idx="271">
                  <c:v>50675</c:v>
                </c:pt>
                <c:pt idx="272">
                  <c:v>78427</c:v>
                </c:pt>
                <c:pt idx="273">
                  <c:v>91880</c:v>
                </c:pt>
                <c:pt idx="274">
                  <c:v>80212</c:v>
                </c:pt>
                <c:pt idx="275">
                  <c:v>75706</c:v>
                </c:pt>
                <c:pt idx="276">
                  <c:v>73459</c:v>
                </c:pt>
                <c:pt idx="277">
                  <c:v>91642</c:v>
                </c:pt>
                <c:pt idx="278">
                  <c:v>102742</c:v>
                </c:pt>
                <c:pt idx="279">
                  <c:v>52865</c:v>
                </c:pt>
                <c:pt idx="280">
                  <c:v>62772</c:v>
                </c:pt>
                <c:pt idx="281">
                  <c:v>52884</c:v>
                </c:pt>
                <c:pt idx="282">
                  <c:v>81339</c:v>
                </c:pt>
                <c:pt idx="283">
                  <c:v>33950</c:v>
                </c:pt>
                <c:pt idx="284">
                  <c:v>48888</c:v>
                </c:pt>
                <c:pt idx="285">
                  <c:v>79086</c:v>
                </c:pt>
                <c:pt idx="286">
                  <c:v>32753</c:v>
                </c:pt>
                <c:pt idx="287">
                  <c:v>74319</c:v>
                </c:pt>
                <c:pt idx="288">
                  <c:v>69719</c:v>
                </c:pt>
                <c:pt idx="289">
                  <c:v>79038</c:v>
                </c:pt>
                <c:pt idx="290">
                  <c:v>67238</c:v>
                </c:pt>
                <c:pt idx="291">
                  <c:v>60145</c:v>
                </c:pt>
                <c:pt idx="292">
                  <c:v>43411</c:v>
                </c:pt>
                <c:pt idx="293">
                  <c:v>66677</c:v>
                </c:pt>
                <c:pt idx="294">
                  <c:v>81887</c:v>
                </c:pt>
                <c:pt idx="295">
                  <c:v>112793</c:v>
                </c:pt>
                <c:pt idx="296">
                  <c:v>-138499</c:v>
                </c:pt>
                <c:pt idx="297">
                  <c:v>-126690</c:v>
                </c:pt>
                <c:pt idx="298">
                  <c:v>-115694</c:v>
                </c:pt>
                <c:pt idx="299">
                  <c:v>-72467</c:v>
                </c:pt>
                <c:pt idx="300">
                  <c:v>-98090</c:v>
                </c:pt>
                <c:pt idx="301">
                  <c:v>-128325</c:v>
                </c:pt>
                <c:pt idx="302">
                  <c:v>-90288</c:v>
                </c:pt>
                <c:pt idx="303">
                  <c:v>-75747</c:v>
                </c:pt>
                <c:pt idx="304">
                  <c:v>-120939</c:v>
                </c:pt>
                <c:pt idx="305">
                  <c:v>-89040</c:v>
                </c:pt>
                <c:pt idx="306">
                  <c:v>-112686</c:v>
                </c:pt>
                <c:pt idx="307">
                  <c:v>-3241</c:v>
                </c:pt>
                <c:pt idx="308">
                  <c:v>-18448</c:v>
                </c:pt>
                <c:pt idx="309">
                  <c:v>-1422</c:v>
                </c:pt>
                <c:pt idx="310">
                  <c:v>-33662</c:v>
                </c:pt>
                <c:pt idx="311">
                  <c:v>-44426</c:v>
                </c:pt>
                <c:pt idx="312">
                  <c:v>-2396</c:v>
                </c:pt>
                <c:pt idx="313">
                  <c:v>-62792</c:v>
                </c:pt>
                <c:pt idx="314">
                  <c:v>-11</c:v>
                </c:pt>
                <c:pt idx="315">
                  <c:v>-18406</c:v>
                </c:pt>
                <c:pt idx="316">
                  <c:v>-50611</c:v>
                </c:pt>
                <c:pt idx="317">
                  <c:v>-20041</c:v>
                </c:pt>
                <c:pt idx="318">
                  <c:v>-40550</c:v>
                </c:pt>
                <c:pt idx="319">
                  <c:v>-20448</c:v>
                </c:pt>
                <c:pt idx="320">
                  <c:v>-36798</c:v>
                </c:pt>
                <c:pt idx="321">
                  <c:v>-69046</c:v>
                </c:pt>
                <c:pt idx="322">
                  <c:v>-44901</c:v>
                </c:pt>
                <c:pt idx="323">
                  <c:v>-52913</c:v>
                </c:pt>
                <c:pt idx="324">
                  <c:v>-40883</c:v>
                </c:pt>
                <c:pt idx="325">
                  <c:v>-44401</c:v>
                </c:pt>
                <c:pt idx="326">
                  <c:v>-35278</c:v>
                </c:pt>
                <c:pt idx="327">
                  <c:v>-35814</c:v>
                </c:pt>
                <c:pt idx="328">
                  <c:v>-33254</c:v>
                </c:pt>
                <c:pt idx="329">
                  <c:v>-11153</c:v>
                </c:pt>
                <c:pt idx="330">
                  <c:v>-49774</c:v>
                </c:pt>
                <c:pt idx="331">
                  <c:v>-60362</c:v>
                </c:pt>
                <c:pt idx="332">
                  <c:v>-25838</c:v>
                </c:pt>
                <c:pt idx="333">
                  <c:v>-38078</c:v>
                </c:pt>
                <c:pt idx="334">
                  <c:v>-19004</c:v>
                </c:pt>
                <c:pt idx="335">
                  <c:v>-70363</c:v>
                </c:pt>
                <c:pt idx="336">
                  <c:v>-72873</c:v>
                </c:pt>
                <c:pt idx="337">
                  <c:v>-87616</c:v>
                </c:pt>
                <c:pt idx="338">
                  <c:v>-109680</c:v>
                </c:pt>
                <c:pt idx="339">
                  <c:v>-108058</c:v>
                </c:pt>
                <c:pt idx="340">
                  <c:v>-78083</c:v>
                </c:pt>
                <c:pt idx="341">
                  <c:v>-64885</c:v>
                </c:pt>
                <c:pt idx="342">
                  <c:v>-96067</c:v>
                </c:pt>
                <c:pt idx="343">
                  <c:v>-62870</c:v>
                </c:pt>
                <c:pt idx="344">
                  <c:v>-53056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4360512"/>
        <c:axId val="44361072"/>
      </c:scatterChart>
      <c:valAx>
        <c:axId val="44360512"/>
        <c:scaling>
          <c:orientation val="minMax"/>
          <c:max val="285000"/>
          <c:min val="-222222.2"/>
        </c:scaling>
        <c:delete val="1"/>
        <c:axPos val="b"/>
        <c:numFmt formatCode="General" sourceLinked="1"/>
        <c:majorTickMark val="out"/>
        <c:minorTickMark val="none"/>
        <c:tickLblPos val="nextTo"/>
        <c:crossAx val="44361072"/>
        <c:crosses val="autoZero"/>
        <c:crossBetween val="midCat"/>
        <c:majorUnit val="100000"/>
      </c:valAx>
      <c:valAx>
        <c:axId val="44361072"/>
        <c:scaling>
          <c:orientation val="minMax"/>
          <c:max val="133000"/>
          <c:min val="-185000"/>
        </c:scaling>
        <c:delete val="1"/>
        <c:axPos val="l"/>
        <c:numFmt formatCode="General" sourceLinked="1"/>
        <c:majorTickMark val="out"/>
        <c:minorTickMark val="none"/>
        <c:tickLblPos val="nextTo"/>
        <c:crossAx val="44360512"/>
        <c:crosses val="autoZero"/>
        <c:crossBetween val="midCat"/>
      </c:valAx>
      <c:spPr>
        <a:blipFill>
          <a:blip xmlns:r="http://schemas.openxmlformats.org/officeDocument/2006/relationships" r:embed="rId3"/>
          <a:stretch>
            <a:fillRect/>
          </a:stretch>
        </a:blipFill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rgbClr val="843C0C"/>
                </a:solidFill>
                <a:latin typeface="+mn-lt"/>
                <a:ea typeface="+mn-ea"/>
                <a:cs typeface="+mn-cs"/>
              </a:defRPr>
            </a:pPr>
            <a:r>
              <a:rPr lang="hu-HU" sz="1400" b="1" i="0" u="none" strike="noStrike" baseline="0"/>
              <a:t>Magyarországi telephelyek</a:t>
            </a:r>
            <a:endParaRPr lang="hu-HU">
              <a:solidFill>
                <a:srgbClr val="843C0C"/>
              </a:solidFill>
            </a:endParaRPr>
          </a:p>
        </c:rich>
      </c:tx>
      <c:layout>
        <c:manualLayout>
          <c:xMode val="edge"/>
          <c:yMode val="edge"/>
          <c:x val="1.0767736643888925E-2"/>
          <c:y val="1.8804779408256533E-2"/>
        </c:manualLayout>
      </c:layout>
      <c:overlay val="0"/>
      <c:spPr>
        <a:solidFill>
          <a:srgbClr val="FFE699"/>
        </a:solidFill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rgbClr val="843C0C"/>
              </a:solidFill>
              <a:latin typeface="+mn-lt"/>
              <a:ea typeface="+mn-ea"/>
              <a:cs typeface="+mn-cs"/>
            </a:defRPr>
          </a:pPr>
          <a:endParaRPr lang="hu-HU"/>
        </a:p>
      </c:txPr>
    </c:title>
    <c:autoTitleDeleted val="0"/>
    <c:plotArea>
      <c:layout>
        <c:manualLayout>
          <c:layoutTarget val="inner"/>
          <c:xMode val="edge"/>
          <c:yMode val="edge"/>
          <c:x val="2.8759058920744342E-2"/>
          <c:y val="2.4012699724690133E-2"/>
          <c:w val="0.96995370353940857"/>
          <c:h val="0.95403276144648408"/>
        </c:manualLayout>
      </c:layout>
      <c:scatterChart>
        <c:scatterStyle val="lineMarker"/>
        <c:varyColors val="0"/>
        <c:ser>
          <c:idx val="0"/>
          <c:order val="0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rgbClr val="843C0C"/>
              </a:solidFill>
              <a:ln w="9525">
                <a:noFill/>
              </a:ln>
              <a:effectLst/>
            </c:spPr>
          </c:marker>
          <c:xVal>
            <c:numRef>
              <c:f>telephely!$B$2:$B$72</c:f>
              <c:numCache>
                <c:formatCode>General</c:formatCode>
                <c:ptCount val="71"/>
                <c:pt idx="0">
                  <c:v>-6580</c:v>
                </c:pt>
                <c:pt idx="1">
                  <c:v>-5160</c:v>
                </c:pt>
                <c:pt idx="2">
                  <c:v>49155</c:v>
                </c:pt>
                <c:pt idx="3">
                  <c:v>-60468</c:v>
                </c:pt>
                <c:pt idx="4">
                  <c:v>-27799</c:v>
                </c:pt>
                <c:pt idx="5">
                  <c:v>-61710</c:v>
                </c:pt>
                <c:pt idx="6">
                  <c:v>-96494</c:v>
                </c:pt>
                <c:pt idx="7">
                  <c:v>155712</c:v>
                </c:pt>
                <c:pt idx="8">
                  <c:v>170677</c:v>
                </c:pt>
                <c:pt idx="9">
                  <c:v>124443</c:v>
                </c:pt>
                <c:pt idx="10">
                  <c:v>117980</c:v>
                </c:pt>
                <c:pt idx="11">
                  <c:v>130305</c:v>
                </c:pt>
                <c:pt idx="12">
                  <c:v>92553</c:v>
                </c:pt>
                <c:pt idx="13">
                  <c:v>192907</c:v>
                </c:pt>
                <c:pt idx="14">
                  <c:v>192852</c:v>
                </c:pt>
                <c:pt idx="15">
                  <c:v>98119</c:v>
                </c:pt>
                <c:pt idx="16">
                  <c:v>110435</c:v>
                </c:pt>
                <c:pt idx="17">
                  <c:v>85946</c:v>
                </c:pt>
                <c:pt idx="18">
                  <c:v>-31008</c:v>
                </c:pt>
                <c:pt idx="19">
                  <c:v>-8435</c:v>
                </c:pt>
                <c:pt idx="20">
                  <c:v>-56426</c:v>
                </c:pt>
                <c:pt idx="21">
                  <c:v>-32263</c:v>
                </c:pt>
                <c:pt idx="22">
                  <c:v>-54369</c:v>
                </c:pt>
                <c:pt idx="23">
                  <c:v>-105941</c:v>
                </c:pt>
                <c:pt idx="24">
                  <c:v>-124176</c:v>
                </c:pt>
                <c:pt idx="25">
                  <c:v>-184855</c:v>
                </c:pt>
                <c:pt idx="26">
                  <c:v>194716</c:v>
                </c:pt>
                <c:pt idx="27">
                  <c:v>177243</c:v>
                </c:pt>
                <c:pt idx="28">
                  <c:v>159479</c:v>
                </c:pt>
                <c:pt idx="29">
                  <c:v>160580</c:v>
                </c:pt>
                <c:pt idx="30">
                  <c:v>99460</c:v>
                </c:pt>
                <c:pt idx="31">
                  <c:v>65953</c:v>
                </c:pt>
                <c:pt idx="32">
                  <c:v>47330</c:v>
                </c:pt>
                <c:pt idx="33">
                  <c:v>78421</c:v>
                </c:pt>
                <c:pt idx="34">
                  <c:v>69940</c:v>
                </c:pt>
                <c:pt idx="35">
                  <c:v>145909</c:v>
                </c:pt>
                <c:pt idx="36">
                  <c:v>119515</c:v>
                </c:pt>
                <c:pt idx="37">
                  <c:v>86335</c:v>
                </c:pt>
                <c:pt idx="38">
                  <c:v>-22653</c:v>
                </c:pt>
                <c:pt idx="39">
                  <c:v>-69253</c:v>
                </c:pt>
                <c:pt idx="40">
                  <c:v>-53567</c:v>
                </c:pt>
                <c:pt idx="41">
                  <c:v>-47900</c:v>
                </c:pt>
                <c:pt idx="42">
                  <c:v>48543</c:v>
                </c:pt>
                <c:pt idx="43">
                  <c:v>57098</c:v>
                </c:pt>
                <c:pt idx="44">
                  <c:v>-17134</c:v>
                </c:pt>
                <c:pt idx="45">
                  <c:v>-6325</c:v>
                </c:pt>
                <c:pt idx="46">
                  <c:v>-7247</c:v>
                </c:pt>
                <c:pt idx="47">
                  <c:v>-10264</c:v>
                </c:pt>
                <c:pt idx="48">
                  <c:v>55858</c:v>
                </c:pt>
                <c:pt idx="49">
                  <c:v>1272</c:v>
                </c:pt>
                <c:pt idx="50">
                  <c:v>-5699</c:v>
                </c:pt>
                <c:pt idx="51">
                  <c:v>-102524</c:v>
                </c:pt>
                <c:pt idx="52">
                  <c:v>-84585</c:v>
                </c:pt>
                <c:pt idx="53">
                  <c:v>-96100</c:v>
                </c:pt>
                <c:pt idx="54">
                  <c:v>-74624</c:v>
                </c:pt>
                <c:pt idx="55">
                  <c:v>271175</c:v>
                </c:pt>
                <c:pt idx="56">
                  <c:v>225017</c:v>
                </c:pt>
                <c:pt idx="57">
                  <c:v>180256</c:v>
                </c:pt>
                <c:pt idx="58">
                  <c:v>179910</c:v>
                </c:pt>
                <c:pt idx="59">
                  <c:v>-32544</c:v>
                </c:pt>
                <c:pt idx="60">
                  <c:v>-45141</c:v>
                </c:pt>
                <c:pt idx="61">
                  <c:v>-26348</c:v>
                </c:pt>
                <c:pt idx="62">
                  <c:v>-185548</c:v>
                </c:pt>
                <c:pt idx="63">
                  <c:v>-159855</c:v>
                </c:pt>
                <c:pt idx="64">
                  <c:v>-183384</c:v>
                </c:pt>
                <c:pt idx="65">
                  <c:v>-78500</c:v>
                </c:pt>
                <c:pt idx="66">
                  <c:v>-71094</c:v>
                </c:pt>
                <c:pt idx="67">
                  <c:v>-86065</c:v>
                </c:pt>
                <c:pt idx="68">
                  <c:v>-136728</c:v>
                </c:pt>
                <c:pt idx="69">
                  <c:v>-157588</c:v>
                </c:pt>
                <c:pt idx="70">
                  <c:v>-168152</c:v>
                </c:pt>
              </c:numCache>
            </c:numRef>
          </c:xVal>
          <c:yVal>
            <c:numRef>
              <c:f>telephely!$C$2:$C$72</c:f>
              <c:numCache>
                <c:formatCode>General</c:formatCode>
                <c:ptCount val="71"/>
                <c:pt idx="0">
                  <c:v>-139438</c:v>
                </c:pt>
                <c:pt idx="1">
                  <c:v>-101325</c:v>
                </c:pt>
                <c:pt idx="2">
                  <c:v>-58837</c:v>
                </c:pt>
                <c:pt idx="3">
                  <c:v>-138694</c:v>
                </c:pt>
                <c:pt idx="4">
                  <c:v>-161015</c:v>
                </c:pt>
                <c:pt idx="5">
                  <c:v>-150986</c:v>
                </c:pt>
                <c:pt idx="6">
                  <c:v>-154096</c:v>
                </c:pt>
                <c:pt idx="7">
                  <c:v>-82822</c:v>
                </c:pt>
                <c:pt idx="8">
                  <c:v>-85848</c:v>
                </c:pt>
                <c:pt idx="9">
                  <c:v>-96102</c:v>
                </c:pt>
                <c:pt idx="10">
                  <c:v>91929</c:v>
                </c:pt>
                <c:pt idx="11">
                  <c:v>75453</c:v>
                </c:pt>
                <c:pt idx="12">
                  <c:v>87861</c:v>
                </c:pt>
                <c:pt idx="13">
                  <c:v>109673</c:v>
                </c:pt>
                <c:pt idx="14">
                  <c:v>109857</c:v>
                </c:pt>
                <c:pt idx="15">
                  <c:v>-112552</c:v>
                </c:pt>
                <c:pt idx="16">
                  <c:v>-134667</c:v>
                </c:pt>
                <c:pt idx="17">
                  <c:v>-131872</c:v>
                </c:pt>
                <c:pt idx="18">
                  <c:v>5630</c:v>
                </c:pt>
                <c:pt idx="19">
                  <c:v>-52540</c:v>
                </c:pt>
                <c:pt idx="20">
                  <c:v>-41868</c:v>
                </c:pt>
                <c:pt idx="21">
                  <c:v>-61383</c:v>
                </c:pt>
                <c:pt idx="22">
                  <c:v>-16262</c:v>
                </c:pt>
                <c:pt idx="23">
                  <c:v>28666</c:v>
                </c:pt>
                <c:pt idx="24">
                  <c:v>34224</c:v>
                </c:pt>
                <c:pt idx="25">
                  <c:v>30138</c:v>
                </c:pt>
                <c:pt idx="26">
                  <c:v>13228</c:v>
                </c:pt>
                <c:pt idx="27">
                  <c:v>3202</c:v>
                </c:pt>
                <c:pt idx="28">
                  <c:v>816</c:v>
                </c:pt>
                <c:pt idx="29">
                  <c:v>-15119</c:v>
                </c:pt>
                <c:pt idx="30">
                  <c:v>52232</c:v>
                </c:pt>
                <c:pt idx="31">
                  <c:v>38448</c:v>
                </c:pt>
                <c:pt idx="32">
                  <c:v>25501</c:v>
                </c:pt>
                <c:pt idx="33">
                  <c:v>65140</c:v>
                </c:pt>
                <c:pt idx="34">
                  <c:v>23149</c:v>
                </c:pt>
                <c:pt idx="35">
                  <c:v>-15575</c:v>
                </c:pt>
                <c:pt idx="36">
                  <c:v>-6761</c:v>
                </c:pt>
                <c:pt idx="37">
                  <c:v>-28294</c:v>
                </c:pt>
                <c:pt idx="38">
                  <c:v>39027</c:v>
                </c:pt>
                <c:pt idx="39">
                  <c:v>33941</c:v>
                </c:pt>
                <c:pt idx="40">
                  <c:v>23068</c:v>
                </c:pt>
                <c:pt idx="41">
                  <c:v>14465</c:v>
                </c:pt>
                <c:pt idx="42">
                  <c:v>53733</c:v>
                </c:pt>
                <c:pt idx="43">
                  <c:v>75077</c:v>
                </c:pt>
                <c:pt idx="44">
                  <c:v>3606</c:v>
                </c:pt>
                <c:pt idx="45">
                  <c:v>2193</c:v>
                </c:pt>
                <c:pt idx="46">
                  <c:v>-3298</c:v>
                </c:pt>
                <c:pt idx="47">
                  <c:v>-4852</c:v>
                </c:pt>
                <c:pt idx="48">
                  <c:v>-45139</c:v>
                </c:pt>
                <c:pt idx="49">
                  <c:v>27145</c:v>
                </c:pt>
                <c:pt idx="50">
                  <c:v>38522</c:v>
                </c:pt>
                <c:pt idx="51">
                  <c:v>-72279</c:v>
                </c:pt>
                <c:pt idx="52">
                  <c:v>-99599</c:v>
                </c:pt>
                <c:pt idx="53">
                  <c:v>-119655</c:v>
                </c:pt>
                <c:pt idx="54">
                  <c:v>-58553</c:v>
                </c:pt>
                <c:pt idx="55">
                  <c:v>50675</c:v>
                </c:pt>
                <c:pt idx="56">
                  <c:v>91642</c:v>
                </c:pt>
                <c:pt idx="57">
                  <c:v>79086</c:v>
                </c:pt>
                <c:pt idx="58">
                  <c:v>79038</c:v>
                </c:pt>
                <c:pt idx="59">
                  <c:v>-115694</c:v>
                </c:pt>
                <c:pt idx="60">
                  <c:v>-128325</c:v>
                </c:pt>
                <c:pt idx="61">
                  <c:v>-120939</c:v>
                </c:pt>
                <c:pt idx="62">
                  <c:v>-44426</c:v>
                </c:pt>
                <c:pt idx="63">
                  <c:v>-18406</c:v>
                </c:pt>
                <c:pt idx="64">
                  <c:v>-20041</c:v>
                </c:pt>
                <c:pt idx="65">
                  <c:v>-44901</c:v>
                </c:pt>
                <c:pt idx="66">
                  <c:v>-44401</c:v>
                </c:pt>
                <c:pt idx="67">
                  <c:v>-38078</c:v>
                </c:pt>
                <c:pt idx="68">
                  <c:v>-72873</c:v>
                </c:pt>
                <c:pt idx="69">
                  <c:v>-108058</c:v>
                </c:pt>
                <c:pt idx="70">
                  <c:v>-64885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33142640"/>
        <c:axId val="133143200"/>
      </c:scatterChart>
      <c:valAx>
        <c:axId val="133142640"/>
        <c:scaling>
          <c:orientation val="minMax"/>
          <c:max val="285000"/>
          <c:min val="-222222.2"/>
        </c:scaling>
        <c:delete val="1"/>
        <c:axPos val="b"/>
        <c:numFmt formatCode="General" sourceLinked="1"/>
        <c:majorTickMark val="out"/>
        <c:minorTickMark val="none"/>
        <c:tickLblPos val="nextTo"/>
        <c:crossAx val="133143200"/>
        <c:crosses val="autoZero"/>
        <c:crossBetween val="midCat"/>
        <c:majorUnit val="100000"/>
      </c:valAx>
      <c:valAx>
        <c:axId val="133143200"/>
        <c:scaling>
          <c:orientation val="minMax"/>
          <c:max val="133000"/>
          <c:min val="-185000"/>
        </c:scaling>
        <c:delete val="1"/>
        <c:axPos val="l"/>
        <c:numFmt formatCode="General" sourceLinked="1"/>
        <c:majorTickMark val="out"/>
        <c:minorTickMark val="none"/>
        <c:tickLblPos val="nextTo"/>
        <c:crossAx val="133142640"/>
        <c:crosses val="autoZero"/>
        <c:crossBetween val="midCat"/>
      </c:valAx>
      <c:spPr>
        <a:blipFill>
          <a:blip xmlns:r="http://schemas.openxmlformats.org/officeDocument/2006/relationships" r:embed="rId3"/>
          <a:stretch>
            <a:fillRect/>
          </a:stretch>
        </a:blipFill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chart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chartsheets/sheet1.xml><?xml version="1.0" encoding="utf-8"?>
<chartsheet xmlns="http://schemas.openxmlformats.org/spreadsheetml/2006/main" xmlns:r="http://schemas.openxmlformats.org/officeDocument/2006/relationships">
  <sheetPr/>
  <sheetViews>
    <sheetView zoomScale="75" workbookViewId="0" zoomToFit="1"/>
  </sheetViews>
  <pageMargins left="0.7" right="0.7" top="0.75" bottom="0.75" header="0.3" footer="0.3"/>
  <drawing r:id="rId1"/>
</chartsheet>
</file>

<file path=xl/chartsheets/sheet2.xml><?xml version="1.0" encoding="utf-8"?>
<chartsheet xmlns="http://schemas.openxmlformats.org/spreadsheetml/2006/main" xmlns:r="http://schemas.openxmlformats.org/officeDocument/2006/relationships">
  <sheetPr/>
  <sheetViews>
    <sheetView zoomScale="75" workbookViewId="0" zoomToFit="1"/>
  </sheetViews>
  <pageMargins left="0.7" right="0.7" top="0.75" bottom="0.75" header="0.3" footer="0.3"/>
  <drawing r:id="rId1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296400" cy="6070600"/>
    <xdr:graphicFrame macro="">
      <xdr:nvGraphicFramePr>
        <xdr:cNvPr id="2" name="Diagram 1"/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drawings/drawing2.xml><?xml version="1.0" encoding="utf-8"?>
<xdr:wsDr xmlns:xdr="http://schemas.openxmlformats.org/drawingml/2006/spreadsheetDrawing" xmlns:a="http://schemas.openxmlformats.org/drawingml/2006/main">
  <xdr:absoluteAnchor>
    <xdr:pos x="0" y="0"/>
    <xdr:ext cx="9296400" cy="6070600"/>
    <xdr:graphicFrame macro="">
      <xdr:nvGraphicFramePr>
        <xdr:cNvPr id="2" name="Diagram 1"/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46"/>
  <sheetViews>
    <sheetView tabSelected="1" workbookViewId="0"/>
  </sheetViews>
  <sheetFormatPr defaultRowHeight="14.25" x14ac:dyDescent="0.2"/>
  <cols>
    <col min="1" max="1" width="16.625" bestFit="1" customWidth="1"/>
    <col min="4" max="4" width="22" bestFit="1" customWidth="1"/>
    <col min="5" max="5" width="16.375" bestFit="1" customWidth="1"/>
  </cols>
  <sheetData>
    <row r="1" spans="1:5" ht="1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</row>
    <row r="2" spans="1:5" x14ac:dyDescent="0.2">
      <c r="A2" t="s">
        <v>5</v>
      </c>
      <c r="B2">
        <v>21758</v>
      </c>
      <c r="C2">
        <v>-145804</v>
      </c>
      <c r="D2" t="s">
        <v>6</v>
      </c>
    </row>
    <row r="3" spans="1:5" x14ac:dyDescent="0.2">
      <c r="A3" t="s">
        <v>7</v>
      </c>
      <c r="B3">
        <v>-6580</v>
      </c>
      <c r="C3">
        <v>-139438</v>
      </c>
      <c r="D3" t="s">
        <v>6</v>
      </c>
      <c r="E3" t="s">
        <v>8</v>
      </c>
    </row>
    <row r="4" spans="1:5" x14ac:dyDescent="0.2">
      <c r="A4" t="s">
        <v>9</v>
      </c>
      <c r="B4">
        <v>-5604</v>
      </c>
      <c r="C4">
        <v>-58351</v>
      </c>
      <c r="D4" t="s">
        <v>6</v>
      </c>
    </row>
    <row r="5" spans="1:5" x14ac:dyDescent="0.2">
      <c r="A5" t="s">
        <v>10</v>
      </c>
      <c r="B5">
        <v>5219</v>
      </c>
      <c r="C5">
        <v>-115780</v>
      </c>
      <c r="D5" t="s">
        <v>6</v>
      </c>
    </row>
    <row r="6" spans="1:5" x14ac:dyDescent="0.2">
      <c r="A6" t="s">
        <v>11</v>
      </c>
      <c r="B6">
        <v>23367</v>
      </c>
      <c r="C6">
        <v>-70647</v>
      </c>
      <c r="D6" t="s">
        <v>6</v>
      </c>
    </row>
    <row r="7" spans="1:5" x14ac:dyDescent="0.2">
      <c r="A7" t="s">
        <v>12</v>
      </c>
      <c r="B7">
        <v>21561</v>
      </c>
      <c r="C7">
        <v>-126636</v>
      </c>
      <c r="D7" t="s">
        <v>6</v>
      </c>
    </row>
    <row r="8" spans="1:5" x14ac:dyDescent="0.2">
      <c r="A8" t="s">
        <v>13</v>
      </c>
      <c r="B8">
        <v>-5160</v>
      </c>
      <c r="C8">
        <v>-101325</v>
      </c>
      <c r="D8" t="s">
        <v>6</v>
      </c>
      <c r="E8" t="s">
        <v>14</v>
      </c>
    </row>
    <row r="9" spans="1:5" x14ac:dyDescent="0.2">
      <c r="A9" t="s">
        <v>15</v>
      </c>
      <c r="B9">
        <v>15573</v>
      </c>
      <c r="C9">
        <v>-101456</v>
      </c>
      <c r="D9" t="s">
        <v>6</v>
      </c>
    </row>
    <row r="10" spans="1:5" x14ac:dyDescent="0.2">
      <c r="A10" t="s">
        <v>16</v>
      </c>
      <c r="B10">
        <v>49155</v>
      </c>
      <c r="C10">
        <v>-58837</v>
      </c>
      <c r="D10" t="s">
        <v>6</v>
      </c>
      <c r="E10" t="s">
        <v>17</v>
      </c>
    </row>
    <row r="11" spans="1:5" x14ac:dyDescent="0.2">
      <c r="A11" t="s">
        <v>18</v>
      </c>
      <c r="B11">
        <v>32849</v>
      </c>
      <c r="C11">
        <v>-55758</v>
      </c>
      <c r="D11" t="s">
        <v>6</v>
      </c>
    </row>
    <row r="12" spans="1:5" x14ac:dyDescent="0.2">
      <c r="A12" t="s">
        <v>19</v>
      </c>
      <c r="B12">
        <v>9896</v>
      </c>
      <c r="C12">
        <v>-103769</v>
      </c>
      <c r="D12" t="s">
        <v>6</v>
      </c>
    </row>
    <row r="13" spans="1:5" x14ac:dyDescent="0.2">
      <c r="A13" t="s">
        <v>20</v>
      </c>
      <c r="B13">
        <v>60964</v>
      </c>
      <c r="C13">
        <v>-80643</v>
      </c>
      <c r="D13" t="s">
        <v>6</v>
      </c>
    </row>
    <row r="14" spans="1:5" x14ac:dyDescent="0.2">
      <c r="A14" t="s">
        <v>21</v>
      </c>
      <c r="B14">
        <v>33555</v>
      </c>
      <c r="C14">
        <v>-111829</v>
      </c>
      <c r="D14" t="s">
        <v>6</v>
      </c>
    </row>
    <row r="15" spans="1:5" x14ac:dyDescent="0.2">
      <c r="A15" t="s">
        <v>22</v>
      </c>
      <c r="B15">
        <v>52922</v>
      </c>
      <c r="C15">
        <v>-105047</v>
      </c>
      <c r="D15" t="s">
        <v>6</v>
      </c>
    </row>
    <row r="16" spans="1:5" x14ac:dyDescent="0.2">
      <c r="A16" t="s">
        <v>23</v>
      </c>
      <c r="B16">
        <v>5879</v>
      </c>
      <c r="C16">
        <v>-45901</v>
      </c>
      <c r="D16" t="s">
        <v>6</v>
      </c>
    </row>
    <row r="17" spans="1:5" x14ac:dyDescent="0.2">
      <c r="A17" t="s">
        <v>24</v>
      </c>
      <c r="B17">
        <v>38700</v>
      </c>
      <c r="C17">
        <v>-45777</v>
      </c>
      <c r="D17" t="s">
        <v>6</v>
      </c>
    </row>
    <row r="18" spans="1:5" x14ac:dyDescent="0.2">
      <c r="A18" t="s">
        <v>25</v>
      </c>
      <c r="B18">
        <v>25692</v>
      </c>
      <c r="C18">
        <v>-136418</v>
      </c>
      <c r="D18" t="s">
        <v>6</v>
      </c>
    </row>
    <row r="19" spans="1:5" x14ac:dyDescent="0.2">
      <c r="A19" t="s">
        <v>26</v>
      </c>
      <c r="B19">
        <v>-3343</v>
      </c>
      <c r="C19">
        <v>-70933</v>
      </c>
      <c r="D19" t="s">
        <v>6</v>
      </c>
    </row>
    <row r="20" spans="1:5" x14ac:dyDescent="0.2">
      <c r="A20" t="s">
        <v>27</v>
      </c>
      <c r="B20">
        <v>26577</v>
      </c>
      <c r="C20">
        <v>-95702</v>
      </c>
      <c r="D20" t="s">
        <v>6</v>
      </c>
    </row>
    <row r="21" spans="1:5" x14ac:dyDescent="0.2">
      <c r="A21" t="s">
        <v>28</v>
      </c>
      <c r="B21">
        <v>13328</v>
      </c>
      <c r="C21">
        <v>-62644</v>
      </c>
      <c r="D21" t="s">
        <v>6</v>
      </c>
    </row>
    <row r="22" spans="1:5" x14ac:dyDescent="0.2">
      <c r="A22" t="s">
        <v>29</v>
      </c>
      <c r="B22">
        <v>79969</v>
      </c>
      <c r="C22">
        <v>-55681</v>
      </c>
      <c r="D22" t="s">
        <v>6</v>
      </c>
    </row>
    <row r="23" spans="1:5" x14ac:dyDescent="0.2">
      <c r="A23" t="s">
        <v>30</v>
      </c>
      <c r="B23">
        <v>37614</v>
      </c>
      <c r="C23">
        <v>-137320</v>
      </c>
      <c r="D23" t="s">
        <v>6</v>
      </c>
    </row>
    <row r="24" spans="1:5" x14ac:dyDescent="0.2">
      <c r="A24" t="s">
        <v>31</v>
      </c>
      <c r="B24">
        <v>-40852</v>
      </c>
      <c r="C24">
        <v>-163725</v>
      </c>
      <c r="D24" t="s">
        <v>32</v>
      </c>
    </row>
    <row r="25" spans="1:5" x14ac:dyDescent="0.2">
      <c r="A25" t="s">
        <v>33</v>
      </c>
      <c r="B25">
        <v>-62578</v>
      </c>
      <c r="C25">
        <v>-176662</v>
      </c>
      <c r="D25" t="s">
        <v>32</v>
      </c>
    </row>
    <row r="26" spans="1:5" x14ac:dyDescent="0.2">
      <c r="A26" t="s">
        <v>34</v>
      </c>
      <c r="B26">
        <v>-60468</v>
      </c>
      <c r="C26">
        <v>-138694</v>
      </c>
      <c r="D26" t="s">
        <v>32</v>
      </c>
      <c r="E26" t="s">
        <v>35</v>
      </c>
    </row>
    <row r="27" spans="1:5" x14ac:dyDescent="0.2">
      <c r="A27" t="s">
        <v>36</v>
      </c>
      <c r="B27">
        <v>-58430</v>
      </c>
      <c r="C27">
        <v>-155249</v>
      </c>
      <c r="D27" t="s">
        <v>32</v>
      </c>
    </row>
    <row r="28" spans="1:5" x14ac:dyDescent="0.2">
      <c r="A28" t="s">
        <v>37</v>
      </c>
      <c r="B28">
        <v>-62494</v>
      </c>
      <c r="C28">
        <v>-120970</v>
      </c>
      <c r="D28" t="s">
        <v>32</v>
      </c>
    </row>
    <row r="29" spans="1:5" x14ac:dyDescent="0.2">
      <c r="A29" t="s">
        <v>38</v>
      </c>
      <c r="B29">
        <v>-27799</v>
      </c>
      <c r="C29">
        <v>-161015</v>
      </c>
      <c r="D29" t="s">
        <v>32</v>
      </c>
      <c r="E29" t="s">
        <v>39</v>
      </c>
    </row>
    <row r="30" spans="1:5" x14ac:dyDescent="0.2">
      <c r="A30" t="s">
        <v>40</v>
      </c>
      <c r="B30">
        <v>-61710</v>
      </c>
      <c r="C30">
        <v>-150986</v>
      </c>
      <c r="D30" t="s">
        <v>32</v>
      </c>
      <c r="E30" t="s">
        <v>41</v>
      </c>
    </row>
    <row r="31" spans="1:5" x14ac:dyDescent="0.2">
      <c r="A31" t="s">
        <v>42</v>
      </c>
      <c r="B31">
        <v>-48202</v>
      </c>
      <c r="C31">
        <v>-142256</v>
      </c>
      <c r="D31" t="s">
        <v>32</v>
      </c>
    </row>
    <row r="32" spans="1:5" x14ac:dyDescent="0.2">
      <c r="A32" t="s">
        <v>43</v>
      </c>
      <c r="B32">
        <v>-72355</v>
      </c>
      <c r="C32">
        <v>-131512</v>
      </c>
      <c r="D32" t="s">
        <v>32</v>
      </c>
    </row>
    <row r="33" spans="1:5" x14ac:dyDescent="0.2">
      <c r="A33" t="s">
        <v>44</v>
      </c>
      <c r="B33">
        <v>-92526</v>
      </c>
      <c r="C33">
        <v>-173647</v>
      </c>
      <c r="D33" t="s">
        <v>32</v>
      </c>
    </row>
    <row r="34" spans="1:5" x14ac:dyDescent="0.2">
      <c r="A34" t="s">
        <v>45</v>
      </c>
      <c r="B34">
        <v>-57787</v>
      </c>
      <c r="C34">
        <v>-175819</v>
      </c>
      <c r="D34" t="s">
        <v>32</v>
      </c>
    </row>
    <row r="35" spans="1:5" x14ac:dyDescent="0.2">
      <c r="A35" t="s">
        <v>46</v>
      </c>
      <c r="B35">
        <v>-81670</v>
      </c>
      <c r="C35">
        <v>-155279</v>
      </c>
      <c r="D35" t="s">
        <v>32</v>
      </c>
    </row>
    <row r="36" spans="1:5" x14ac:dyDescent="0.2">
      <c r="A36" t="s">
        <v>47</v>
      </c>
      <c r="B36">
        <v>-96494</v>
      </c>
      <c r="C36">
        <v>-154096</v>
      </c>
      <c r="D36" t="s">
        <v>32</v>
      </c>
      <c r="E36" t="s">
        <v>48</v>
      </c>
    </row>
    <row r="37" spans="1:5" x14ac:dyDescent="0.2">
      <c r="A37" t="s">
        <v>49</v>
      </c>
      <c r="B37">
        <v>-45784</v>
      </c>
      <c r="C37">
        <v>-174658</v>
      </c>
      <c r="D37" t="s">
        <v>32</v>
      </c>
    </row>
    <row r="38" spans="1:5" x14ac:dyDescent="0.2">
      <c r="A38" t="s">
        <v>50</v>
      </c>
      <c r="B38">
        <v>151773</v>
      </c>
      <c r="C38">
        <v>-126196</v>
      </c>
      <c r="D38" t="s">
        <v>51</v>
      </c>
    </row>
    <row r="39" spans="1:5" x14ac:dyDescent="0.2">
      <c r="A39" t="s">
        <v>51</v>
      </c>
      <c r="B39">
        <v>159119</v>
      </c>
      <c r="C39">
        <v>-72058</v>
      </c>
      <c r="D39" t="s">
        <v>51</v>
      </c>
    </row>
    <row r="40" spans="1:5" x14ac:dyDescent="0.2">
      <c r="A40" t="s">
        <v>52</v>
      </c>
      <c r="B40">
        <v>155712</v>
      </c>
      <c r="C40">
        <v>-82822</v>
      </c>
      <c r="D40" t="s">
        <v>51</v>
      </c>
      <c r="E40" t="s">
        <v>53</v>
      </c>
    </row>
    <row r="41" spans="1:5" x14ac:dyDescent="0.2">
      <c r="A41" t="s">
        <v>54</v>
      </c>
      <c r="B41">
        <v>136621</v>
      </c>
      <c r="C41">
        <v>-88375</v>
      </c>
      <c r="D41" t="s">
        <v>51</v>
      </c>
    </row>
    <row r="42" spans="1:5" x14ac:dyDescent="0.2">
      <c r="A42" t="s">
        <v>55</v>
      </c>
      <c r="B42">
        <v>145371</v>
      </c>
      <c r="C42">
        <v>-43897</v>
      </c>
      <c r="D42" t="s">
        <v>51</v>
      </c>
    </row>
    <row r="43" spans="1:5" x14ac:dyDescent="0.2">
      <c r="A43" t="s">
        <v>56</v>
      </c>
      <c r="B43">
        <v>169067</v>
      </c>
      <c r="C43">
        <v>-98834</v>
      </c>
      <c r="D43" t="s">
        <v>51</v>
      </c>
    </row>
    <row r="44" spans="1:5" x14ac:dyDescent="0.2">
      <c r="A44" t="s">
        <v>57</v>
      </c>
      <c r="B44">
        <v>164293</v>
      </c>
      <c r="C44">
        <v>-34936</v>
      </c>
      <c r="D44" t="s">
        <v>51</v>
      </c>
    </row>
    <row r="45" spans="1:5" x14ac:dyDescent="0.2">
      <c r="A45" t="s">
        <v>58</v>
      </c>
      <c r="B45">
        <v>131903</v>
      </c>
      <c r="C45">
        <v>-54996</v>
      </c>
      <c r="D45" t="s">
        <v>51</v>
      </c>
    </row>
    <row r="46" spans="1:5" x14ac:dyDescent="0.2">
      <c r="A46" t="s">
        <v>59</v>
      </c>
      <c r="B46">
        <v>170677</v>
      </c>
      <c r="C46">
        <v>-85848</v>
      </c>
      <c r="D46" t="s">
        <v>51</v>
      </c>
      <c r="E46" t="s">
        <v>60</v>
      </c>
    </row>
    <row r="47" spans="1:5" x14ac:dyDescent="0.2">
      <c r="A47" t="s">
        <v>61</v>
      </c>
      <c r="B47">
        <v>133668</v>
      </c>
      <c r="C47">
        <v>-74353</v>
      </c>
      <c r="D47" t="s">
        <v>51</v>
      </c>
    </row>
    <row r="48" spans="1:5" x14ac:dyDescent="0.2">
      <c r="A48" t="s">
        <v>62</v>
      </c>
      <c r="B48">
        <v>154478</v>
      </c>
      <c r="C48">
        <v>-51054</v>
      </c>
      <c r="D48" t="s">
        <v>51</v>
      </c>
    </row>
    <row r="49" spans="1:5" x14ac:dyDescent="0.2">
      <c r="A49" t="s">
        <v>63</v>
      </c>
      <c r="B49">
        <v>152008</v>
      </c>
      <c r="C49">
        <v>-103041</v>
      </c>
      <c r="D49" t="s">
        <v>51</v>
      </c>
    </row>
    <row r="50" spans="1:5" x14ac:dyDescent="0.2">
      <c r="A50" t="s">
        <v>64</v>
      </c>
      <c r="B50">
        <v>151084</v>
      </c>
      <c r="C50">
        <v>-66549</v>
      </c>
      <c r="D50" t="s">
        <v>51</v>
      </c>
    </row>
    <row r="51" spans="1:5" x14ac:dyDescent="0.2">
      <c r="A51" t="s">
        <v>65</v>
      </c>
      <c r="B51">
        <v>136332</v>
      </c>
      <c r="C51">
        <v>-123520</v>
      </c>
      <c r="D51" t="s">
        <v>51</v>
      </c>
    </row>
    <row r="52" spans="1:5" x14ac:dyDescent="0.2">
      <c r="A52" t="s">
        <v>66</v>
      </c>
      <c r="B52">
        <v>143265</v>
      </c>
      <c r="C52">
        <v>-112574</v>
      </c>
      <c r="D52" t="s">
        <v>51</v>
      </c>
    </row>
    <row r="53" spans="1:5" x14ac:dyDescent="0.2">
      <c r="A53" t="s">
        <v>67</v>
      </c>
      <c r="B53">
        <v>124443</v>
      </c>
      <c r="C53">
        <v>-96102</v>
      </c>
      <c r="D53" t="s">
        <v>51</v>
      </c>
      <c r="E53" t="s">
        <v>68</v>
      </c>
    </row>
    <row r="54" spans="1:5" x14ac:dyDescent="0.2">
      <c r="A54" t="s">
        <v>69</v>
      </c>
      <c r="B54">
        <v>177793</v>
      </c>
      <c r="C54">
        <v>-75299</v>
      </c>
      <c r="D54" t="s">
        <v>51</v>
      </c>
    </row>
    <row r="55" spans="1:5" x14ac:dyDescent="0.2">
      <c r="A55" t="s">
        <v>70</v>
      </c>
      <c r="B55">
        <v>114879</v>
      </c>
      <c r="C55">
        <v>-62737</v>
      </c>
      <c r="D55" t="s">
        <v>51</v>
      </c>
    </row>
    <row r="56" spans="1:5" x14ac:dyDescent="0.2">
      <c r="A56" t="s">
        <v>71</v>
      </c>
      <c r="B56">
        <v>161703</v>
      </c>
      <c r="C56">
        <v>-44216</v>
      </c>
      <c r="D56" t="s">
        <v>51</v>
      </c>
    </row>
    <row r="57" spans="1:5" x14ac:dyDescent="0.2">
      <c r="A57" t="s">
        <v>72</v>
      </c>
      <c r="B57">
        <v>129874</v>
      </c>
      <c r="C57">
        <v>-112971</v>
      </c>
      <c r="D57" t="s">
        <v>51</v>
      </c>
    </row>
    <row r="58" spans="1:5" x14ac:dyDescent="0.2">
      <c r="A58" t="s">
        <v>73</v>
      </c>
      <c r="B58">
        <v>151505</v>
      </c>
      <c r="C58">
        <v>-92231</v>
      </c>
      <c r="D58" t="s">
        <v>51</v>
      </c>
    </row>
    <row r="59" spans="1:5" x14ac:dyDescent="0.2">
      <c r="A59" t="s">
        <v>74</v>
      </c>
      <c r="B59">
        <v>168725</v>
      </c>
      <c r="C59">
        <v>-54361</v>
      </c>
      <c r="D59" t="s">
        <v>51</v>
      </c>
    </row>
    <row r="60" spans="1:5" x14ac:dyDescent="0.2">
      <c r="A60" t="s">
        <v>75</v>
      </c>
      <c r="B60">
        <v>158530</v>
      </c>
      <c r="C60">
        <v>95692</v>
      </c>
      <c r="D60" t="s">
        <v>76</v>
      </c>
    </row>
    <row r="61" spans="1:5" x14ac:dyDescent="0.2">
      <c r="A61" t="s">
        <v>77</v>
      </c>
      <c r="B61">
        <v>136513</v>
      </c>
      <c r="C61">
        <v>72404</v>
      </c>
      <c r="D61" t="s">
        <v>76</v>
      </c>
    </row>
    <row r="62" spans="1:5" x14ac:dyDescent="0.2">
      <c r="A62" t="s">
        <v>78</v>
      </c>
      <c r="B62">
        <v>89127</v>
      </c>
      <c r="C62">
        <v>76765</v>
      </c>
      <c r="D62" t="s">
        <v>76</v>
      </c>
    </row>
    <row r="63" spans="1:5" x14ac:dyDescent="0.2">
      <c r="A63" t="s">
        <v>79</v>
      </c>
      <c r="B63">
        <v>210653</v>
      </c>
      <c r="C63">
        <v>94959</v>
      </c>
      <c r="D63" t="s">
        <v>76</v>
      </c>
    </row>
    <row r="64" spans="1:5" x14ac:dyDescent="0.2">
      <c r="A64" t="s">
        <v>80</v>
      </c>
      <c r="B64">
        <v>126667</v>
      </c>
      <c r="C64">
        <v>99260</v>
      </c>
      <c r="D64" t="s">
        <v>76</v>
      </c>
    </row>
    <row r="65" spans="1:5" x14ac:dyDescent="0.2">
      <c r="A65" t="s">
        <v>81</v>
      </c>
      <c r="B65">
        <v>131969</v>
      </c>
      <c r="C65">
        <v>56874</v>
      </c>
      <c r="D65" t="s">
        <v>76</v>
      </c>
    </row>
    <row r="66" spans="1:5" x14ac:dyDescent="0.2">
      <c r="A66" t="s">
        <v>82</v>
      </c>
      <c r="B66">
        <v>153424</v>
      </c>
      <c r="C66">
        <v>101364</v>
      </c>
      <c r="D66" t="s">
        <v>76</v>
      </c>
    </row>
    <row r="67" spans="1:5" x14ac:dyDescent="0.2">
      <c r="A67" t="s">
        <v>83</v>
      </c>
      <c r="B67">
        <v>134799</v>
      </c>
      <c r="C67">
        <v>75687</v>
      </c>
      <c r="D67" t="s">
        <v>76</v>
      </c>
    </row>
    <row r="68" spans="1:5" x14ac:dyDescent="0.2">
      <c r="A68" t="s">
        <v>84</v>
      </c>
      <c r="B68">
        <v>164307</v>
      </c>
      <c r="C68">
        <v>117318</v>
      </c>
      <c r="D68" t="s">
        <v>76</v>
      </c>
    </row>
    <row r="69" spans="1:5" x14ac:dyDescent="0.2">
      <c r="A69" t="s">
        <v>85</v>
      </c>
      <c r="B69">
        <v>117980</v>
      </c>
      <c r="C69">
        <v>91929</v>
      </c>
      <c r="D69" t="s">
        <v>76</v>
      </c>
      <c r="E69" t="s">
        <v>86</v>
      </c>
    </row>
    <row r="70" spans="1:5" x14ac:dyDescent="0.2">
      <c r="A70" t="s">
        <v>87</v>
      </c>
      <c r="B70">
        <v>139157</v>
      </c>
      <c r="C70">
        <v>44420</v>
      </c>
      <c r="D70" t="s">
        <v>76</v>
      </c>
    </row>
    <row r="71" spans="1:5" x14ac:dyDescent="0.2">
      <c r="A71" t="s">
        <v>88</v>
      </c>
      <c r="B71">
        <v>122835</v>
      </c>
      <c r="C71">
        <v>44311</v>
      </c>
      <c r="D71" t="s">
        <v>76</v>
      </c>
    </row>
    <row r="72" spans="1:5" x14ac:dyDescent="0.2">
      <c r="A72" t="s">
        <v>89</v>
      </c>
      <c r="B72">
        <v>114305</v>
      </c>
      <c r="C72">
        <v>42095</v>
      </c>
      <c r="D72" t="s">
        <v>76</v>
      </c>
    </row>
    <row r="73" spans="1:5" x14ac:dyDescent="0.2">
      <c r="A73" t="s">
        <v>90</v>
      </c>
      <c r="B73">
        <v>130305</v>
      </c>
      <c r="C73">
        <v>75453</v>
      </c>
      <c r="D73" t="s">
        <v>76</v>
      </c>
      <c r="E73" t="s">
        <v>91</v>
      </c>
    </row>
    <row r="74" spans="1:5" x14ac:dyDescent="0.2">
      <c r="A74" t="s">
        <v>92</v>
      </c>
      <c r="B74">
        <v>133697</v>
      </c>
      <c r="C74">
        <v>63336</v>
      </c>
      <c r="D74" t="s">
        <v>76</v>
      </c>
    </row>
    <row r="75" spans="1:5" x14ac:dyDescent="0.2">
      <c r="A75" t="s">
        <v>93</v>
      </c>
      <c r="B75">
        <v>138398</v>
      </c>
      <c r="C75">
        <v>77573</v>
      </c>
      <c r="D75" t="s">
        <v>76</v>
      </c>
    </row>
    <row r="76" spans="1:5" x14ac:dyDescent="0.2">
      <c r="A76" t="s">
        <v>94</v>
      </c>
      <c r="B76">
        <v>92553</v>
      </c>
      <c r="C76">
        <v>87861</v>
      </c>
      <c r="D76" t="s">
        <v>76</v>
      </c>
      <c r="E76" t="s">
        <v>95</v>
      </c>
    </row>
    <row r="77" spans="1:5" x14ac:dyDescent="0.2">
      <c r="A77" t="s">
        <v>96</v>
      </c>
      <c r="B77">
        <v>181918</v>
      </c>
      <c r="C77">
        <v>117872</v>
      </c>
      <c r="D77" t="s">
        <v>76</v>
      </c>
    </row>
    <row r="78" spans="1:5" x14ac:dyDescent="0.2">
      <c r="A78" t="s">
        <v>97</v>
      </c>
      <c r="B78">
        <v>102946</v>
      </c>
      <c r="C78">
        <v>95740</v>
      </c>
      <c r="D78" t="s">
        <v>76</v>
      </c>
    </row>
    <row r="79" spans="1:5" x14ac:dyDescent="0.2">
      <c r="A79" t="s">
        <v>98</v>
      </c>
      <c r="B79">
        <v>116393</v>
      </c>
      <c r="C79">
        <v>105501</v>
      </c>
      <c r="D79" t="s">
        <v>76</v>
      </c>
    </row>
    <row r="80" spans="1:5" x14ac:dyDescent="0.2">
      <c r="A80" t="s">
        <v>99</v>
      </c>
      <c r="B80">
        <v>125147</v>
      </c>
      <c r="C80">
        <v>82893</v>
      </c>
      <c r="D80" t="s">
        <v>76</v>
      </c>
    </row>
    <row r="81" spans="1:5" x14ac:dyDescent="0.2">
      <c r="A81" t="s">
        <v>100</v>
      </c>
      <c r="B81">
        <v>123538</v>
      </c>
      <c r="C81">
        <v>88074</v>
      </c>
      <c r="D81" t="s">
        <v>76</v>
      </c>
    </row>
    <row r="82" spans="1:5" x14ac:dyDescent="0.2">
      <c r="A82" t="s">
        <v>101</v>
      </c>
      <c r="B82">
        <v>192907</v>
      </c>
      <c r="C82">
        <v>109673</v>
      </c>
      <c r="D82" t="s">
        <v>76</v>
      </c>
      <c r="E82" t="s">
        <v>102</v>
      </c>
    </row>
    <row r="83" spans="1:5" x14ac:dyDescent="0.2">
      <c r="A83" t="s">
        <v>103</v>
      </c>
      <c r="B83">
        <v>192852</v>
      </c>
      <c r="C83">
        <v>109857</v>
      </c>
      <c r="D83" t="s">
        <v>76</v>
      </c>
      <c r="E83" t="s">
        <v>104</v>
      </c>
    </row>
    <row r="84" spans="1:5" x14ac:dyDescent="0.2">
      <c r="A84" t="s">
        <v>105</v>
      </c>
      <c r="B84">
        <v>124689</v>
      </c>
      <c r="C84">
        <v>108405</v>
      </c>
      <c r="D84" t="s">
        <v>76</v>
      </c>
    </row>
    <row r="85" spans="1:5" x14ac:dyDescent="0.2">
      <c r="A85" t="s">
        <v>106</v>
      </c>
      <c r="B85">
        <v>159804</v>
      </c>
      <c r="C85">
        <v>82769</v>
      </c>
      <c r="D85" t="s">
        <v>76</v>
      </c>
    </row>
    <row r="86" spans="1:5" x14ac:dyDescent="0.2">
      <c r="A86" t="s">
        <v>107</v>
      </c>
      <c r="B86">
        <v>139743</v>
      </c>
      <c r="C86">
        <v>85921</v>
      </c>
      <c r="D86" t="s">
        <v>76</v>
      </c>
    </row>
    <row r="87" spans="1:5" x14ac:dyDescent="0.2">
      <c r="A87" t="s">
        <v>108</v>
      </c>
      <c r="B87">
        <v>149549</v>
      </c>
      <c r="C87">
        <v>56596</v>
      </c>
      <c r="D87" t="s">
        <v>76</v>
      </c>
    </row>
    <row r="88" spans="1:5" x14ac:dyDescent="0.2">
      <c r="A88" t="s">
        <v>109</v>
      </c>
      <c r="B88">
        <v>175850</v>
      </c>
      <c r="C88">
        <v>77650</v>
      </c>
      <c r="D88" t="s">
        <v>76</v>
      </c>
    </row>
    <row r="89" spans="1:5" x14ac:dyDescent="0.2">
      <c r="A89" t="s">
        <v>110</v>
      </c>
      <c r="B89">
        <v>129359</v>
      </c>
      <c r="C89">
        <v>-131990</v>
      </c>
      <c r="D89" t="s">
        <v>111</v>
      </c>
    </row>
    <row r="90" spans="1:5" x14ac:dyDescent="0.2">
      <c r="A90" t="s">
        <v>111</v>
      </c>
      <c r="B90">
        <v>83645</v>
      </c>
      <c r="C90">
        <v>-80201</v>
      </c>
      <c r="D90" t="s">
        <v>111</v>
      </c>
    </row>
    <row r="91" spans="1:5" x14ac:dyDescent="0.2">
      <c r="A91" t="s">
        <v>112</v>
      </c>
      <c r="B91">
        <v>98119</v>
      </c>
      <c r="C91">
        <v>-112552</v>
      </c>
      <c r="D91" t="s">
        <v>111</v>
      </c>
      <c r="E91" t="s">
        <v>113</v>
      </c>
    </row>
    <row r="92" spans="1:5" x14ac:dyDescent="0.2">
      <c r="A92" t="s">
        <v>114</v>
      </c>
      <c r="B92">
        <v>71578</v>
      </c>
      <c r="C92">
        <v>-107526</v>
      </c>
      <c r="D92" t="s">
        <v>111</v>
      </c>
    </row>
    <row r="93" spans="1:5" x14ac:dyDescent="0.2">
      <c r="A93" t="s">
        <v>115</v>
      </c>
      <c r="B93">
        <v>110435</v>
      </c>
      <c r="C93">
        <v>-134667</v>
      </c>
      <c r="D93" t="s">
        <v>111</v>
      </c>
      <c r="E93" t="s">
        <v>116</v>
      </c>
    </row>
    <row r="94" spans="1:5" x14ac:dyDescent="0.2">
      <c r="A94" t="s">
        <v>117</v>
      </c>
      <c r="B94">
        <v>87553</v>
      </c>
      <c r="C94">
        <v>-101264</v>
      </c>
      <c r="D94" t="s">
        <v>111</v>
      </c>
    </row>
    <row r="95" spans="1:5" x14ac:dyDescent="0.2">
      <c r="A95" t="s">
        <v>118</v>
      </c>
      <c r="B95">
        <v>64644</v>
      </c>
      <c r="C95">
        <v>-135626</v>
      </c>
      <c r="D95" t="s">
        <v>111</v>
      </c>
    </row>
    <row r="96" spans="1:5" x14ac:dyDescent="0.2">
      <c r="A96" t="s">
        <v>119</v>
      </c>
      <c r="B96">
        <v>81399</v>
      </c>
      <c r="C96">
        <v>-119222</v>
      </c>
      <c r="D96" t="s">
        <v>111</v>
      </c>
    </row>
    <row r="97" spans="1:5" x14ac:dyDescent="0.2">
      <c r="A97" t="s">
        <v>120</v>
      </c>
      <c r="B97">
        <v>85946</v>
      </c>
      <c r="C97">
        <v>-131872</v>
      </c>
      <c r="D97" t="s">
        <v>111</v>
      </c>
      <c r="E97" t="s">
        <v>121</v>
      </c>
    </row>
    <row r="98" spans="1:5" x14ac:dyDescent="0.2">
      <c r="A98" t="s">
        <v>122</v>
      </c>
      <c r="B98">
        <v>92865</v>
      </c>
      <c r="C98">
        <v>-86430</v>
      </c>
      <c r="D98" t="s">
        <v>111</v>
      </c>
    </row>
    <row r="99" spans="1:5" x14ac:dyDescent="0.2">
      <c r="A99" t="s">
        <v>123</v>
      </c>
      <c r="B99">
        <v>-39584</v>
      </c>
      <c r="C99">
        <v>-44936</v>
      </c>
      <c r="D99" t="s">
        <v>124</v>
      </c>
    </row>
    <row r="100" spans="1:5" x14ac:dyDescent="0.2">
      <c r="A100" t="s">
        <v>125</v>
      </c>
      <c r="B100">
        <v>-13789</v>
      </c>
      <c r="C100">
        <v>-35182</v>
      </c>
      <c r="D100" t="s">
        <v>124</v>
      </c>
    </row>
    <row r="101" spans="1:5" x14ac:dyDescent="0.2">
      <c r="A101" t="s">
        <v>126</v>
      </c>
      <c r="B101">
        <v>-31008</v>
      </c>
      <c r="C101">
        <v>5630</v>
      </c>
      <c r="D101" t="s">
        <v>124</v>
      </c>
      <c r="E101" t="s">
        <v>127</v>
      </c>
    </row>
    <row r="102" spans="1:5" x14ac:dyDescent="0.2">
      <c r="A102" t="s">
        <v>128</v>
      </c>
      <c r="B102">
        <v>-61456</v>
      </c>
      <c r="C102">
        <v>-12722</v>
      </c>
      <c r="D102" t="s">
        <v>124</v>
      </c>
    </row>
    <row r="103" spans="1:5" x14ac:dyDescent="0.2">
      <c r="A103" t="s">
        <v>129</v>
      </c>
      <c r="B103">
        <v>-43485</v>
      </c>
      <c r="C103">
        <v>-4700</v>
      </c>
      <c r="D103" t="s">
        <v>124</v>
      </c>
    </row>
    <row r="104" spans="1:5" x14ac:dyDescent="0.2">
      <c r="A104" t="s">
        <v>130</v>
      </c>
      <c r="B104">
        <v>-8435</v>
      </c>
      <c r="C104">
        <v>-52540</v>
      </c>
      <c r="D104" t="s">
        <v>124</v>
      </c>
      <c r="E104" t="s">
        <v>131</v>
      </c>
    </row>
    <row r="105" spans="1:5" x14ac:dyDescent="0.2">
      <c r="A105" t="s">
        <v>132</v>
      </c>
      <c r="B105">
        <v>-60676</v>
      </c>
      <c r="C105">
        <v>-57005</v>
      </c>
      <c r="D105" t="s">
        <v>124</v>
      </c>
    </row>
    <row r="106" spans="1:5" x14ac:dyDescent="0.2">
      <c r="A106" t="s">
        <v>133</v>
      </c>
      <c r="B106">
        <v>-11426</v>
      </c>
      <c r="C106">
        <v>-21104</v>
      </c>
      <c r="D106" t="s">
        <v>124</v>
      </c>
    </row>
    <row r="107" spans="1:5" x14ac:dyDescent="0.2">
      <c r="A107" t="s">
        <v>134</v>
      </c>
      <c r="B107">
        <v>-31264</v>
      </c>
      <c r="C107">
        <v>-26060</v>
      </c>
      <c r="D107" t="s">
        <v>124</v>
      </c>
    </row>
    <row r="108" spans="1:5" x14ac:dyDescent="0.2">
      <c r="A108" t="s">
        <v>135</v>
      </c>
      <c r="B108">
        <v>-19172</v>
      </c>
      <c r="C108">
        <v>-13439</v>
      </c>
      <c r="D108" t="s">
        <v>124</v>
      </c>
    </row>
    <row r="109" spans="1:5" x14ac:dyDescent="0.2">
      <c r="A109" t="s">
        <v>136</v>
      </c>
      <c r="B109">
        <v>-62927</v>
      </c>
      <c r="C109">
        <v>-6806</v>
      </c>
      <c r="D109" t="s">
        <v>124</v>
      </c>
    </row>
    <row r="110" spans="1:5" x14ac:dyDescent="0.2">
      <c r="A110" t="s">
        <v>137</v>
      </c>
      <c r="B110">
        <v>-56426</v>
      </c>
      <c r="C110">
        <v>-41868</v>
      </c>
      <c r="D110" t="s">
        <v>124</v>
      </c>
      <c r="E110" t="s">
        <v>138</v>
      </c>
    </row>
    <row r="111" spans="1:5" x14ac:dyDescent="0.2">
      <c r="A111" t="s">
        <v>139</v>
      </c>
      <c r="B111">
        <v>-21407</v>
      </c>
      <c r="C111">
        <v>-33099</v>
      </c>
      <c r="D111" t="s">
        <v>124</v>
      </c>
    </row>
    <row r="112" spans="1:5" x14ac:dyDescent="0.2">
      <c r="A112" t="s">
        <v>140</v>
      </c>
      <c r="B112">
        <v>-7831</v>
      </c>
      <c r="C112">
        <v>-46084</v>
      </c>
      <c r="D112" t="s">
        <v>124</v>
      </c>
    </row>
    <row r="113" spans="1:5" x14ac:dyDescent="0.2">
      <c r="A113" t="s">
        <v>141</v>
      </c>
      <c r="B113">
        <v>-32263</v>
      </c>
      <c r="C113">
        <v>-61383</v>
      </c>
      <c r="D113" t="s">
        <v>124</v>
      </c>
      <c r="E113" t="s">
        <v>142</v>
      </c>
    </row>
    <row r="114" spans="1:5" x14ac:dyDescent="0.2">
      <c r="A114" t="s">
        <v>143</v>
      </c>
      <c r="B114">
        <v>-54369</v>
      </c>
      <c r="C114">
        <v>-16262</v>
      </c>
      <c r="D114" t="s">
        <v>124</v>
      </c>
      <c r="E114" t="s">
        <v>144</v>
      </c>
    </row>
    <row r="115" spans="1:5" x14ac:dyDescent="0.2">
      <c r="A115" t="s">
        <v>145</v>
      </c>
      <c r="B115">
        <v>-29619</v>
      </c>
      <c r="C115">
        <v>-22246</v>
      </c>
      <c r="D115" t="s">
        <v>124</v>
      </c>
    </row>
    <row r="116" spans="1:5" x14ac:dyDescent="0.2">
      <c r="A116" t="s">
        <v>146</v>
      </c>
      <c r="B116">
        <v>-146735</v>
      </c>
      <c r="C116">
        <v>4883</v>
      </c>
      <c r="D116" t="s">
        <v>147</v>
      </c>
    </row>
    <row r="117" spans="1:5" x14ac:dyDescent="0.2">
      <c r="A117" t="s">
        <v>148</v>
      </c>
      <c r="B117">
        <v>-134495</v>
      </c>
      <c r="C117">
        <v>20922</v>
      </c>
      <c r="D117" t="s">
        <v>147</v>
      </c>
    </row>
    <row r="118" spans="1:5" x14ac:dyDescent="0.2">
      <c r="A118" t="s">
        <v>149</v>
      </c>
      <c r="B118">
        <v>-161962</v>
      </c>
      <c r="C118">
        <v>22345</v>
      </c>
      <c r="D118" t="s">
        <v>147</v>
      </c>
    </row>
    <row r="119" spans="1:5" x14ac:dyDescent="0.2">
      <c r="A119" t="s">
        <v>150</v>
      </c>
      <c r="B119">
        <v>-163319</v>
      </c>
      <c r="C119">
        <v>19468</v>
      </c>
      <c r="D119" t="s">
        <v>147</v>
      </c>
    </row>
    <row r="120" spans="1:5" x14ac:dyDescent="0.2">
      <c r="A120" t="s">
        <v>151</v>
      </c>
      <c r="B120">
        <v>-105941</v>
      </c>
      <c r="C120">
        <v>28666</v>
      </c>
      <c r="D120" t="s">
        <v>147</v>
      </c>
      <c r="E120" t="s">
        <v>152</v>
      </c>
    </row>
    <row r="121" spans="1:5" x14ac:dyDescent="0.2">
      <c r="A121" t="s">
        <v>153</v>
      </c>
      <c r="B121">
        <v>-142660</v>
      </c>
      <c r="C121">
        <v>40533</v>
      </c>
      <c r="D121" t="s">
        <v>147</v>
      </c>
    </row>
    <row r="122" spans="1:5" x14ac:dyDescent="0.2">
      <c r="A122" t="s">
        <v>154</v>
      </c>
      <c r="B122">
        <v>-151449</v>
      </c>
      <c r="C122">
        <v>19074</v>
      </c>
      <c r="D122" t="s">
        <v>147</v>
      </c>
    </row>
    <row r="123" spans="1:5" x14ac:dyDescent="0.2">
      <c r="A123" t="s">
        <v>155</v>
      </c>
      <c r="B123">
        <v>-124176</v>
      </c>
      <c r="C123">
        <v>34224</v>
      </c>
      <c r="D123" t="s">
        <v>147</v>
      </c>
      <c r="E123" t="s">
        <v>156</v>
      </c>
    </row>
    <row r="124" spans="1:5" x14ac:dyDescent="0.2">
      <c r="A124" t="s">
        <v>157</v>
      </c>
      <c r="B124">
        <v>-132822</v>
      </c>
      <c r="C124">
        <v>49673</v>
      </c>
      <c r="D124" t="s">
        <v>147</v>
      </c>
    </row>
    <row r="125" spans="1:5" x14ac:dyDescent="0.2">
      <c r="A125" t="s">
        <v>158</v>
      </c>
      <c r="B125">
        <v>-97317</v>
      </c>
      <c r="C125">
        <v>13187</v>
      </c>
      <c r="D125" t="s">
        <v>147</v>
      </c>
    </row>
    <row r="126" spans="1:5" x14ac:dyDescent="0.2">
      <c r="A126" t="s">
        <v>159</v>
      </c>
      <c r="B126">
        <v>-184855</v>
      </c>
      <c r="C126">
        <v>30138</v>
      </c>
      <c r="D126" t="s">
        <v>147</v>
      </c>
      <c r="E126" t="s">
        <v>160</v>
      </c>
    </row>
    <row r="127" spans="1:5" x14ac:dyDescent="0.2">
      <c r="A127" t="s">
        <v>161</v>
      </c>
      <c r="B127">
        <v>-115280</v>
      </c>
      <c r="C127">
        <v>9987</v>
      </c>
      <c r="D127" t="s">
        <v>147</v>
      </c>
    </row>
    <row r="128" spans="1:5" x14ac:dyDescent="0.2">
      <c r="A128" t="s">
        <v>162</v>
      </c>
      <c r="B128">
        <v>172329</v>
      </c>
      <c r="C128">
        <v>22048</v>
      </c>
      <c r="D128" t="s">
        <v>163</v>
      </c>
    </row>
    <row r="129" spans="1:5" x14ac:dyDescent="0.2">
      <c r="A129" t="s">
        <v>164</v>
      </c>
      <c r="B129">
        <v>188308</v>
      </c>
      <c r="C129">
        <v>-20776</v>
      </c>
      <c r="D129" t="s">
        <v>163</v>
      </c>
    </row>
    <row r="130" spans="1:5" x14ac:dyDescent="0.2">
      <c r="A130" t="s">
        <v>165</v>
      </c>
      <c r="B130">
        <v>202645</v>
      </c>
      <c r="C130">
        <v>-31015</v>
      </c>
      <c r="D130" t="s">
        <v>163</v>
      </c>
    </row>
    <row r="131" spans="1:5" x14ac:dyDescent="0.2">
      <c r="A131" t="s">
        <v>166</v>
      </c>
      <c r="B131">
        <v>194716</v>
      </c>
      <c r="C131">
        <v>13228</v>
      </c>
      <c r="D131" t="s">
        <v>163</v>
      </c>
      <c r="E131" t="s">
        <v>167</v>
      </c>
    </row>
    <row r="132" spans="1:5" x14ac:dyDescent="0.2">
      <c r="A132" t="s">
        <v>168</v>
      </c>
      <c r="B132">
        <v>189892</v>
      </c>
      <c r="C132">
        <v>-6614</v>
      </c>
      <c r="D132" t="s">
        <v>163</v>
      </c>
    </row>
    <row r="133" spans="1:5" x14ac:dyDescent="0.2">
      <c r="A133" t="s">
        <v>169</v>
      </c>
      <c r="B133">
        <v>184899</v>
      </c>
      <c r="C133">
        <v>28635</v>
      </c>
      <c r="D133" t="s">
        <v>163</v>
      </c>
    </row>
    <row r="134" spans="1:5" x14ac:dyDescent="0.2">
      <c r="A134" t="s">
        <v>170</v>
      </c>
      <c r="B134">
        <v>183384</v>
      </c>
      <c r="C134">
        <v>44908</v>
      </c>
      <c r="D134" t="s">
        <v>163</v>
      </c>
    </row>
    <row r="135" spans="1:5" x14ac:dyDescent="0.2">
      <c r="A135" t="s">
        <v>171</v>
      </c>
      <c r="B135">
        <v>196608</v>
      </c>
      <c r="C135">
        <v>30338</v>
      </c>
      <c r="D135" t="s">
        <v>163</v>
      </c>
    </row>
    <row r="136" spans="1:5" x14ac:dyDescent="0.2">
      <c r="A136" t="s">
        <v>172</v>
      </c>
      <c r="B136">
        <v>178054</v>
      </c>
      <c r="C136">
        <v>47935</v>
      </c>
      <c r="D136" t="s">
        <v>163</v>
      </c>
    </row>
    <row r="137" spans="1:5" x14ac:dyDescent="0.2">
      <c r="A137" t="s">
        <v>173</v>
      </c>
      <c r="B137">
        <v>203974</v>
      </c>
      <c r="C137">
        <v>21715</v>
      </c>
      <c r="D137" t="s">
        <v>163</v>
      </c>
    </row>
    <row r="138" spans="1:5" x14ac:dyDescent="0.2">
      <c r="A138" t="s">
        <v>174</v>
      </c>
      <c r="B138">
        <v>177243</v>
      </c>
      <c r="C138">
        <v>3202</v>
      </c>
      <c r="D138" t="s">
        <v>163</v>
      </c>
      <c r="E138" t="s">
        <v>175</v>
      </c>
    </row>
    <row r="139" spans="1:5" x14ac:dyDescent="0.2">
      <c r="A139" t="s">
        <v>176</v>
      </c>
      <c r="B139">
        <v>168046</v>
      </c>
      <c r="C139">
        <v>-6686</v>
      </c>
      <c r="D139" t="s">
        <v>163</v>
      </c>
    </row>
    <row r="140" spans="1:5" x14ac:dyDescent="0.2">
      <c r="A140" t="s">
        <v>177</v>
      </c>
      <c r="B140">
        <v>186033</v>
      </c>
      <c r="C140">
        <v>-45488</v>
      </c>
      <c r="D140" t="s">
        <v>163</v>
      </c>
    </row>
    <row r="141" spans="1:5" x14ac:dyDescent="0.2">
      <c r="A141" t="s">
        <v>178</v>
      </c>
      <c r="B141">
        <v>213767</v>
      </c>
      <c r="C141">
        <v>-2319</v>
      </c>
      <c r="D141" t="s">
        <v>163</v>
      </c>
    </row>
    <row r="142" spans="1:5" x14ac:dyDescent="0.2">
      <c r="A142" t="s">
        <v>179</v>
      </c>
      <c r="B142">
        <v>159479</v>
      </c>
      <c r="C142">
        <v>816</v>
      </c>
      <c r="D142" t="s">
        <v>163</v>
      </c>
      <c r="E142" t="s">
        <v>180</v>
      </c>
    </row>
    <row r="143" spans="1:5" x14ac:dyDescent="0.2">
      <c r="A143" t="s">
        <v>181</v>
      </c>
      <c r="B143">
        <v>214338</v>
      </c>
      <c r="C143">
        <v>32023</v>
      </c>
      <c r="D143" t="s">
        <v>163</v>
      </c>
    </row>
    <row r="144" spans="1:5" x14ac:dyDescent="0.2">
      <c r="A144" t="s">
        <v>182</v>
      </c>
      <c r="B144">
        <v>154357</v>
      </c>
      <c r="C144">
        <v>49799</v>
      </c>
      <c r="D144" t="s">
        <v>163</v>
      </c>
    </row>
    <row r="145" spans="1:5" x14ac:dyDescent="0.2">
      <c r="A145" t="s">
        <v>183</v>
      </c>
      <c r="B145">
        <v>160580</v>
      </c>
      <c r="C145">
        <v>-15119</v>
      </c>
      <c r="D145" t="s">
        <v>163</v>
      </c>
      <c r="E145" t="s">
        <v>184</v>
      </c>
    </row>
    <row r="146" spans="1:5" x14ac:dyDescent="0.2">
      <c r="A146" t="s">
        <v>185</v>
      </c>
      <c r="B146">
        <v>197076</v>
      </c>
      <c r="C146">
        <v>33882</v>
      </c>
      <c r="D146" t="s">
        <v>163</v>
      </c>
    </row>
    <row r="147" spans="1:5" x14ac:dyDescent="0.2">
      <c r="A147" t="s">
        <v>186</v>
      </c>
      <c r="B147">
        <v>145665</v>
      </c>
      <c r="C147">
        <v>30435</v>
      </c>
      <c r="D147" t="s">
        <v>163</v>
      </c>
    </row>
    <row r="148" spans="1:5" x14ac:dyDescent="0.2">
      <c r="A148" t="s">
        <v>187</v>
      </c>
      <c r="B148">
        <v>214629</v>
      </c>
      <c r="C148">
        <v>13573</v>
      </c>
      <c r="D148" t="s">
        <v>163</v>
      </c>
    </row>
    <row r="149" spans="1:5" x14ac:dyDescent="0.2">
      <c r="A149" t="s">
        <v>188</v>
      </c>
      <c r="B149">
        <v>97168</v>
      </c>
      <c r="C149">
        <v>69379</v>
      </c>
      <c r="D149" t="s">
        <v>189</v>
      </c>
    </row>
    <row r="150" spans="1:5" x14ac:dyDescent="0.2">
      <c r="A150" t="s">
        <v>190</v>
      </c>
      <c r="B150">
        <v>99460</v>
      </c>
      <c r="C150">
        <v>52232</v>
      </c>
      <c r="D150" t="s">
        <v>189</v>
      </c>
      <c r="E150" t="s">
        <v>191</v>
      </c>
    </row>
    <row r="151" spans="1:5" x14ac:dyDescent="0.2">
      <c r="A151" t="s">
        <v>192</v>
      </c>
      <c r="B151">
        <v>102643</v>
      </c>
      <c r="C151">
        <v>35474</v>
      </c>
      <c r="D151" t="s">
        <v>189</v>
      </c>
    </row>
    <row r="152" spans="1:5" x14ac:dyDescent="0.2">
      <c r="A152" t="s">
        <v>193</v>
      </c>
      <c r="B152">
        <v>65953</v>
      </c>
      <c r="C152">
        <v>38448</v>
      </c>
      <c r="D152" t="s">
        <v>189</v>
      </c>
      <c r="E152" t="s">
        <v>194</v>
      </c>
    </row>
    <row r="153" spans="1:5" x14ac:dyDescent="0.2">
      <c r="A153" t="s">
        <v>195</v>
      </c>
      <c r="B153">
        <v>55656</v>
      </c>
      <c r="C153">
        <v>42033</v>
      </c>
      <c r="D153" t="s">
        <v>189</v>
      </c>
    </row>
    <row r="154" spans="1:5" x14ac:dyDescent="0.2">
      <c r="A154" t="s">
        <v>196</v>
      </c>
      <c r="B154">
        <v>47330</v>
      </c>
      <c r="C154">
        <v>25501</v>
      </c>
      <c r="D154" t="s">
        <v>189</v>
      </c>
      <c r="E154" t="s">
        <v>197</v>
      </c>
    </row>
    <row r="155" spans="1:5" x14ac:dyDescent="0.2">
      <c r="A155" t="s">
        <v>189</v>
      </c>
      <c r="B155">
        <v>93224</v>
      </c>
      <c r="C155">
        <v>18223</v>
      </c>
      <c r="D155" t="s">
        <v>189</v>
      </c>
    </row>
    <row r="156" spans="1:5" x14ac:dyDescent="0.2">
      <c r="A156" t="s">
        <v>198</v>
      </c>
      <c r="B156">
        <v>108828</v>
      </c>
      <c r="C156">
        <v>7599</v>
      </c>
      <c r="D156" t="s">
        <v>189</v>
      </c>
    </row>
    <row r="157" spans="1:5" x14ac:dyDescent="0.2">
      <c r="A157" t="s">
        <v>199</v>
      </c>
      <c r="B157">
        <v>47368</v>
      </c>
      <c r="C157">
        <v>34612</v>
      </c>
      <c r="D157" t="s">
        <v>189</v>
      </c>
    </row>
    <row r="158" spans="1:5" x14ac:dyDescent="0.2">
      <c r="A158" t="s">
        <v>200</v>
      </c>
      <c r="B158">
        <v>78421</v>
      </c>
      <c r="C158">
        <v>65140</v>
      </c>
      <c r="D158" t="s">
        <v>189</v>
      </c>
      <c r="E158" t="s">
        <v>201</v>
      </c>
    </row>
    <row r="159" spans="1:5" x14ac:dyDescent="0.2">
      <c r="A159" t="s">
        <v>202</v>
      </c>
      <c r="B159">
        <v>88309</v>
      </c>
      <c r="C159">
        <v>45946</v>
      </c>
      <c r="D159" t="s">
        <v>189</v>
      </c>
    </row>
    <row r="160" spans="1:5" x14ac:dyDescent="0.2">
      <c r="A160" t="s">
        <v>203</v>
      </c>
      <c r="B160">
        <v>116815</v>
      </c>
      <c r="C160">
        <v>5118</v>
      </c>
      <c r="D160" t="s">
        <v>204</v>
      </c>
    </row>
    <row r="161" spans="1:5" x14ac:dyDescent="0.2">
      <c r="A161" t="s">
        <v>205</v>
      </c>
      <c r="B161">
        <v>91740</v>
      </c>
      <c r="C161">
        <v>-14981</v>
      </c>
      <c r="D161" t="s">
        <v>204</v>
      </c>
    </row>
    <row r="162" spans="1:5" x14ac:dyDescent="0.2">
      <c r="A162" t="s">
        <v>206</v>
      </c>
      <c r="B162">
        <v>111888</v>
      </c>
      <c r="C162">
        <v>-18808</v>
      </c>
      <c r="D162" t="s">
        <v>204</v>
      </c>
    </row>
    <row r="163" spans="1:5" x14ac:dyDescent="0.2">
      <c r="A163" t="s">
        <v>207</v>
      </c>
      <c r="B163">
        <v>82394</v>
      </c>
      <c r="C163">
        <v>8800</v>
      </c>
      <c r="D163" t="s">
        <v>204</v>
      </c>
    </row>
    <row r="164" spans="1:5" x14ac:dyDescent="0.2">
      <c r="A164" t="s">
        <v>208</v>
      </c>
      <c r="B164">
        <v>69940</v>
      </c>
      <c r="C164">
        <v>23149</v>
      </c>
      <c r="D164" t="s">
        <v>204</v>
      </c>
      <c r="E164" t="s">
        <v>209</v>
      </c>
    </row>
    <row r="165" spans="1:5" x14ac:dyDescent="0.2">
      <c r="A165" t="s">
        <v>210</v>
      </c>
      <c r="B165">
        <v>65040</v>
      </c>
      <c r="C165">
        <v>7301</v>
      </c>
      <c r="D165" t="s">
        <v>204</v>
      </c>
    </row>
    <row r="166" spans="1:5" x14ac:dyDescent="0.2">
      <c r="A166" t="s">
        <v>211</v>
      </c>
      <c r="B166">
        <v>50886</v>
      </c>
      <c r="C166">
        <v>14676</v>
      </c>
      <c r="D166" t="s">
        <v>204</v>
      </c>
    </row>
    <row r="167" spans="1:5" x14ac:dyDescent="0.2">
      <c r="A167" t="s">
        <v>212</v>
      </c>
      <c r="B167">
        <v>88113</v>
      </c>
      <c r="C167">
        <v>2778</v>
      </c>
      <c r="D167" t="s">
        <v>204</v>
      </c>
    </row>
    <row r="168" spans="1:5" x14ac:dyDescent="0.2">
      <c r="A168" t="s">
        <v>213</v>
      </c>
      <c r="B168">
        <v>145909</v>
      </c>
      <c r="C168">
        <v>-15575</v>
      </c>
      <c r="D168" t="s">
        <v>204</v>
      </c>
      <c r="E168" t="s">
        <v>214</v>
      </c>
    </row>
    <row r="169" spans="1:5" x14ac:dyDescent="0.2">
      <c r="A169" t="s">
        <v>215</v>
      </c>
      <c r="B169">
        <v>127150</v>
      </c>
      <c r="C169">
        <v>-23268</v>
      </c>
      <c r="D169" t="s">
        <v>204</v>
      </c>
    </row>
    <row r="170" spans="1:5" x14ac:dyDescent="0.2">
      <c r="A170" t="s">
        <v>216</v>
      </c>
      <c r="B170">
        <v>133482</v>
      </c>
      <c r="C170">
        <v>-26748</v>
      </c>
      <c r="D170" t="s">
        <v>204</v>
      </c>
    </row>
    <row r="171" spans="1:5" x14ac:dyDescent="0.2">
      <c r="A171" t="s">
        <v>217</v>
      </c>
      <c r="B171">
        <v>119515</v>
      </c>
      <c r="C171">
        <v>-6761</v>
      </c>
      <c r="D171" t="s">
        <v>204</v>
      </c>
      <c r="E171" t="s">
        <v>218</v>
      </c>
    </row>
    <row r="172" spans="1:5" x14ac:dyDescent="0.2">
      <c r="A172" t="s">
        <v>219</v>
      </c>
      <c r="B172">
        <v>94444</v>
      </c>
      <c r="C172">
        <v>-66288</v>
      </c>
      <c r="D172" t="s">
        <v>204</v>
      </c>
    </row>
    <row r="173" spans="1:5" x14ac:dyDescent="0.2">
      <c r="A173" t="s">
        <v>220</v>
      </c>
      <c r="B173">
        <v>94171</v>
      </c>
      <c r="C173">
        <v>-45934</v>
      </c>
      <c r="D173" t="s">
        <v>204</v>
      </c>
    </row>
    <row r="174" spans="1:5" x14ac:dyDescent="0.2">
      <c r="A174" t="s">
        <v>221</v>
      </c>
      <c r="B174">
        <v>119895</v>
      </c>
      <c r="C174">
        <v>-47214</v>
      </c>
      <c r="D174" t="s">
        <v>204</v>
      </c>
    </row>
    <row r="175" spans="1:5" x14ac:dyDescent="0.2">
      <c r="A175" t="s">
        <v>222</v>
      </c>
      <c r="B175">
        <v>89558</v>
      </c>
      <c r="C175">
        <v>-37859</v>
      </c>
      <c r="D175" t="s">
        <v>204</v>
      </c>
    </row>
    <row r="176" spans="1:5" x14ac:dyDescent="0.2">
      <c r="A176" t="s">
        <v>223</v>
      </c>
      <c r="B176">
        <v>86335</v>
      </c>
      <c r="C176">
        <v>-28294</v>
      </c>
      <c r="D176" t="s">
        <v>204</v>
      </c>
      <c r="E176" t="s">
        <v>224</v>
      </c>
    </row>
    <row r="177" spans="1:5" x14ac:dyDescent="0.2">
      <c r="A177" t="s">
        <v>225</v>
      </c>
      <c r="B177">
        <v>91356</v>
      </c>
      <c r="C177">
        <v>-52103</v>
      </c>
      <c r="D177" t="s">
        <v>204</v>
      </c>
    </row>
    <row r="178" spans="1:5" x14ac:dyDescent="0.2">
      <c r="A178" t="s">
        <v>226</v>
      </c>
      <c r="B178">
        <v>128265</v>
      </c>
      <c r="C178">
        <v>21265</v>
      </c>
      <c r="D178" t="s">
        <v>204</v>
      </c>
    </row>
    <row r="179" spans="1:5" x14ac:dyDescent="0.2">
      <c r="A179" t="s">
        <v>227</v>
      </c>
      <c r="B179">
        <v>103721</v>
      </c>
      <c r="C179">
        <v>-27773</v>
      </c>
      <c r="D179" t="s">
        <v>204</v>
      </c>
    </row>
    <row r="180" spans="1:5" x14ac:dyDescent="0.2">
      <c r="A180" t="s">
        <v>228</v>
      </c>
      <c r="B180">
        <v>132353</v>
      </c>
      <c r="C180">
        <v>-39395</v>
      </c>
      <c r="D180" t="s">
        <v>204</v>
      </c>
    </row>
    <row r="181" spans="1:5" x14ac:dyDescent="0.2">
      <c r="A181" t="s">
        <v>229</v>
      </c>
      <c r="B181">
        <v>77878</v>
      </c>
      <c r="C181">
        <v>-15478</v>
      </c>
      <c r="D181" t="s">
        <v>204</v>
      </c>
    </row>
    <row r="182" spans="1:5" x14ac:dyDescent="0.2">
      <c r="A182" t="s">
        <v>230</v>
      </c>
      <c r="B182">
        <v>-77216</v>
      </c>
      <c r="C182">
        <v>30979</v>
      </c>
      <c r="D182" t="s">
        <v>231</v>
      </c>
    </row>
    <row r="183" spans="1:5" x14ac:dyDescent="0.2">
      <c r="A183" t="s">
        <v>232</v>
      </c>
      <c r="B183">
        <v>-79980</v>
      </c>
      <c r="C183">
        <v>23371</v>
      </c>
      <c r="D183" t="s">
        <v>231</v>
      </c>
    </row>
    <row r="184" spans="1:5" x14ac:dyDescent="0.2">
      <c r="A184" t="s">
        <v>233</v>
      </c>
      <c r="B184">
        <v>-23553</v>
      </c>
      <c r="C184">
        <v>32128</v>
      </c>
      <c r="D184" t="s">
        <v>231</v>
      </c>
    </row>
    <row r="185" spans="1:5" x14ac:dyDescent="0.2">
      <c r="A185" t="s">
        <v>234</v>
      </c>
      <c r="B185">
        <v>-22653</v>
      </c>
      <c r="C185">
        <v>39027</v>
      </c>
      <c r="D185" t="s">
        <v>231</v>
      </c>
      <c r="E185" t="s">
        <v>235</v>
      </c>
    </row>
    <row r="186" spans="1:5" x14ac:dyDescent="0.2">
      <c r="A186" t="s">
        <v>236</v>
      </c>
      <c r="B186">
        <v>-75957</v>
      </c>
      <c r="C186">
        <v>6820</v>
      </c>
      <c r="D186" t="s">
        <v>231</v>
      </c>
    </row>
    <row r="187" spans="1:5" x14ac:dyDescent="0.2">
      <c r="A187" t="s">
        <v>237</v>
      </c>
      <c r="B187">
        <v>-69253</v>
      </c>
      <c r="C187">
        <v>33941</v>
      </c>
      <c r="D187" t="s">
        <v>231</v>
      </c>
      <c r="E187" t="s">
        <v>238</v>
      </c>
    </row>
    <row r="188" spans="1:5" x14ac:dyDescent="0.2">
      <c r="A188" t="s">
        <v>239</v>
      </c>
      <c r="B188">
        <v>-41388</v>
      </c>
      <c r="C188">
        <v>34046</v>
      </c>
      <c r="D188" t="s">
        <v>231</v>
      </c>
    </row>
    <row r="189" spans="1:5" x14ac:dyDescent="0.2">
      <c r="A189" t="s">
        <v>240</v>
      </c>
      <c r="B189">
        <v>-37486</v>
      </c>
      <c r="C189">
        <v>35449</v>
      </c>
      <c r="D189" t="s">
        <v>231</v>
      </c>
    </row>
    <row r="190" spans="1:5" x14ac:dyDescent="0.2">
      <c r="A190" t="s">
        <v>241</v>
      </c>
      <c r="B190">
        <v>-55007</v>
      </c>
      <c r="C190">
        <v>5547</v>
      </c>
      <c r="D190" t="s">
        <v>231</v>
      </c>
    </row>
    <row r="191" spans="1:5" x14ac:dyDescent="0.2">
      <c r="A191" t="s">
        <v>242</v>
      </c>
      <c r="B191">
        <v>-30162</v>
      </c>
      <c r="C191">
        <v>33328</v>
      </c>
      <c r="D191" t="s">
        <v>231</v>
      </c>
    </row>
    <row r="192" spans="1:5" x14ac:dyDescent="0.2">
      <c r="A192" t="s">
        <v>243</v>
      </c>
      <c r="B192">
        <v>-53567</v>
      </c>
      <c r="C192">
        <v>23068</v>
      </c>
      <c r="D192" t="s">
        <v>231</v>
      </c>
      <c r="E192" t="s">
        <v>244</v>
      </c>
    </row>
    <row r="193" spans="1:5" x14ac:dyDescent="0.2">
      <c r="A193" t="s">
        <v>245</v>
      </c>
      <c r="B193">
        <v>-47900</v>
      </c>
      <c r="C193">
        <v>14465</v>
      </c>
      <c r="D193" t="s">
        <v>231</v>
      </c>
      <c r="E193" t="s">
        <v>246</v>
      </c>
    </row>
    <row r="194" spans="1:5" x14ac:dyDescent="0.2">
      <c r="A194" t="s">
        <v>247</v>
      </c>
      <c r="B194">
        <v>18570</v>
      </c>
      <c r="C194">
        <v>70778</v>
      </c>
      <c r="D194" t="s">
        <v>248</v>
      </c>
    </row>
    <row r="195" spans="1:5" x14ac:dyDescent="0.2">
      <c r="A195" t="s">
        <v>249</v>
      </c>
      <c r="B195">
        <v>58098</v>
      </c>
      <c r="C195">
        <v>61893</v>
      </c>
      <c r="D195" t="s">
        <v>248</v>
      </c>
    </row>
    <row r="196" spans="1:5" x14ac:dyDescent="0.2">
      <c r="A196" t="s">
        <v>250</v>
      </c>
      <c r="B196">
        <v>48543</v>
      </c>
      <c r="C196">
        <v>53733</v>
      </c>
      <c r="D196" t="s">
        <v>248</v>
      </c>
      <c r="E196" t="s">
        <v>251</v>
      </c>
    </row>
    <row r="197" spans="1:5" x14ac:dyDescent="0.2">
      <c r="A197" t="s">
        <v>252</v>
      </c>
      <c r="B197">
        <v>6873</v>
      </c>
      <c r="C197">
        <v>54573</v>
      </c>
      <c r="D197" t="s">
        <v>248</v>
      </c>
    </row>
    <row r="198" spans="1:5" x14ac:dyDescent="0.2">
      <c r="A198" t="s">
        <v>253</v>
      </c>
      <c r="B198">
        <v>57098</v>
      </c>
      <c r="C198">
        <v>75077</v>
      </c>
      <c r="D198" t="s">
        <v>248</v>
      </c>
      <c r="E198" t="s">
        <v>254</v>
      </c>
    </row>
    <row r="199" spans="1:5" x14ac:dyDescent="0.2">
      <c r="A199" t="s">
        <v>255</v>
      </c>
      <c r="B199">
        <v>35217</v>
      </c>
      <c r="C199">
        <v>71283</v>
      </c>
      <c r="D199" t="s">
        <v>248</v>
      </c>
    </row>
    <row r="200" spans="1:5" x14ac:dyDescent="0.2">
      <c r="A200" t="s">
        <v>256</v>
      </c>
      <c r="B200">
        <v>73037</v>
      </c>
      <c r="C200">
        <v>-26990</v>
      </c>
      <c r="D200" t="s">
        <v>257</v>
      </c>
    </row>
    <row r="201" spans="1:5" x14ac:dyDescent="0.2">
      <c r="A201" t="s">
        <v>258</v>
      </c>
      <c r="B201">
        <v>43179</v>
      </c>
      <c r="C201">
        <v>-21829</v>
      </c>
      <c r="D201" t="s">
        <v>257</v>
      </c>
    </row>
    <row r="202" spans="1:5" x14ac:dyDescent="0.2">
      <c r="A202" t="s">
        <v>259</v>
      </c>
      <c r="B202">
        <v>33083</v>
      </c>
      <c r="C202">
        <v>23695</v>
      </c>
      <c r="D202" t="s">
        <v>257</v>
      </c>
    </row>
    <row r="203" spans="1:5" x14ac:dyDescent="0.2">
      <c r="A203" t="s">
        <v>260</v>
      </c>
      <c r="B203">
        <v>-17134</v>
      </c>
      <c r="C203">
        <v>3606</v>
      </c>
      <c r="D203" t="s">
        <v>257</v>
      </c>
      <c r="E203" t="s">
        <v>261</v>
      </c>
    </row>
    <row r="204" spans="1:5" x14ac:dyDescent="0.2">
      <c r="A204" t="s">
        <v>262</v>
      </c>
      <c r="B204">
        <v>273</v>
      </c>
      <c r="C204">
        <v>20465</v>
      </c>
      <c r="D204" t="s">
        <v>257</v>
      </c>
    </row>
    <row r="205" spans="1:5" x14ac:dyDescent="0.2">
      <c r="A205" t="s">
        <v>263</v>
      </c>
      <c r="B205">
        <v>-8474</v>
      </c>
      <c r="C205">
        <v>8318</v>
      </c>
      <c r="D205" t="s">
        <v>257</v>
      </c>
    </row>
    <row r="206" spans="1:5" x14ac:dyDescent="0.2">
      <c r="A206" t="s">
        <v>264</v>
      </c>
      <c r="B206">
        <v>-6325</v>
      </c>
      <c r="C206">
        <v>2193</v>
      </c>
      <c r="D206" t="s">
        <v>257</v>
      </c>
      <c r="E206" t="s">
        <v>265</v>
      </c>
    </row>
    <row r="207" spans="1:5" x14ac:dyDescent="0.2">
      <c r="A207" t="s">
        <v>266</v>
      </c>
      <c r="B207">
        <v>56910</v>
      </c>
      <c r="C207">
        <v>-29598</v>
      </c>
      <c r="D207" t="s">
        <v>257</v>
      </c>
    </row>
    <row r="208" spans="1:5" x14ac:dyDescent="0.2">
      <c r="A208" t="s">
        <v>267</v>
      </c>
      <c r="B208">
        <v>20377</v>
      </c>
      <c r="C208">
        <v>-28650</v>
      </c>
      <c r="D208" t="s">
        <v>257</v>
      </c>
    </row>
    <row r="209" spans="1:5" x14ac:dyDescent="0.2">
      <c r="A209" t="s">
        <v>268</v>
      </c>
      <c r="B209">
        <v>-7247</v>
      </c>
      <c r="C209">
        <v>-3298</v>
      </c>
      <c r="D209" t="s">
        <v>257</v>
      </c>
      <c r="E209" t="s">
        <v>269</v>
      </c>
    </row>
    <row r="210" spans="1:5" x14ac:dyDescent="0.2">
      <c r="A210" t="s">
        <v>270</v>
      </c>
      <c r="B210">
        <v>3819</v>
      </c>
      <c r="C210">
        <v>-9313</v>
      </c>
      <c r="D210" t="s">
        <v>257</v>
      </c>
    </row>
    <row r="211" spans="1:5" x14ac:dyDescent="0.2">
      <c r="A211" t="s">
        <v>271</v>
      </c>
      <c r="B211">
        <v>7100</v>
      </c>
      <c r="C211">
        <v>21564</v>
      </c>
      <c r="D211" t="s">
        <v>257</v>
      </c>
    </row>
    <row r="212" spans="1:5" x14ac:dyDescent="0.2">
      <c r="A212" t="s">
        <v>272</v>
      </c>
      <c r="B212">
        <v>1659</v>
      </c>
      <c r="C212">
        <v>-17775</v>
      </c>
      <c r="D212" t="s">
        <v>257</v>
      </c>
    </row>
    <row r="213" spans="1:5" x14ac:dyDescent="0.2">
      <c r="A213" t="s">
        <v>273</v>
      </c>
      <c r="B213">
        <v>-10264</v>
      </c>
      <c r="C213">
        <v>-4852</v>
      </c>
      <c r="D213" t="s">
        <v>257</v>
      </c>
      <c r="E213" t="s">
        <v>274</v>
      </c>
    </row>
    <row r="214" spans="1:5" x14ac:dyDescent="0.2">
      <c r="A214" t="s">
        <v>275</v>
      </c>
      <c r="B214">
        <v>10929</v>
      </c>
      <c r="C214">
        <v>19752</v>
      </c>
      <c r="D214" t="s">
        <v>257</v>
      </c>
    </row>
    <row r="215" spans="1:5" x14ac:dyDescent="0.2">
      <c r="A215" t="s">
        <v>276</v>
      </c>
      <c r="B215">
        <v>6792</v>
      </c>
      <c r="C215">
        <v>28485</v>
      </c>
      <c r="D215" t="s">
        <v>257</v>
      </c>
    </row>
    <row r="216" spans="1:5" x14ac:dyDescent="0.2">
      <c r="A216" t="s">
        <v>277</v>
      </c>
      <c r="B216">
        <v>23243</v>
      </c>
      <c r="C216">
        <v>18063</v>
      </c>
      <c r="D216" t="s">
        <v>257</v>
      </c>
    </row>
    <row r="217" spans="1:5" x14ac:dyDescent="0.2">
      <c r="A217" t="s">
        <v>278</v>
      </c>
      <c r="B217">
        <v>13050</v>
      </c>
      <c r="C217">
        <v>-5941</v>
      </c>
      <c r="D217" t="s">
        <v>257</v>
      </c>
    </row>
    <row r="218" spans="1:5" x14ac:dyDescent="0.2">
      <c r="A218" t="s">
        <v>279</v>
      </c>
      <c r="B218">
        <v>26396</v>
      </c>
      <c r="C218">
        <v>-1351</v>
      </c>
      <c r="D218" t="s">
        <v>257</v>
      </c>
    </row>
    <row r="219" spans="1:5" x14ac:dyDescent="0.2">
      <c r="A219" t="s">
        <v>280</v>
      </c>
      <c r="B219">
        <v>-4979</v>
      </c>
      <c r="C219">
        <v>-8570</v>
      </c>
      <c r="D219" t="s">
        <v>257</v>
      </c>
    </row>
    <row r="220" spans="1:5" x14ac:dyDescent="0.2">
      <c r="A220" t="s">
        <v>281</v>
      </c>
      <c r="B220">
        <v>26566</v>
      </c>
      <c r="C220">
        <v>10896</v>
      </c>
      <c r="D220" t="s">
        <v>257</v>
      </c>
    </row>
    <row r="221" spans="1:5" x14ac:dyDescent="0.2">
      <c r="A221" t="s">
        <v>282</v>
      </c>
      <c r="B221">
        <v>17813</v>
      </c>
      <c r="C221">
        <v>14036</v>
      </c>
      <c r="D221" t="s">
        <v>257</v>
      </c>
    </row>
    <row r="222" spans="1:5" x14ac:dyDescent="0.2">
      <c r="A222" t="s">
        <v>283</v>
      </c>
      <c r="B222">
        <v>16354</v>
      </c>
      <c r="C222">
        <v>11990</v>
      </c>
      <c r="D222" t="s">
        <v>257</v>
      </c>
    </row>
    <row r="223" spans="1:5" x14ac:dyDescent="0.2">
      <c r="A223" t="s">
        <v>284</v>
      </c>
      <c r="B223">
        <v>22999</v>
      </c>
      <c r="C223">
        <v>620</v>
      </c>
      <c r="D223" t="s">
        <v>257</v>
      </c>
    </row>
    <row r="224" spans="1:5" x14ac:dyDescent="0.2">
      <c r="A224" t="s">
        <v>285</v>
      </c>
      <c r="B224">
        <v>30256</v>
      </c>
      <c r="C224">
        <v>-9849</v>
      </c>
      <c r="D224" t="s">
        <v>257</v>
      </c>
    </row>
    <row r="225" spans="1:5" x14ac:dyDescent="0.2">
      <c r="A225" t="s">
        <v>286</v>
      </c>
      <c r="B225">
        <v>52418</v>
      </c>
      <c r="C225">
        <v>-2679</v>
      </c>
      <c r="D225" t="s">
        <v>257</v>
      </c>
    </row>
    <row r="226" spans="1:5" x14ac:dyDescent="0.2">
      <c r="A226" t="s">
        <v>287</v>
      </c>
      <c r="B226">
        <v>55858</v>
      </c>
      <c r="C226">
        <v>-45139</v>
      </c>
      <c r="D226" t="s">
        <v>257</v>
      </c>
      <c r="E226" t="s">
        <v>288</v>
      </c>
    </row>
    <row r="227" spans="1:5" x14ac:dyDescent="0.2">
      <c r="A227" t="s">
        <v>289</v>
      </c>
      <c r="B227">
        <v>-6472</v>
      </c>
      <c r="C227">
        <v>39135</v>
      </c>
      <c r="D227" t="s">
        <v>257</v>
      </c>
    </row>
    <row r="228" spans="1:5" x14ac:dyDescent="0.2">
      <c r="A228" t="s">
        <v>290</v>
      </c>
      <c r="B228">
        <v>14041</v>
      </c>
      <c r="C228">
        <v>-15773</v>
      </c>
      <c r="D228" t="s">
        <v>257</v>
      </c>
    </row>
    <row r="229" spans="1:5" x14ac:dyDescent="0.2">
      <c r="A229" t="s">
        <v>291</v>
      </c>
      <c r="B229">
        <v>17884</v>
      </c>
      <c r="C229">
        <v>27599</v>
      </c>
      <c r="D229" t="s">
        <v>257</v>
      </c>
    </row>
    <row r="230" spans="1:5" x14ac:dyDescent="0.2">
      <c r="A230" t="s">
        <v>292</v>
      </c>
      <c r="B230">
        <v>29221</v>
      </c>
      <c r="C230">
        <v>-34439</v>
      </c>
      <c r="D230" t="s">
        <v>257</v>
      </c>
    </row>
    <row r="231" spans="1:5" x14ac:dyDescent="0.2">
      <c r="A231" t="s">
        <v>293</v>
      </c>
      <c r="B231">
        <v>22403</v>
      </c>
      <c r="C231">
        <v>5442</v>
      </c>
      <c r="D231" t="s">
        <v>257</v>
      </c>
    </row>
    <row r="232" spans="1:5" x14ac:dyDescent="0.2">
      <c r="A232" t="s">
        <v>294</v>
      </c>
      <c r="B232">
        <v>37682</v>
      </c>
      <c r="C232">
        <v>-17135</v>
      </c>
      <c r="D232" t="s">
        <v>257</v>
      </c>
    </row>
    <row r="233" spans="1:5" x14ac:dyDescent="0.2">
      <c r="A233" t="s">
        <v>295</v>
      </c>
      <c r="B233">
        <v>-16244</v>
      </c>
      <c r="C233">
        <v>21676</v>
      </c>
      <c r="D233" t="s">
        <v>257</v>
      </c>
    </row>
    <row r="234" spans="1:5" x14ac:dyDescent="0.2">
      <c r="A234" t="s">
        <v>296</v>
      </c>
      <c r="B234">
        <v>-10208</v>
      </c>
      <c r="C234">
        <v>20048</v>
      </c>
      <c r="D234" t="s">
        <v>257</v>
      </c>
    </row>
    <row r="235" spans="1:5" x14ac:dyDescent="0.2">
      <c r="A235" t="s">
        <v>297</v>
      </c>
      <c r="B235">
        <v>-1027</v>
      </c>
      <c r="C235">
        <v>22711</v>
      </c>
      <c r="D235" t="s">
        <v>257</v>
      </c>
    </row>
    <row r="236" spans="1:5" x14ac:dyDescent="0.2">
      <c r="A236" t="s">
        <v>298</v>
      </c>
      <c r="B236">
        <v>-7698</v>
      </c>
      <c r="C236">
        <v>-31259</v>
      </c>
      <c r="D236" t="s">
        <v>257</v>
      </c>
    </row>
    <row r="237" spans="1:5" x14ac:dyDescent="0.2">
      <c r="A237" t="s">
        <v>299</v>
      </c>
      <c r="B237">
        <v>37011</v>
      </c>
      <c r="C237">
        <v>1360</v>
      </c>
      <c r="D237" t="s">
        <v>257</v>
      </c>
    </row>
    <row r="238" spans="1:5" x14ac:dyDescent="0.2">
      <c r="A238" t="s">
        <v>300</v>
      </c>
      <c r="B238">
        <v>-10067</v>
      </c>
      <c r="C238">
        <v>-14928</v>
      </c>
      <c r="D238" t="s">
        <v>257</v>
      </c>
    </row>
    <row r="239" spans="1:5" x14ac:dyDescent="0.2">
      <c r="A239" t="s">
        <v>301</v>
      </c>
      <c r="B239">
        <v>1272</v>
      </c>
      <c r="C239">
        <v>27145</v>
      </c>
      <c r="D239" t="s">
        <v>257</v>
      </c>
      <c r="E239" t="s">
        <v>302</v>
      </c>
    </row>
    <row r="240" spans="1:5" x14ac:dyDescent="0.2">
      <c r="A240" t="s">
        <v>303</v>
      </c>
      <c r="B240">
        <v>-2757</v>
      </c>
      <c r="C240">
        <v>-13117</v>
      </c>
      <c r="D240" t="s">
        <v>257</v>
      </c>
    </row>
    <row r="241" spans="1:5" x14ac:dyDescent="0.2">
      <c r="A241" t="s">
        <v>304</v>
      </c>
      <c r="B241">
        <v>-392</v>
      </c>
      <c r="C241">
        <v>-11077</v>
      </c>
      <c r="D241" t="s">
        <v>257</v>
      </c>
    </row>
    <row r="242" spans="1:5" x14ac:dyDescent="0.2">
      <c r="A242" t="s">
        <v>305</v>
      </c>
      <c r="B242">
        <v>-13383</v>
      </c>
      <c r="C242">
        <v>42245</v>
      </c>
      <c r="D242" t="s">
        <v>257</v>
      </c>
    </row>
    <row r="243" spans="1:5" x14ac:dyDescent="0.2">
      <c r="A243" t="s">
        <v>306</v>
      </c>
      <c r="B243">
        <v>63009</v>
      </c>
      <c r="C243">
        <v>-11388</v>
      </c>
      <c r="D243" t="s">
        <v>257</v>
      </c>
    </row>
    <row r="244" spans="1:5" x14ac:dyDescent="0.2">
      <c r="A244" t="s">
        <v>307</v>
      </c>
      <c r="B244">
        <v>-5876</v>
      </c>
      <c r="C244">
        <v>-13375</v>
      </c>
      <c r="D244" t="s">
        <v>257</v>
      </c>
    </row>
    <row r="245" spans="1:5" x14ac:dyDescent="0.2">
      <c r="A245" t="s">
        <v>308</v>
      </c>
      <c r="B245">
        <v>-9855</v>
      </c>
      <c r="C245">
        <v>-585</v>
      </c>
      <c r="D245" t="s">
        <v>257</v>
      </c>
    </row>
    <row r="246" spans="1:5" x14ac:dyDescent="0.2">
      <c r="A246" t="s">
        <v>309</v>
      </c>
      <c r="B246">
        <v>41693</v>
      </c>
      <c r="C246">
        <v>18778</v>
      </c>
      <c r="D246" t="s">
        <v>257</v>
      </c>
    </row>
    <row r="247" spans="1:5" x14ac:dyDescent="0.2">
      <c r="A247" t="s">
        <v>310</v>
      </c>
      <c r="B247">
        <v>26210</v>
      </c>
      <c r="C247">
        <v>-24304</v>
      </c>
      <c r="D247" t="s">
        <v>257</v>
      </c>
    </row>
    <row r="248" spans="1:5" x14ac:dyDescent="0.2">
      <c r="A248" t="s">
        <v>311</v>
      </c>
      <c r="B248">
        <v>22648</v>
      </c>
      <c r="C248">
        <v>-5894</v>
      </c>
      <c r="D248" t="s">
        <v>257</v>
      </c>
    </row>
    <row r="249" spans="1:5" x14ac:dyDescent="0.2">
      <c r="A249" t="s">
        <v>312</v>
      </c>
      <c r="B249">
        <v>6606</v>
      </c>
      <c r="C249">
        <v>38374</v>
      </c>
      <c r="D249" t="s">
        <v>257</v>
      </c>
    </row>
    <row r="250" spans="1:5" x14ac:dyDescent="0.2">
      <c r="A250" t="s">
        <v>313</v>
      </c>
      <c r="B250">
        <v>16297</v>
      </c>
      <c r="C250">
        <v>-3577</v>
      </c>
      <c r="D250" t="s">
        <v>257</v>
      </c>
    </row>
    <row r="251" spans="1:5" x14ac:dyDescent="0.2">
      <c r="A251" t="s">
        <v>314</v>
      </c>
      <c r="B251">
        <v>17784</v>
      </c>
      <c r="C251">
        <v>23703</v>
      </c>
      <c r="D251" t="s">
        <v>257</v>
      </c>
    </row>
    <row r="252" spans="1:5" x14ac:dyDescent="0.2">
      <c r="A252" t="s">
        <v>315</v>
      </c>
      <c r="B252">
        <v>-5699</v>
      </c>
      <c r="C252">
        <v>38522</v>
      </c>
      <c r="D252" t="s">
        <v>257</v>
      </c>
      <c r="E252" t="s">
        <v>316</v>
      </c>
    </row>
    <row r="253" spans="1:5" x14ac:dyDescent="0.2">
      <c r="A253" t="s">
        <v>317</v>
      </c>
      <c r="B253">
        <v>-24474</v>
      </c>
      <c r="C253">
        <v>12074</v>
      </c>
      <c r="D253" t="s">
        <v>257</v>
      </c>
    </row>
    <row r="254" spans="1:5" x14ac:dyDescent="0.2">
      <c r="A254" t="s">
        <v>318</v>
      </c>
      <c r="B254">
        <v>-105678</v>
      </c>
      <c r="C254">
        <v>-73133</v>
      </c>
      <c r="D254" t="s">
        <v>319</v>
      </c>
    </row>
    <row r="255" spans="1:5" x14ac:dyDescent="0.2">
      <c r="A255" t="s">
        <v>320</v>
      </c>
      <c r="B255">
        <v>-88737</v>
      </c>
      <c r="C255">
        <v>-64687</v>
      </c>
      <c r="D255" t="s">
        <v>319</v>
      </c>
    </row>
    <row r="256" spans="1:5" x14ac:dyDescent="0.2">
      <c r="A256" t="s">
        <v>321</v>
      </c>
      <c r="B256">
        <v>-102524</v>
      </c>
      <c r="C256">
        <v>-72279</v>
      </c>
      <c r="D256" t="s">
        <v>319</v>
      </c>
      <c r="E256" t="s">
        <v>322</v>
      </c>
    </row>
    <row r="257" spans="1:5" x14ac:dyDescent="0.2">
      <c r="A257" t="s">
        <v>323</v>
      </c>
      <c r="B257">
        <v>-122925</v>
      </c>
      <c r="C257">
        <v>-163439</v>
      </c>
      <c r="D257" t="s">
        <v>319</v>
      </c>
    </row>
    <row r="258" spans="1:5" x14ac:dyDescent="0.2">
      <c r="A258" t="s">
        <v>324</v>
      </c>
      <c r="B258">
        <v>-149993</v>
      </c>
      <c r="C258">
        <v>-129787</v>
      </c>
      <c r="D258" t="s">
        <v>319</v>
      </c>
    </row>
    <row r="259" spans="1:5" x14ac:dyDescent="0.2">
      <c r="A259" t="s">
        <v>325</v>
      </c>
      <c r="B259">
        <v>-114400</v>
      </c>
      <c r="C259">
        <v>-76554</v>
      </c>
      <c r="D259" t="s">
        <v>319</v>
      </c>
    </row>
    <row r="260" spans="1:5" x14ac:dyDescent="0.2">
      <c r="A260" t="s">
        <v>326</v>
      </c>
      <c r="B260">
        <v>-84585</v>
      </c>
      <c r="C260">
        <v>-99599</v>
      </c>
      <c r="D260" t="s">
        <v>319</v>
      </c>
      <c r="E260" t="s">
        <v>327</v>
      </c>
    </row>
    <row r="261" spans="1:5" x14ac:dyDescent="0.2">
      <c r="A261" t="s">
        <v>328</v>
      </c>
      <c r="B261">
        <v>-109688</v>
      </c>
      <c r="C261">
        <v>-132917</v>
      </c>
      <c r="D261" t="s">
        <v>319</v>
      </c>
    </row>
    <row r="262" spans="1:5" x14ac:dyDescent="0.2">
      <c r="A262" t="s">
        <v>329</v>
      </c>
      <c r="B262">
        <v>-96100</v>
      </c>
      <c r="C262">
        <v>-119655</v>
      </c>
      <c r="D262" t="s">
        <v>319</v>
      </c>
      <c r="E262" t="s">
        <v>330</v>
      </c>
    </row>
    <row r="263" spans="1:5" x14ac:dyDescent="0.2">
      <c r="A263" t="s">
        <v>331</v>
      </c>
      <c r="B263">
        <v>-107670</v>
      </c>
      <c r="C263">
        <v>-84920</v>
      </c>
      <c r="D263" t="s">
        <v>319</v>
      </c>
    </row>
    <row r="264" spans="1:5" x14ac:dyDescent="0.2">
      <c r="A264" t="s">
        <v>332</v>
      </c>
      <c r="B264">
        <v>-125155</v>
      </c>
      <c r="C264">
        <v>-93953</v>
      </c>
      <c r="D264" t="s">
        <v>319</v>
      </c>
    </row>
    <row r="265" spans="1:5" x14ac:dyDescent="0.2">
      <c r="A265" t="s">
        <v>333</v>
      </c>
      <c r="B265">
        <v>-129639</v>
      </c>
      <c r="C265">
        <v>-133432</v>
      </c>
      <c r="D265" t="s">
        <v>319</v>
      </c>
    </row>
    <row r="266" spans="1:5" x14ac:dyDescent="0.2">
      <c r="A266" t="s">
        <v>334</v>
      </c>
      <c r="B266">
        <v>-117916</v>
      </c>
      <c r="C266">
        <v>-115092</v>
      </c>
      <c r="D266" t="s">
        <v>319</v>
      </c>
    </row>
    <row r="267" spans="1:5" x14ac:dyDescent="0.2">
      <c r="A267" t="s">
        <v>335</v>
      </c>
      <c r="B267">
        <v>-74624</v>
      </c>
      <c r="C267">
        <v>-58553</v>
      </c>
      <c r="D267" t="s">
        <v>319</v>
      </c>
      <c r="E267" t="s">
        <v>336</v>
      </c>
    </row>
    <row r="268" spans="1:5" x14ac:dyDescent="0.2">
      <c r="A268" t="s">
        <v>337</v>
      </c>
      <c r="B268">
        <v>-77186</v>
      </c>
      <c r="C268">
        <v>-78265</v>
      </c>
      <c r="D268" t="s">
        <v>319</v>
      </c>
    </row>
    <row r="269" spans="1:5" x14ac:dyDescent="0.2">
      <c r="A269" t="s">
        <v>338</v>
      </c>
      <c r="B269">
        <v>-83607</v>
      </c>
      <c r="C269">
        <v>-61774</v>
      </c>
      <c r="D269" t="s">
        <v>319</v>
      </c>
    </row>
    <row r="270" spans="1:5" x14ac:dyDescent="0.2">
      <c r="A270" t="s">
        <v>339</v>
      </c>
      <c r="B270">
        <v>223253</v>
      </c>
      <c r="C270">
        <v>86725</v>
      </c>
      <c r="D270" t="s">
        <v>340</v>
      </c>
    </row>
    <row r="271" spans="1:5" x14ac:dyDescent="0.2">
      <c r="A271" t="s">
        <v>341</v>
      </c>
      <c r="B271">
        <v>226252</v>
      </c>
      <c r="C271">
        <v>66819</v>
      </c>
      <c r="D271" t="s">
        <v>340</v>
      </c>
    </row>
    <row r="272" spans="1:5" x14ac:dyDescent="0.2">
      <c r="A272" t="s">
        <v>342</v>
      </c>
      <c r="B272">
        <v>210351</v>
      </c>
      <c r="C272">
        <v>40643</v>
      </c>
      <c r="D272" t="s">
        <v>340</v>
      </c>
    </row>
    <row r="273" spans="1:5" x14ac:dyDescent="0.2">
      <c r="A273" t="s">
        <v>343</v>
      </c>
      <c r="B273">
        <v>271175</v>
      </c>
      <c r="C273">
        <v>50675</v>
      </c>
      <c r="D273" t="s">
        <v>340</v>
      </c>
      <c r="E273" t="s">
        <v>344</v>
      </c>
    </row>
    <row r="274" spans="1:5" x14ac:dyDescent="0.2">
      <c r="A274" t="s">
        <v>345</v>
      </c>
      <c r="B274">
        <v>213604</v>
      </c>
      <c r="C274">
        <v>78427</v>
      </c>
      <c r="D274" t="s">
        <v>340</v>
      </c>
    </row>
    <row r="275" spans="1:5" x14ac:dyDescent="0.2">
      <c r="A275" t="s">
        <v>346</v>
      </c>
      <c r="B275">
        <v>213265</v>
      </c>
      <c r="C275">
        <v>91880</v>
      </c>
      <c r="D275" t="s">
        <v>340</v>
      </c>
    </row>
    <row r="276" spans="1:5" x14ac:dyDescent="0.2">
      <c r="A276" t="s">
        <v>347</v>
      </c>
      <c r="B276">
        <v>215150</v>
      </c>
      <c r="C276">
        <v>80212</v>
      </c>
      <c r="D276" t="s">
        <v>340</v>
      </c>
    </row>
    <row r="277" spans="1:5" x14ac:dyDescent="0.2">
      <c r="A277" t="s">
        <v>348</v>
      </c>
      <c r="B277">
        <v>172996</v>
      </c>
      <c r="C277">
        <v>75706</v>
      </c>
      <c r="D277" t="s">
        <v>340</v>
      </c>
    </row>
    <row r="278" spans="1:5" x14ac:dyDescent="0.2">
      <c r="A278" t="s">
        <v>349</v>
      </c>
      <c r="B278">
        <v>204679</v>
      </c>
      <c r="C278">
        <v>73459</v>
      </c>
      <c r="D278" t="s">
        <v>340</v>
      </c>
    </row>
    <row r="279" spans="1:5" x14ac:dyDescent="0.2">
      <c r="A279" t="s">
        <v>350</v>
      </c>
      <c r="B279">
        <v>225017</v>
      </c>
      <c r="C279">
        <v>91642</v>
      </c>
      <c r="D279" t="s">
        <v>340</v>
      </c>
      <c r="E279" t="s">
        <v>351</v>
      </c>
    </row>
    <row r="280" spans="1:5" x14ac:dyDescent="0.2">
      <c r="A280" t="s">
        <v>352</v>
      </c>
      <c r="B280">
        <v>232240</v>
      </c>
      <c r="C280">
        <v>102742</v>
      </c>
      <c r="D280" t="s">
        <v>340</v>
      </c>
    </row>
    <row r="281" spans="1:5" x14ac:dyDescent="0.2">
      <c r="A281" t="s">
        <v>353</v>
      </c>
      <c r="B281">
        <v>222327</v>
      </c>
      <c r="C281">
        <v>52865</v>
      </c>
      <c r="D281" t="s">
        <v>340</v>
      </c>
    </row>
    <row r="282" spans="1:5" x14ac:dyDescent="0.2">
      <c r="A282" t="s">
        <v>354</v>
      </c>
      <c r="B282">
        <v>244100</v>
      </c>
      <c r="C282">
        <v>62772</v>
      </c>
      <c r="D282" t="s">
        <v>340</v>
      </c>
    </row>
    <row r="283" spans="1:5" x14ac:dyDescent="0.2">
      <c r="A283" t="s">
        <v>355</v>
      </c>
      <c r="B283">
        <v>249641</v>
      </c>
      <c r="C283">
        <v>52884</v>
      </c>
      <c r="D283" t="s">
        <v>340</v>
      </c>
    </row>
    <row r="284" spans="1:5" x14ac:dyDescent="0.2">
      <c r="A284" t="s">
        <v>356</v>
      </c>
      <c r="B284">
        <v>201151</v>
      </c>
      <c r="C284">
        <v>81339</v>
      </c>
      <c r="D284" t="s">
        <v>340</v>
      </c>
    </row>
    <row r="285" spans="1:5" x14ac:dyDescent="0.2">
      <c r="A285" t="s">
        <v>357</v>
      </c>
      <c r="B285">
        <v>203895</v>
      </c>
      <c r="C285">
        <v>33950</v>
      </c>
      <c r="D285" t="s">
        <v>340</v>
      </c>
    </row>
    <row r="286" spans="1:5" x14ac:dyDescent="0.2">
      <c r="A286" t="s">
        <v>358</v>
      </c>
      <c r="B286">
        <v>230347</v>
      </c>
      <c r="C286">
        <v>48888</v>
      </c>
      <c r="D286" t="s">
        <v>340</v>
      </c>
    </row>
    <row r="287" spans="1:5" x14ac:dyDescent="0.2">
      <c r="A287" t="s">
        <v>359</v>
      </c>
      <c r="B287">
        <v>180256</v>
      </c>
      <c r="C287">
        <v>79086</v>
      </c>
      <c r="D287" t="s">
        <v>340</v>
      </c>
      <c r="E287" t="s">
        <v>360</v>
      </c>
    </row>
    <row r="288" spans="1:5" x14ac:dyDescent="0.2">
      <c r="A288" t="s">
        <v>361</v>
      </c>
      <c r="B288">
        <v>224337</v>
      </c>
      <c r="C288">
        <v>32753</v>
      </c>
      <c r="D288" t="s">
        <v>340</v>
      </c>
    </row>
    <row r="289" spans="1:5" x14ac:dyDescent="0.2">
      <c r="A289" t="s">
        <v>362</v>
      </c>
      <c r="B289">
        <v>234511</v>
      </c>
      <c r="C289">
        <v>74319</v>
      </c>
      <c r="D289" t="s">
        <v>340</v>
      </c>
    </row>
    <row r="290" spans="1:5" x14ac:dyDescent="0.2">
      <c r="A290" t="s">
        <v>363</v>
      </c>
      <c r="B290">
        <v>171463</v>
      </c>
      <c r="C290">
        <v>69719</v>
      </c>
      <c r="D290" t="s">
        <v>340</v>
      </c>
    </row>
    <row r="291" spans="1:5" x14ac:dyDescent="0.2">
      <c r="A291" t="s">
        <v>364</v>
      </c>
      <c r="B291">
        <v>179910</v>
      </c>
      <c r="C291">
        <v>79038</v>
      </c>
      <c r="D291" t="s">
        <v>340</v>
      </c>
      <c r="E291" t="s">
        <v>365</v>
      </c>
    </row>
    <row r="292" spans="1:5" x14ac:dyDescent="0.2">
      <c r="A292" t="s">
        <v>366</v>
      </c>
      <c r="B292">
        <v>173561</v>
      </c>
      <c r="C292">
        <v>67238</v>
      </c>
      <c r="D292" t="s">
        <v>340</v>
      </c>
    </row>
    <row r="293" spans="1:5" x14ac:dyDescent="0.2">
      <c r="A293" t="s">
        <v>367</v>
      </c>
      <c r="B293">
        <v>172916</v>
      </c>
      <c r="C293">
        <v>60145</v>
      </c>
      <c r="D293" t="s">
        <v>340</v>
      </c>
    </row>
    <row r="294" spans="1:5" x14ac:dyDescent="0.2">
      <c r="A294" t="s">
        <v>368</v>
      </c>
      <c r="B294">
        <v>197164</v>
      </c>
      <c r="C294">
        <v>43411</v>
      </c>
      <c r="D294" t="s">
        <v>340</v>
      </c>
    </row>
    <row r="295" spans="1:5" x14ac:dyDescent="0.2">
      <c r="A295" t="s">
        <v>369</v>
      </c>
      <c r="B295">
        <v>232945</v>
      </c>
      <c r="C295">
        <v>66677</v>
      </c>
      <c r="D295" t="s">
        <v>340</v>
      </c>
    </row>
    <row r="296" spans="1:5" x14ac:dyDescent="0.2">
      <c r="A296" t="s">
        <v>370</v>
      </c>
      <c r="B296">
        <v>242733</v>
      </c>
      <c r="C296">
        <v>81887</v>
      </c>
      <c r="D296" t="s">
        <v>340</v>
      </c>
    </row>
    <row r="297" spans="1:5" x14ac:dyDescent="0.2">
      <c r="A297" t="s">
        <v>371</v>
      </c>
      <c r="B297">
        <v>232250</v>
      </c>
      <c r="C297">
        <v>112793</v>
      </c>
      <c r="D297" t="s">
        <v>340</v>
      </c>
    </row>
    <row r="298" spans="1:5" x14ac:dyDescent="0.2">
      <c r="A298" t="s">
        <v>372</v>
      </c>
      <c r="B298">
        <v>-24999</v>
      </c>
      <c r="C298">
        <v>-138499</v>
      </c>
      <c r="D298" t="s">
        <v>373</v>
      </c>
    </row>
    <row r="299" spans="1:5" x14ac:dyDescent="0.2">
      <c r="A299" t="s">
        <v>374</v>
      </c>
      <c r="B299">
        <v>-40065</v>
      </c>
      <c r="C299">
        <v>-126690</v>
      </c>
      <c r="D299" t="s">
        <v>373</v>
      </c>
    </row>
    <row r="300" spans="1:5" x14ac:dyDescent="0.2">
      <c r="A300" t="s">
        <v>375</v>
      </c>
      <c r="B300">
        <v>-32544</v>
      </c>
      <c r="C300">
        <v>-115694</v>
      </c>
      <c r="D300" t="s">
        <v>373</v>
      </c>
      <c r="E300" t="s">
        <v>376</v>
      </c>
    </row>
    <row r="301" spans="1:5" x14ac:dyDescent="0.2">
      <c r="A301" t="s">
        <v>377</v>
      </c>
      <c r="B301">
        <v>-9327</v>
      </c>
      <c r="C301">
        <v>-72467</v>
      </c>
      <c r="D301" t="s">
        <v>373</v>
      </c>
    </row>
    <row r="302" spans="1:5" x14ac:dyDescent="0.2">
      <c r="A302" t="s">
        <v>378</v>
      </c>
      <c r="B302">
        <v>-43435</v>
      </c>
      <c r="C302">
        <v>-98090</v>
      </c>
      <c r="D302" t="s">
        <v>373</v>
      </c>
    </row>
    <row r="303" spans="1:5" x14ac:dyDescent="0.2">
      <c r="A303" t="s">
        <v>379</v>
      </c>
      <c r="B303">
        <v>-45141</v>
      </c>
      <c r="C303">
        <v>-128325</v>
      </c>
      <c r="D303" t="s">
        <v>373</v>
      </c>
      <c r="E303" t="s">
        <v>380</v>
      </c>
    </row>
    <row r="304" spans="1:5" x14ac:dyDescent="0.2">
      <c r="A304" t="s">
        <v>381</v>
      </c>
      <c r="B304">
        <v>-14605</v>
      </c>
      <c r="C304">
        <v>-90288</v>
      </c>
      <c r="D304" t="s">
        <v>373</v>
      </c>
    </row>
    <row r="305" spans="1:5" x14ac:dyDescent="0.2">
      <c r="A305" t="s">
        <v>382</v>
      </c>
      <c r="B305">
        <v>-38214</v>
      </c>
      <c r="C305">
        <v>-75747</v>
      </c>
      <c r="D305" t="s">
        <v>373</v>
      </c>
    </row>
    <row r="306" spans="1:5" x14ac:dyDescent="0.2">
      <c r="A306" t="s">
        <v>383</v>
      </c>
      <c r="B306">
        <v>-26348</v>
      </c>
      <c r="C306">
        <v>-120939</v>
      </c>
      <c r="D306" t="s">
        <v>373</v>
      </c>
      <c r="E306" t="s">
        <v>384</v>
      </c>
    </row>
    <row r="307" spans="1:5" x14ac:dyDescent="0.2">
      <c r="A307" t="s">
        <v>385</v>
      </c>
      <c r="B307">
        <v>-58149</v>
      </c>
      <c r="C307">
        <v>-89040</v>
      </c>
      <c r="D307" t="s">
        <v>373</v>
      </c>
    </row>
    <row r="308" spans="1:5" x14ac:dyDescent="0.2">
      <c r="A308" t="s">
        <v>373</v>
      </c>
      <c r="B308">
        <v>-20262</v>
      </c>
      <c r="C308">
        <v>-112686</v>
      </c>
      <c r="D308" t="s">
        <v>373</v>
      </c>
    </row>
    <row r="309" spans="1:5" x14ac:dyDescent="0.2">
      <c r="A309" t="s">
        <v>386</v>
      </c>
      <c r="B309">
        <v>-172879</v>
      </c>
      <c r="C309">
        <v>-3241</v>
      </c>
      <c r="D309" t="s">
        <v>387</v>
      </c>
    </row>
    <row r="310" spans="1:5" x14ac:dyDescent="0.2">
      <c r="A310" t="s">
        <v>388</v>
      </c>
      <c r="B310">
        <v>-143062</v>
      </c>
      <c r="C310">
        <v>-18448</v>
      </c>
      <c r="D310" t="s">
        <v>387</v>
      </c>
    </row>
    <row r="311" spans="1:5" x14ac:dyDescent="0.2">
      <c r="A311" t="s">
        <v>389</v>
      </c>
      <c r="B311">
        <v>-175967</v>
      </c>
      <c r="C311">
        <v>-1422</v>
      </c>
      <c r="D311" t="s">
        <v>387</v>
      </c>
    </row>
    <row r="312" spans="1:5" x14ac:dyDescent="0.2">
      <c r="A312" t="s">
        <v>390</v>
      </c>
      <c r="B312">
        <v>-142598</v>
      </c>
      <c r="C312">
        <v>-33662</v>
      </c>
      <c r="D312" t="s">
        <v>387</v>
      </c>
    </row>
    <row r="313" spans="1:5" x14ac:dyDescent="0.2">
      <c r="A313" t="s">
        <v>391</v>
      </c>
      <c r="B313">
        <v>-185548</v>
      </c>
      <c r="C313">
        <v>-44426</v>
      </c>
      <c r="D313" t="s">
        <v>387</v>
      </c>
      <c r="E313" t="s">
        <v>392</v>
      </c>
    </row>
    <row r="314" spans="1:5" x14ac:dyDescent="0.2">
      <c r="A314" t="s">
        <v>393</v>
      </c>
      <c r="B314">
        <v>-188252</v>
      </c>
      <c r="C314">
        <v>-2396</v>
      </c>
      <c r="D314" t="s">
        <v>387</v>
      </c>
    </row>
    <row r="315" spans="1:5" x14ac:dyDescent="0.2">
      <c r="A315" t="s">
        <v>394</v>
      </c>
      <c r="B315">
        <v>-199814</v>
      </c>
      <c r="C315">
        <v>-62792</v>
      </c>
      <c r="D315" t="s">
        <v>387</v>
      </c>
    </row>
    <row r="316" spans="1:5" x14ac:dyDescent="0.2">
      <c r="A316" t="s">
        <v>395</v>
      </c>
      <c r="B316">
        <v>-152824</v>
      </c>
      <c r="C316">
        <v>-11</v>
      </c>
      <c r="D316" t="s">
        <v>387</v>
      </c>
    </row>
    <row r="317" spans="1:5" x14ac:dyDescent="0.2">
      <c r="A317" t="s">
        <v>396</v>
      </c>
      <c r="B317">
        <v>-159855</v>
      </c>
      <c r="C317">
        <v>-18406</v>
      </c>
      <c r="D317" t="s">
        <v>387</v>
      </c>
      <c r="E317" t="s">
        <v>397</v>
      </c>
    </row>
    <row r="318" spans="1:5" x14ac:dyDescent="0.2">
      <c r="A318" t="s">
        <v>398</v>
      </c>
      <c r="B318">
        <v>-210509</v>
      </c>
      <c r="C318">
        <v>-50611</v>
      </c>
      <c r="D318" t="s">
        <v>387</v>
      </c>
    </row>
    <row r="319" spans="1:5" x14ac:dyDescent="0.2">
      <c r="A319" t="s">
        <v>399</v>
      </c>
      <c r="B319">
        <v>-183384</v>
      </c>
      <c r="C319">
        <v>-20041</v>
      </c>
      <c r="D319" t="s">
        <v>387</v>
      </c>
      <c r="E319" t="s">
        <v>400</v>
      </c>
    </row>
    <row r="320" spans="1:5" x14ac:dyDescent="0.2">
      <c r="A320" t="s">
        <v>401</v>
      </c>
      <c r="B320">
        <v>-169943</v>
      </c>
      <c r="C320">
        <v>-40550</v>
      </c>
      <c r="D320" t="s">
        <v>387</v>
      </c>
    </row>
    <row r="321" spans="1:5" x14ac:dyDescent="0.2">
      <c r="A321" t="s">
        <v>402</v>
      </c>
      <c r="B321">
        <v>-175492</v>
      </c>
      <c r="C321">
        <v>-20448</v>
      </c>
      <c r="D321" t="s">
        <v>387</v>
      </c>
    </row>
    <row r="322" spans="1:5" x14ac:dyDescent="0.2">
      <c r="A322" t="s">
        <v>403</v>
      </c>
      <c r="B322">
        <v>-112525</v>
      </c>
      <c r="C322">
        <v>-36798</v>
      </c>
      <c r="D322" t="s">
        <v>404</v>
      </c>
    </row>
    <row r="323" spans="1:5" x14ac:dyDescent="0.2">
      <c r="A323" t="s">
        <v>405</v>
      </c>
      <c r="B323">
        <v>-116822</v>
      </c>
      <c r="C323">
        <v>-69046</v>
      </c>
      <c r="D323" t="s">
        <v>404</v>
      </c>
    </row>
    <row r="324" spans="1:5" x14ac:dyDescent="0.2">
      <c r="A324" t="s">
        <v>406</v>
      </c>
      <c r="B324">
        <v>-78500</v>
      </c>
      <c r="C324">
        <v>-44901</v>
      </c>
      <c r="D324" t="s">
        <v>404</v>
      </c>
      <c r="E324" t="s">
        <v>407</v>
      </c>
    </row>
    <row r="325" spans="1:5" x14ac:dyDescent="0.2">
      <c r="A325" t="s">
        <v>408</v>
      </c>
      <c r="B325">
        <v>-88080</v>
      </c>
      <c r="C325">
        <v>-52913</v>
      </c>
      <c r="D325" t="s">
        <v>404</v>
      </c>
    </row>
    <row r="326" spans="1:5" x14ac:dyDescent="0.2">
      <c r="A326" t="s">
        <v>409</v>
      </c>
      <c r="B326">
        <v>-76437</v>
      </c>
      <c r="C326">
        <v>-40883</v>
      </c>
      <c r="D326" t="s">
        <v>404</v>
      </c>
    </row>
    <row r="327" spans="1:5" x14ac:dyDescent="0.2">
      <c r="A327" t="s">
        <v>410</v>
      </c>
      <c r="B327">
        <v>-71094</v>
      </c>
      <c r="C327">
        <v>-44401</v>
      </c>
      <c r="D327" t="s">
        <v>404</v>
      </c>
      <c r="E327" t="s">
        <v>411</v>
      </c>
    </row>
    <row r="328" spans="1:5" x14ac:dyDescent="0.2">
      <c r="A328" t="s">
        <v>412</v>
      </c>
      <c r="B328">
        <v>-68939</v>
      </c>
      <c r="C328">
        <v>-35278</v>
      </c>
      <c r="D328" t="s">
        <v>404</v>
      </c>
    </row>
    <row r="329" spans="1:5" x14ac:dyDescent="0.2">
      <c r="A329" t="s">
        <v>413</v>
      </c>
      <c r="B329">
        <v>-121930</v>
      </c>
      <c r="C329">
        <v>-35814</v>
      </c>
      <c r="D329" t="s">
        <v>404</v>
      </c>
    </row>
    <row r="330" spans="1:5" x14ac:dyDescent="0.2">
      <c r="A330" t="s">
        <v>414</v>
      </c>
      <c r="B330">
        <v>-97900</v>
      </c>
      <c r="C330">
        <v>-33254</v>
      </c>
      <c r="D330" t="s">
        <v>404</v>
      </c>
    </row>
    <row r="331" spans="1:5" x14ac:dyDescent="0.2">
      <c r="A331" t="s">
        <v>415</v>
      </c>
      <c r="B331">
        <v>-118930</v>
      </c>
      <c r="C331">
        <v>-11153</v>
      </c>
      <c r="D331" t="s">
        <v>404</v>
      </c>
    </row>
    <row r="332" spans="1:5" x14ac:dyDescent="0.2">
      <c r="A332" t="s">
        <v>416</v>
      </c>
      <c r="B332">
        <v>-133830</v>
      </c>
      <c r="C332">
        <v>-49774</v>
      </c>
      <c r="D332" t="s">
        <v>404</v>
      </c>
    </row>
    <row r="333" spans="1:5" x14ac:dyDescent="0.2">
      <c r="A333" t="s">
        <v>417</v>
      </c>
      <c r="B333">
        <v>-122246</v>
      </c>
      <c r="C333">
        <v>-60362</v>
      </c>
      <c r="D333" t="s">
        <v>404</v>
      </c>
    </row>
    <row r="334" spans="1:5" x14ac:dyDescent="0.2">
      <c r="A334" t="s">
        <v>418</v>
      </c>
      <c r="B334">
        <v>-68489</v>
      </c>
      <c r="C334">
        <v>-25838</v>
      </c>
      <c r="D334" t="s">
        <v>404</v>
      </c>
    </row>
    <row r="335" spans="1:5" x14ac:dyDescent="0.2">
      <c r="A335" t="s">
        <v>404</v>
      </c>
      <c r="B335">
        <v>-86065</v>
      </c>
      <c r="C335">
        <v>-38078</v>
      </c>
      <c r="D335" t="s">
        <v>404</v>
      </c>
      <c r="E335" t="s">
        <v>419</v>
      </c>
    </row>
    <row r="336" spans="1:5" x14ac:dyDescent="0.2">
      <c r="A336" t="s">
        <v>420</v>
      </c>
      <c r="B336">
        <v>-88394</v>
      </c>
      <c r="C336">
        <v>-19004</v>
      </c>
      <c r="D336" t="s">
        <v>404</v>
      </c>
    </row>
    <row r="337" spans="1:5" x14ac:dyDescent="0.2">
      <c r="A337" t="s">
        <v>421</v>
      </c>
      <c r="B337">
        <v>-141678</v>
      </c>
      <c r="C337">
        <v>-70363</v>
      </c>
      <c r="D337" t="s">
        <v>422</v>
      </c>
    </row>
    <row r="338" spans="1:5" x14ac:dyDescent="0.2">
      <c r="A338" t="s">
        <v>423</v>
      </c>
      <c r="B338">
        <v>-136728</v>
      </c>
      <c r="C338">
        <v>-72873</v>
      </c>
      <c r="D338" t="s">
        <v>422</v>
      </c>
      <c r="E338" t="s">
        <v>424</v>
      </c>
    </row>
    <row r="339" spans="1:5" x14ac:dyDescent="0.2">
      <c r="A339" t="s">
        <v>425</v>
      </c>
      <c r="B339">
        <v>-191413</v>
      </c>
      <c r="C339">
        <v>-87616</v>
      </c>
      <c r="D339" t="s">
        <v>422</v>
      </c>
    </row>
    <row r="340" spans="1:5" x14ac:dyDescent="0.2">
      <c r="A340" t="s">
        <v>426</v>
      </c>
      <c r="B340">
        <v>-177964</v>
      </c>
      <c r="C340">
        <v>-109680</v>
      </c>
      <c r="D340" t="s">
        <v>422</v>
      </c>
    </row>
    <row r="341" spans="1:5" x14ac:dyDescent="0.2">
      <c r="A341" t="s">
        <v>427</v>
      </c>
      <c r="B341">
        <v>-157588</v>
      </c>
      <c r="C341">
        <v>-108058</v>
      </c>
      <c r="D341" t="s">
        <v>422</v>
      </c>
      <c r="E341" t="s">
        <v>428</v>
      </c>
    </row>
    <row r="342" spans="1:5" x14ac:dyDescent="0.2">
      <c r="A342" t="s">
        <v>429</v>
      </c>
      <c r="B342">
        <v>-155186</v>
      </c>
      <c r="C342">
        <v>-78083</v>
      </c>
      <c r="D342" t="s">
        <v>422</v>
      </c>
    </row>
    <row r="343" spans="1:5" x14ac:dyDescent="0.2">
      <c r="A343" t="s">
        <v>430</v>
      </c>
      <c r="B343">
        <v>-168152</v>
      </c>
      <c r="C343">
        <v>-64885</v>
      </c>
      <c r="D343" t="s">
        <v>422</v>
      </c>
      <c r="E343" t="s">
        <v>431</v>
      </c>
    </row>
    <row r="344" spans="1:5" x14ac:dyDescent="0.2">
      <c r="A344" t="s">
        <v>432</v>
      </c>
      <c r="B344">
        <v>-147305</v>
      </c>
      <c r="C344">
        <v>-96067</v>
      </c>
      <c r="D344" t="s">
        <v>422</v>
      </c>
    </row>
    <row r="345" spans="1:5" x14ac:dyDescent="0.2">
      <c r="A345" t="s">
        <v>433</v>
      </c>
      <c r="B345">
        <v>-186545</v>
      </c>
      <c r="C345">
        <v>-62870</v>
      </c>
      <c r="D345" t="s">
        <v>422</v>
      </c>
    </row>
    <row r="346" spans="1:5" x14ac:dyDescent="0.2">
      <c r="A346" t="s">
        <v>434</v>
      </c>
      <c r="B346">
        <v>-149541</v>
      </c>
      <c r="C346">
        <v>-53056</v>
      </c>
      <c r="D346" t="s">
        <v>422</v>
      </c>
    </row>
  </sheetData>
  <sortState ref="A2:E346">
    <sortCondition ref="D2:D346"/>
    <sortCondition ref="A2:A346"/>
  </sortState>
  <conditionalFormatting sqref="A1:XFD1048576">
    <cfRule type="expression" dxfId="2" priority="1">
      <formula>A1&lt;&gt;""</formula>
    </cfRule>
  </conditionalFormatting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72"/>
  <sheetViews>
    <sheetView topLeftCell="A49" workbookViewId="0">
      <selection activeCell="C72" sqref="C72"/>
    </sheetView>
  </sheetViews>
  <sheetFormatPr defaultRowHeight="14.25" x14ac:dyDescent="0.2"/>
  <cols>
    <col min="1" max="1" width="16.625" bestFit="1" customWidth="1"/>
    <col min="4" max="4" width="22" bestFit="1" customWidth="1"/>
    <col min="5" max="5" width="16.375" bestFit="1" customWidth="1"/>
  </cols>
  <sheetData>
    <row r="1" spans="1:5" ht="1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</row>
    <row r="2" spans="1:5" x14ac:dyDescent="0.2">
      <c r="A2" t="s">
        <v>7</v>
      </c>
      <c r="B2">
        <v>-6580</v>
      </c>
      <c r="C2">
        <v>-139438</v>
      </c>
      <c r="D2" t="s">
        <v>6</v>
      </c>
      <c r="E2" t="s">
        <v>8</v>
      </c>
    </row>
    <row r="3" spans="1:5" x14ac:dyDescent="0.2">
      <c r="A3" t="s">
        <v>13</v>
      </c>
      <c r="B3">
        <v>-5160</v>
      </c>
      <c r="C3">
        <v>-101325</v>
      </c>
      <c r="D3" t="s">
        <v>6</v>
      </c>
      <c r="E3" t="s">
        <v>14</v>
      </c>
    </row>
    <row r="4" spans="1:5" x14ac:dyDescent="0.2">
      <c r="A4" t="s">
        <v>16</v>
      </c>
      <c r="B4">
        <v>49155</v>
      </c>
      <c r="C4">
        <v>-58837</v>
      </c>
      <c r="D4" t="s">
        <v>6</v>
      </c>
      <c r="E4" t="s">
        <v>17</v>
      </c>
    </row>
    <row r="5" spans="1:5" x14ac:dyDescent="0.2">
      <c r="A5" t="s">
        <v>34</v>
      </c>
      <c r="B5">
        <v>-60468</v>
      </c>
      <c r="C5">
        <v>-138694</v>
      </c>
      <c r="D5" t="s">
        <v>32</v>
      </c>
      <c r="E5" t="s">
        <v>35</v>
      </c>
    </row>
    <row r="6" spans="1:5" x14ac:dyDescent="0.2">
      <c r="A6" t="s">
        <v>38</v>
      </c>
      <c r="B6">
        <v>-27799</v>
      </c>
      <c r="C6">
        <v>-161015</v>
      </c>
      <c r="D6" t="s">
        <v>32</v>
      </c>
      <c r="E6" t="s">
        <v>39</v>
      </c>
    </row>
    <row r="7" spans="1:5" x14ac:dyDescent="0.2">
      <c r="A7" t="s">
        <v>40</v>
      </c>
      <c r="B7">
        <v>-61710</v>
      </c>
      <c r="C7">
        <v>-150986</v>
      </c>
      <c r="D7" t="s">
        <v>32</v>
      </c>
      <c r="E7" t="s">
        <v>41</v>
      </c>
    </row>
    <row r="8" spans="1:5" x14ac:dyDescent="0.2">
      <c r="A8" t="s">
        <v>47</v>
      </c>
      <c r="B8">
        <v>-96494</v>
      </c>
      <c r="C8">
        <v>-154096</v>
      </c>
      <c r="D8" t="s">
        <v>32</v>
      </c>
      <c r="E8" t="s">
        <v>48</v>
      </c>
    </row>
    <row r="9" spans="1:5" x14ac:dyDescent="0.2">
      <c r="A9" t="s">
        <v>52</v>
      </c>
      <c r="B9">
        <v>155712</v>
      </c>
      <c r="C9">
        <v>-82822</v>
      </c>
      <c r="D9" t="s">
        <v>51</v>
      </c>
      <c r="E9" t="s">
        <v>53</v>
      </c>
    </row>
    <row r="10" spans="1:5" x14ac:dyDescent="0.2">
      <c r="A10" t="s">
        <v>59</v>
      </c>
      <c r="B10">
        <v>170677</v>
      </c>
      <c r="C10">
        <v>-85848</v>
      </c>
      <c r="D10" t="s">
        <v>51</v>
      </c>
      <c r="E10" t="s">
        <v>60</v>
      </c>
    </row>
    <row r="11" spans="1:5" x14ac:dyDescent="0.2">
      <c r="A11" t="s">
        <v>67</v>
      </c>
      <c r="B11">
        <v>124443</v>
      </c>
      <c r="C11">
        <v>-96102</v>
      </c>
      <c r="D11" t="s">
        <v>51</v>
      </c>
      <c r="E11" t="s">
        <v>68</v>
      </c>
    </row>
    <row r="12" spans="1:5" x14ac:dyDescent="0.2">
      <c r="A12" t="s">
        <v>85</v>
      </c>
      <c r="B12">
        <v>117980</v>
      </c>
      <c r="C12">
        <v>91929</v>
      </c>
      <c r="D12" t="s">
        <v>76</v>
      </c>
      <c r="E12" t="s">
        <v>86</v>
      </c>
    </row>
    <row r="13" spans="1:5" x14ac:dyDescent="0.2">
      <c r="A13" t="s">
        <v>90</v>
      </c>
      <c r="B13">
        <v>130305</v>
      </c>
      <c r="C13">
        <v>75453</v>
      </c>
      <c r="D13" t="s">
        <v>76</v>
      </c>
      <c r="E13" t="s">
        <v>91</v>
      </c>
    </row>
    <row r="14" spans="1:5" x14ac:dyDescent="0.2">
      <c r="A14" t="s">
        <v>94</v>
      </c>
      <c r="B14">
        <v>92553</v>
      </c>
      <c r="C14">
        <v>87861</v>
      </c>
      <c r="D14" t="s">
        <v>76</v>
      </c>
      <c r="E14" t="s">
        <v>95</v>
      </c>
    </row>
    <row r="15" spans="1:5" x14ac:dyDescent="0.2">
      <c r="A15" t="s">
        <v>101</v>
      </c>
      <c r="B15">
        <v>192907</v>
      </c>
      <c r="C15">
        <v>109673</v>
      </c>
      <c r="D15" t="s">
        <v>76</v>
      </c>
      <c r="E15" t="s">
        <v>102</v>
      </c>
    </row>
    <row r="16" spans="1:5" x14ac:dyDescent="0.2">
      <c r="A16" t="s">
        <v>103</v>
      </c>
      <c r="B16">
        <v>192852</v>
      </c>
      <c r="C16">
        <v>109857</v>
      </c>
      <c r="D16" t="s">
        <v>76</v>
      </c>
      <c r="E16" t="s">
        <v>104</v>
      </c>
    </row>
    <row r="17" spans="1:5" x14ac:dyDescent="0.2">
      <c r="A17" t="s">
        <v>112</v>
      </c>
      <c r="B17">
        <v>98119</v>
      </c>
      <c r="C17">
        <v>-112552</v>
      </c>
      <c r="D17" t="s">
        <v>111</v>
      </c>
      <c r="E17" t="s">
        <v>113</v>
      </c>
    </row>
    <row r="18" spans="1:5" x14ac:dyDescent="0.2">
      <c r="A18" t="s">
        <v>115</v>
      </c>
      <c r="B18">
        <v>110435</v>
      </c>
      <c r="C18">
        <v>-134667</v>
      </c>
      <c r="D18" t="s">
        <v>111</v>
      </c>
      <c r="E18" t="s">
        <v>116</v>
      </c>
    </row>
    <row r="19" spans="1:5" x14ac:dyDescent="0.2">
      <c r="A19" t="s">
        <v>120</v>
      </c>
      <c r="B19">
        <v>85946</v>
      </c>
      <c r="C19">
        <v>-131872</v>
      </c>
      <c r="D19" t="s">
        <v>111</v>
      </c>
      <c r="E19" t="s">
        <v>121</v>
      </c>
    </row>
    <row r="20" spans="1:5" x14ac:dyDescent="0.2">
      <c r="A20" t="s">
        <v>126</v>
      </c>
      <c r="B20">
        <v>-31008</v>
      </c>
      <c r="C20">
        <v>5630</v>
      </c>
      <c r="D20" t="s">
        <v>124</v>
      </c>
      <c r="E20" t="s">
        <v>127</v>
      </c>
    </row>
    <row r="21" spans="1:5" x14ac:dyDescent="0.2">
      <c r="A21" t="s">
        <v>130</v>
      </c>
      <c r="B21">
        <v>-8435</v>
      </c>
      <c r="C21">
        <v>-52540</v>
      </c>
      <c r="D21" t="s">
        <v>124</v>
      </c>
      <c r="E21" t="s">
        <v>131</v>
      </c>
    </row>
    <row r="22" spans="1:5" x14ac:dyDescent="0.2">
      <c r="A22" t="s">
        <v>137</v>
      </c>
      <c r="B22">
        <v>-56426</v>
      </c>
      <c r="C22">
        <v>-41868</v>
      </c>
      <c r="D22" t="s">
        <v>124</v>
      </c>
      <c r="E22" t="s">
        <v>138</v>
      </c>
    </row>
    <row r="23" spans="1:5" x14ac:dyDescent="0.2">
      <c r="A23" t="s">
        <v>141</v>
      </c>
      <c r="B23">
        <v>-32263</v>
      </c>
      <c r="C23">
        <v>-61383</v>
      </c>
      <c r="D23" t="s">
        <v>124</v>
      </c>
      <c r="E23" t="s">
        <v>142</v>
      </c>
    </row>
    <row r="24" spans="1:5" x14ac:dyDescent="0.2">
      <c r="A24" t="s">
        <v>143</v>
      </c>
      <c r="B24">
        <v>-54369</v>
      </c>
      <c r="C24">
        <v>-16262</v>
      </c>
      <c r="D24" t="s">
        <v>124</v>
      </c>
      <c r="E24" t="s">
        <v>144</v>
      </c>
    </row>
    <row r="25" spans="1:5" x14ac:dyDescent="0.2">
      <c r="A25" t="s">
        <v>151</v>
      </c>
      <c r="B25">
        <v>-105941</v>
      </c>
      <c r="C25">
        <v>28666</v>
      </c>
      <c r="D25" t="s">
        <v>147</v>
      </c>
      <c r="E25" t="s">
        <v>152</v>
      </c>
    </row>
    <row r="26" spans="1:5" x14ac:dyDescent="0.2">
      <c r="A26" t="s">
        <v>155</v>
      </c>
      <c r="B26">
        <v>-124176</v>
      </c>
      <c r="C26">
        <v>34224</v>
      </c>
      <c r="D26" t="s">
        <v>147</v>
      </c>
      <c r="E26" t="s">
        <v>156</v>
      </c>
    </row>
    <row r="27" spans="1:5" x14ac:dyDescent="0.2">
      <c r="A27" t="s">
        <v>159</v>
      </c>
      <c r="B27">
        <v>-184855</v>
      </c>
      <c r="C27">
        <v>30138</v>
      </c>
      <c r="D27" t="s">
        <v>147</v>
      </c>
      <c r="E27" t="s">
        <v>160</v>
      </c>
    </row>
    <row r="28" spans="1:5" x14ac:dyDescent="0.2">
      <c r="A28" t="s">
        <v>166</v>
      </c>
      <c r="B28">
        <v>194716</v>
      </c>
      <c r="C28">
        <v>13228</v>
      </c>
      <c r="D28" t="s">
        <v>163</v>
      </c>
      <c r="E28" t="s">
        <v>167</v>
      </c>
    </row>
    <row r="29" spans="1:5" x14ac:dyDescent="0.2">
      <c r="A29" t="s">
        <v>174</v>
      </c>
      <c r="B29">
        <v>177243</v>
      </c>
      <c r="C29">
        <v>3202</v>
      </c>
      <c r="D29" t="s">
        <v>163</v>
      </c>
      <c r="E29" t="s">
        <v>175</v>
      </c>
    </row>
    <row r="30" spans="1:5" x14ac:dyDescent="0.2">
      <c r="A30" t="s">
        <v>179</v>
      </c>
      <c r="B30">
        <v>159479</v>
      </c>
      <c r="C30">
        <v>816</v>
      </c>
      <c r="D30" t="s">
        <v>163</v>
      </c>
      <c r="E30" t="s">
        <v>180</v>
      </c>
    </row>
    <row r="31" spans="1:5" x14ac:dyDescent="0.2">
      <c r="A31" t="s">
        <v>183</v>
      </c>
      <c r="B31">
        <v>160580</v>
      </c>
      <c r="C31">
        <v>-15119</v>
      </c>
      <c r="D31" t="s">
        <v>163</v>
      </c>
      <c r="E31" t="s">
        <v>184</v>
      </c>
    </row>
    <row r="32" spans="1:5" x14ac:dyDescent="0.2">
      <c r="A32" t="s">
        <v>190</v>
      </c>
      <c r="B32">
        <v>99460</v>
      </c>
      <c r="C32">
        <v>52232</v>
      </c>
      <c r="D32" t="s">
        <v>189</v>
      </c>
      <c r="E32" t="s">
        <v>191</v>
      </c>
    </row>
    <row r="33" spans="1:5" x14ac:dyDescent="0.2">
      <c r="A33" t="s">
        <v>193</v>
      </c>
      <c r="B33">
        <v>65953</v>
      </c>
      <c r="C33">
        <v>38448</v>
      </c>
      <c r="D33" t="s">
        <v>189</v>
      </c>
      <c r="E33" t="s">
        <v>194</v>
      </c>
    </row>
    <row r="34" spans="1:5" x14ac:dyDescent="0.2">
      <c r="A34" t="s">
        <v>196</v>
      </c>
      <c r="B34">
        <v>47330</v>
      </c>
      <c r="C34">
        <v>25501</v>
      </c>
      <c r="D34" t="s">
        <v>189</v>
      </c>
      <c r="E34" t="s">
        <v>197</v>
      </c>
    </row>
    <row r="35" spans="1:5" x14ac:dyDescent="0.2">
      <c r="A35" t="s">
        <v>200</v>
      </c>
      <c r="B35">
        <v>78421</v>
      </c>
      <c r="C35">
        <v>65140</v>
      </c>
      <c r="D35" t="s">
        <v>189</v>
      </c>
      <c r="E35" t="s">
        <v>201</v>
      </c>
    </row>
    <row r="36" spans="1:5" x14ac:dyDescent="0.2">
      <c r="A36" t="s">
        <v>208</v>
      </c>
      <c r="B36">
        <v>69940</v>
      </c>
      <c r="C36">
        <v>23149</v>
      </c>
      <c r="D36" t="s">
        <v>204</v>
      </c>
      <c r="E36" t="s">
        <v>209</v>
      </c>
    </row>
    <row r="37" spans="1:5" x14ac:dyDescent="0.2">
      <c r="A37" t="s">
        <v>213</v>
      </c>
      <c r="B37">
        <v>145909</v>
      </c>
      <c r="C37">
        <v>-15575</v>
      </c>
      <c r="D37" t="s">
        <v>204</v>
      </c>
      <c r="E37" t="s">
        <v>214</v>
      </c>
    </row>
    <row r="38" spans="1:5" x14ac:dyDescent="0.2">
      <c r="A38" t="s">
        <v>217</v>
      </c>
      <c r="B38">
        <v>119515</v>
      </c>
      <c r="C38">
        <v>-6761</v>
      </c>
      <c r="D38" t="s">
        <v>204</v>
      </c>
      <c r="E38" t="s">
        <v>218</v>
      </c>
    </row>
    <row r="39" spans="1:5" x14ac:dyDescent="0.2">
      <c r="A39" t="s">
        <v>223</v>
      </c>
      <c r="B39">
        <v>86335</v>
      </c>
      <c r="C39">
        <v>-28294</v>
      </c>
      <c r="D39" t="s">
        <v>204</v>
      </c>
      <c r="E39" t="s">
        <v>224</v>
      </c>
    </row>
    <row r="40" spans="1:5" x14ac:dyDescent="0.2">
      <c r="A40" t="s">
        <v>234</v>
      </c>
      <c r="B40">
        <v>-22653</v>
      </c>
      <c r="C40">
        <v>39027</v>
      </c>
      <c r="D40" t="s">
        <v>231</v>
      </c>
      <c r="E40" t="s">
        <v>235</v>
      </c>
    </row>
    <row r="41" spans="1:5" x14ac:dyDescent="0.2">
      <c r="A41" t="s">
        <v>237</v>
      </c>
      <c r="B41">
        <v>-69253</v>
      </c>
      <c r="C41">
        <v>33941</v>
      </c>
      <c r="D41" t="s">
        <v>231</v>
      </c>
      <c r="E41" t="s">
        <v>238</v>
      </c>
    </row>
    <row r="42" spans="1:5" x14ac:dyDescent="0.2">
      <c r="A42" t="s">
        <v>243</v>
      </c>
      <c r="B42">
        <v>-53567</v>
      </c>
      <c r="C42">
        <v>23068</v>
      </c>
      <c r="D42" t="s">
        <v>231</v>
      </c>
      <c r="E42" t="s">
        <v>244</v>
      </c>
    </row>
    <row r="43" spans="1:5" x14ac:dyDescent="0.2">
      <c r="A43" t="s">
        <v>245</v>
      </c>
      <c r="B43">
        <v>-47900</v>
      </c>
      <c r="C43">
        <v>14465</v>
      </c>
      <c r="D43" t="s">
        <v>231</v>
      </c>
      <c r="E43" t="s">
        <v>246</v>
      </c>
    </row>
    <row r="44" spans="1:5" x14ac:dyDescent="0.2">
      <c r="A44" t="s">
        <v>250</v>
      </c>
      <c r="B44">
        <v>48543</v>
      </c>
      <c r="C44">
        <v>53733</v>
      </c>
      <c r="D44" t="s">
        <v>248</v>
      </c>
      <c r="E44" t="s">
        <v>251</v>
      </c>
    </row>
    <row r="45" spans="1:5" x14ac:dyDescent="0.2">
      <c r="A45" t="s">
        <v>253</v>
      </c>
      <c r="B45">
        <v>57098</v>
      </c>
      <c r="C45">
        <v>75077</v>
      </c>
      <c r="D45" t="s">
        <v>248</v>
      </c>
      <c r="E45" t="s">
        <v>254</v>
      </c>
    </row>
    <row r="46" spans="1:5" x14ac:dyDescent="0.2">
      <c r="A46" t="s">
        <v>260</v>
      </c>
      <c r="B46">
        <v>-17134</v>
      </c>
      <c r="C46">
        <v>3606</v>
      </c>
      <c r="D46" t="s">
        <v>257</v>
      </c>
      <c r="E46" t="s">
        <v>261</v>
      </c>
    </row>
    <row r="47" spans="1:5" x14ac:dyDescent="0.2">
      <c r="A47" t="s">
        <v>264</v>
      </c>
      <c r="B47">
        <v>-6325</v>
      </c>
      <c r="C47">
        <v>2193</v>
      </c>
      <c r="D47" t="s">
        <v>257</v>
      </c>
      <c r="E47" t="s">
        <v>265</v>
      </c>
    </row>
    <row r="48" spans="1:5" x14ac:dyDescent="0.2">
      <c r="A48" t="s">
        <v>268</v>
      </c>
      <c r="B48">
        <v>-7247</v>
      </c>
      <c r="C48">
        <v>-3298</v>
      </c>
      <c r="D48" t="s">
        <v>257</v>
      </c>
      <c r="E48" t="s">
        <v>269</v>
      </c>
    </row>
    <row r="49" spans="1:5" x14ac:dyDescent="0.2">
      <c r="A49" t="s">
        <v>273</v>
      </c>
      <c r="B49">
        <v>-10264</v>
      </c>
      <c r="C49">
        <v>-4852</v>
      </c>
      <c r="D49" t="s">
        <v>257</v>
      </c>
      <c r="E49" t="s">
        <v>274</v>
      </c>
    </row>
    <row r="50" spans="1:5" x14ac:dyDescent="0.2">
      <c r="A50" t="s">
        <v>287</v>
      </c>
      <c r="B50">
        <v>55858</v>
      </c>
      <c r="C50">
        <v>-45139</v>
      </c>
      <c r="D50" t="s">
        <v>257</v>
      </c>
      <c r="E50" t="s">
        <v>288</v>
      </c>
    </row>
    <row r="51" spans="1:5" x14ac:dyDescent="0.2">
      <c r="A51" t="s">
        <v>301</v>
      </c>
      <c r="B51">
        <v>1272</v>
      </c>
      <c r="C51">
        <v>27145</v>
      </c>
      <c r="D51" t="s">
        <v>257</v>
      </c>
      <c r="E51" t="s">
        <v>302</v>
      </c>
    </row>
    <row r="52" spans="1:5" x14ac:dyDescent="0.2">
      <c r="A52" t="s">
        <v>315</v>
      </c>
      <c r="B52">
        <v>-5699</v>
      </c>
      <c r="C52">
        <v>38522</v>
      </c>
      <c r="D52" t="s">
        <v>257</v>
      </c>
      <c r="E52" t="s">
        <v>316</v>
      </c>
    </row>
    <row r="53" spans="1:5" x14ac:dyDescent="0.2">
      <c r="A53" t="s">
        <v>321</v>
      </c>
      <c r="B53">
        <v>-102524</v>
      </c>
      <c r="C53">
        <v>-72279</v>
      </c>
      <c r="D53" t="s">
        <v>319</v>
      </c>
      <c r="E53" t="s">
        <v>322</v>
      </c>
    </row>
    <row r="54" spans="1:5" x14ac:dyDescent="0.2">
      <c r="A54" t="s">
        <v>326</v>
      </c>
      <c r="B54">
        <v>-84585</v>
      </c>
      <c r="C54">
        <v>-99599</v>
      </c>
      <c r="D54" t="s">
        <v>319</v>
      </c>
      <c r="E54" t="s">
        <v>327</v>
      </c>
    </row>
    <row r="55" spans="1:5" x14ac:dyDescent="0.2">
      <c r="A55" t="s">
        <v>329</v>
      </c>
      <c r="B55">
        <v>-96100</v>
      </c>
      <c r="C55">
        <v>-119655</v>
      </c>
      <c r="D55" t="s">
        <v>319</v>
      </c>
      <c r="E55" t="s">
        <v>330</v>
      </c>
    </row>
    <row r="56" spans="1:5" x14ac:dyDescent="0.2">
      <c r="A56" t="s">
        <v>335</v>
      </c>
      <c r="B56">
        <v>-74624</v>
      </c>
      <c r="C56">
        <v>-58553</v>
      </c>
      <c r="D56" t="s">
        <v>319</v>
      </c>
      <c r="E56" t="s">
        <v>336</v>
      </c>
    </row>
    <row r="57" spans="1:5" x14ac:dyDescent="0.2">
      <c r="A57" t="s">
        <v>343</v>
      </c>
      <c r="B57">
        <v>271175</v>
      </c>
      <c r="C57">
        <v>50675</v>
      </c>
      <c r="D57" t="s">
        <v>340</v>
      </c>
      <c r="E57" t="s">
        <v>344</v>
      </c>
    </row>
    <row r="58" spans="1:5" x14ac:dyDescent="0.2">
      <c r="A58" t="s">
        <v>350</v>
      </c>
      <c r="B58">
        <v>225017</v>
      </c>
      <c r="C58">
        <v>91642</v>
      </c>
      <c r="D58" t="s">
        <v>340</v>
      </c>
      <c r="E58" t="s">
        <v>351</v>
      </c>
    </row>
    <row r="59" spans="1:5" x14ac:dyDescent="0.2">
      <c r="A59" t="s">
        <v>359</v>
      </c>
      <c r="B59">
        <v>180256</v>
      </c>
      <c r="C59">
        <v>79086</v>
      </c>
      <c r="D59" t="s">
        <v>340</v>
      </c>
      <c r="E59" t="s">
        <v>360</v>
      </c>
    </row>
    <row r="60" spans="1:5" x14ac:dyDescent="0.2">
      <c r="A60" t="s">
        <v>364</v>
      </c>
      <c r="B60">
        <v>179910</v>
      </c>
      <c r="C60">
        <v>79038</v>
      </c>
      <c r="D60" t="s">
        <v>340</v>
      </c>
      <c r="E60" t="s">
        <v>365</v>
      </c>
    </row>
    <row r="61" spans="1:5" x14ac:dyDescent="0.2">
      <c r="A61" t="s">
        <v>375</v>
      </c>
      <c r="B61">
        <v>-32544</v>
      </c>
      <c r="C61">
        <v>-115694</v>
      </c>
      <c r="D61" t="s">
        <v>373</v>
      </c>
      <c r="E61" t="s">
        <v>376</v>
      </c>
    </row>
    <row r="62" spans="1:5" x14ac:dyDescent="0.2">
      <c r="A62" t="s">
        <v>379</v>
      </c>
      <c r="B62">
        <v>-45141</v>
      </c>
      <c r="C62">
        <v>-128325</v>
      </c>
      <c r="D62" t="s">
        <v>373</v>
      </c>
      <c r="E62" t="s">
        <v>380</v>
      </c>
    </row>
    <row r="63" spans="1:5" x14ac:dyDescent="0.2">
      <c r="A63" t="s">
        <v>383</v>
      </c>
      <c r="B63">
        <v>-26348</v>
      </c>
      <c r="C63">
        <v>-120939</v>
      </c>
      <c r="D63" t="s">
        <v>373</v>
      </c>
      <c r="E63" t="s">
        <v>384</v>
      </c>
    </row>
    <row r="64" spans="1:5" x14ac:dyDescent="0.2">
      <c r="A64" t="s">
        <v>391</v>
      </c>
      <c r="B64">
        <v>-185548</v>
      </c>
      <c r="C64">
        <v>-44426</v>
      </c>
      <c r="D64" t="s">
        <v>387</v>
      </c>
      <c r="E64" t="s">
        <v>392</v>
      </c>
    </row>
    <row r="65" spans="1:5" x14ac:dyDescent="0.2">
      <c r="A65" t="s">
        <v>396</v>
      </c>
      <c r="B65">
        <v>-159855</v>
      </c>
      <c r="C65">
        <v>-18406</v>
      </c>
      <c r="D65" t="s">
        <v>387</v>
      </c>
      <c r="E65" t="s">
        <v>397</v>
      </c>
    </row>
    <row r="66" spans="1:5" x14ac:dyDescent="0.2">
      <c r="A66" t="s">
        <v>399</v>
      </c>
      <c r="B66">
        <v>-183384</v>
      </c>
      <c r="C66">
        <v>-20041</v>
      </c>
      <c r="D66" t="s">
        <v>387</v>
      </c>
      <c r="E66" t="s">
        <v>400</v>
      </c>
    </row>
    <row r="67" spans="1:5" x14ac:dyDescent="0.2">
      <c r="A67" t="s">
        <v>406</v>
      </c>
      <c r="B67">
        <v>-78500</v>
      </c>
      <c r="C67">
        <v>-44901</v>
      </c>
      <c r="D67" t="s">
        <v>404</v>
      </c>
      <c r="E67" t="s">
        <v>407</v>
      </c>
    </row>
    <row r="68" spans="1:5" x14ac:dyDescent="0.2">
      <c r="A68" t="s">
        <v>410</v>
      </c>
      <c r="B68">
        <v>-71094</v>
      </c>
      <c r="C68">
        <v>-44401</v>
      </c>
      <c r="D68" t="s">
        <v>404</v>
      </c>
      <c r="E68" t="s">
        <v>411</v>
      </c>
    </row>
    <row r="69" spans="1:5" x14ac:dyDescent="0.2">
      <c r="A69" t="s">
        <v>404</v>
      </c>
      <c r="B69">
        <v>-86065</v>
      </c>
      <c r="C69">
        <v>-38078</v>
      </c>
      <c r="D69" t="s">
        <v>404</v>
      </c>
      <c r="E69" t="s">
        <v>419</v>
      </c>
    </row>
    <row r="70" spans="1:5" x14ac:dyDescent="0.2">
      <c r="A70" t="s">
        <v>423</v>
      </c>
      <c r="B70">
        <v>-136728</v>
      </c>
      <c r="C70">
        <v>-72873</v>
      </c>
      <c r="D70" t="s">
        <v>422</v>
      </c>
      <c r="E70" t="s">
        <v>424</v>
      </c>
    </row>
    <row r="71" spans="1:5" x14ac:dyDescent="0.2">
      <c r="A71" t="s">
        <v>427</v>
      </c>
      <c r="B71">
        <v>-157588</v>
      </c>
      <c r="C71">
        <v>-108058</v>
      </c>
      <c r="D71" t="s">
        <v>422</v>
      </c>
      <c r="E71" t="s">
        <v>428</v>
      </c>
    </row>
    <row r="72" spans="1:5" x14ac:dyDescent="0.2">
      <c r="A72" t="s">
        <v>430</v>
      </c>
      <c r="B72">
        <v>-168152</v>
      </c>
      <c r="C72">
        <v>-64885</v>
      </c>
      <c r="D72" t="s">
        <v>422</v>
      </c>
      <c r="E72" t="s">
        <v>431</v>
      </c>
    </row>
  </sheetData>
  <conditionalFormatting sqref="A2:XFD1048576 F1:XFD1">
    <cfRule type="expression" dxfId="1" priority="2">
      <formula>A1&lt;&gt;""</formula>
    </cfRule>
  </conditionalFormatting>
  <conditionalFormatting sqref="A1:E1">
    <cfRule type="expression" dxfId="0" priority="1">
      <formula>A1&lt;&gt;""</formula>
    </cfRule>
  </conditionalFormatting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T346"/>
  <sheetViews>
    <sheetView workbookViewId="0">
      <selection activeCell="A12" sqref="A12"/>
    </sheetView>
  </sheetViews>
  <sheetFormatPr defaultRowHeight="14.25" x14ac:dyDescent="0.2"/>
  <cols>
    <col min="1" max="1" width="16.625" bestFit="1" customWidth="1"/>
    <col min="2" max="72" width="3.875" bestFit="1" customWidth="1"/>
  </cols>
  <sheetData>
    <row r="1" spans="1:72" ht="99.75" x14ac:dyDescent="0.2">
      <c r="A1" s="2"/>
      <c r="B1" s="2" t="str">
        <f ca="1">INDEX(telephely!$A$2:$A$72,CELL("oszlop",A1))</f>
        <v>Baja</v>
      </c>
      <c r="C1" s="2" t="str">
        <f ca="1">INDEX(telephely!$A$2:$A$72,CELL("oszlop",B1))</f>
        <v>Kalocsa</v>
      </c>
      <c r="D1" s="2" t="str">
        <f ca="1">INDEX(telephely!$A$2:$A$72,CELL("oszlop",C1))</f>
        <v>Kecskemét</v>
      </c>
      <c r="E1" s="2" t="str">
        <f ca="1">INDEX(telephely!$A$2:$A$72,CELL("oszlop",D1))</f>
        <v>Komló</v>
      </c>
      <c r="F1" s="2" t="str">
        <f ca="1">INDEX(telephely!$A$2:$A$72,CELL("oszlop",E1))</f>
        <v>Mohács</v>
      </c>
      <c r="G1" s="2" t="str">
        <f ca="1">INDEX(telephely!$A$2:$A$72,CELL("oszlop",F1))</f>
        <v>Pécs</v>
      </c>
      <c r="H1" s="2" t="str">
        <f ca="1">INDEX(telephely!$A$2:$A$72,CELL("oszlop",G1))</f>
        <v>Szigetvár</v>
      </c>
      <c r="I1" s="2" t="str">
        <f ca="1">INDEX(telephely!$A$2:$A$72,CELL("oszlop",H1))</f>
        <v>Békéscsaba</v>
      </c>
      <c r="J1" s="2" t="str">
        <f ca="1">INDEX(telephely!$A$2:$A$72,CELL("oszlop",I1))</f>
        <v>Gyula</v>
      </c>
      <c r="K1" s="2" t="str">
        <f ca="1">INDEX(telephely!$A$2:$A$72,CELL("oszlop",J1))</f>
        <v>Orosháza</v>
      </c>
      <c r="L1" s="2" t="str">
        <f ca="1">INDEX(telephely!$A$2:$A$72,CELL("oszlop",K1))</f>
        <v>Kazincbarcika</v>
      </c>
      <c r="M1" s="2" t="str">
        <f ca="1">INDEX(telephely!$A$2:$A$72,CELL("oszlop",L1))</f>
        <v>Miskolc</v>
      </c>
      <c r="N1" s="2" t="str">
        <f ca="1">INDEX(telephely!$A$2:$A$72,CELL("oszlop",M1))</f>
        <v>Ózd</v>
      </c>
      <c r="O1" s="2" t="str">
        <f ca="1">INDEX(telephely!$A$2:$A$72,CELL("oszlop",N1))</f>
        <v>Sárospatak</v>
      </c>
      <c r="P1" s="2" t="str">
        <f ca="1">INDEX(telephely!$A$2:$A$72,CELL("oszlop",O1))</f>
        <v>Sátoraljaújhely</v>
      </c>
      <c r="Q1" s="2" t="str">
        <f ca="1">INDEX(telephely!$A$2:$A$72,CELL("oszlop",P1))</f>
        <v>Hódmezővásárhely</v>
      </c>
      <c r="R1" s="2" t="str">
        <f ca="1">INDEX(telephely!$A$2:$A$72,CELL("oszlop",Q1))</f>
        <v>Makó</v>
      </c>
      <c r="S1" s="2" t="str">
        <f ca="1">INDEX(telephely!$A$2:$A$72,CELL("oszlop",R1))</f>
        <v>Szeged</v>
      </c>
      <c r="T1" s="2" t="str">
        <f ca="1">INDEX(telephely!$A$2:$A$72,CELL("oszlop",S1))</f>
        <v>Bicske</v>
      </c>
      <c r="U1" s="2" t="str">
        <f ca="1">INDEX(telephely!$A$2:$A$72,CELL("oszlop",T1))</f>
        <v>Dunaújváros</v>
      </c>
      <c r="V1" s="2" t="str">
        <f ca="1">INDEX(telephely!$A$2:$A$72,CELL("oszlop",U1))</f>
        <v>Polgárdi</v>
      </c>
      <c r="W1" s="2" t="str">
        <f ca="1">INDEX(telephely!$A$2:$A$72,CELL("oszlop",V1))</f>
        <v>Sárbogárd</v>
      </c>
      <c r="X1" s="2" t="str">
        <f ca="1">INDEX(telephely!$A$2:$A$72,CELL("oszlop",W1))</f>
        <v>Székesfehérvár</v>
      </c>
      <c r="Y1" s="2" t="str">
        <f ca="1">INDEX(telephely!$A$2:$A$72,CELL("oszlop",X1))</f>
        <v>Győr</v>
      </c>
      <c r="Z1" s="2" t="str">
        <f ca="1">INDEX(telephely!$A$2:$A$72,CELL("oszlop",Y1))</f>
        <v>Lébény</v>
      </c>
      <c r="AA1" s="2" t="str">
        <f ca="1">INDEX(telephely!$A$2:$A$72,CELL("oszlop",Z1))</f>
        <v>Sopron</v>
      </c>
      <c r="AB1" s="2" t="str">
        <f ca="1">INDEX(telephely!$A$2:$A$72,CELL("oszlop",AA1))</f>
        <v>Debrecen</v>
      </c>
      <c r="AC1" s="2" t="str">
        <f ca="1">INDEX(telephely!$A$2:$A$72,CELL("oszlop",AB1))</f>
        <v>Hajdúszoboszló</v>
      </c>
      <c r="AD1" s="2" t="str">
        <f ca="1">INDEX(telephely!$A$2:$A$72,CELL("oszlop",AC1))</f>
        <v>Nádudvar</v>
      </c>
      <c r="AE1" s="2" t="str">
        <f ca="1">INDEX(telephely!$A$2:$A$72,CELL("oszlop",AD1))</f>
        <v>Püspökladány</v>
      </c>
      <c r="AF1" s="2" t="str">
        <f ca="1">INDEX(telephely!$A$2:$A$72,CELL("oszlop",AE1))</f>
        <v>Eger</v>
      </c>
      <c r="AG1" s="2" t="str">
        <f ca="1">INDEX(telephely!$A$2:$A$72,CELL("oszlop",AF1))</f>
        <v>Gyöngyös</v>
      </c>
      <c r="AH1" s="2" t="str">
        <f ca="1">INDEX(telephely!$A$2:$A$72,CELL("oszlop",AG1))</f>
        <v>Hatvan</v>
      </c>
      <c r="AI1" s="2" t="str">
        <f ca="1">INDEX(telephely!$A$2:$A$72,CELL("oszlop",AH1))</f>
        <v>Pétervására</v>
      </c>
      <c r="AJ1" s="2" t="str">
        <f ca="1">INDEX(telephely!$A$2:$A$72,CELL("oszlop",AI1))</f>
        <v>Jászárokszállás</v>
      </c>
      <c r="AK1" s="2" t="str">
        <f ca="1">INDEX(telephely!$A$2:$A$72,CELL("oszlop",AJ1))</f>
        <v>Karcag</v>
      </c>
      <c r="AL1" s="2" t="str">
        <f ca="1">INDEX(telephely!$A$2:$A$72,CELL("oszlop",AK1))</f>
        <v>Kunhegyes</v>
      </c>
      <c r="AM1" s="2" t="str">
        <f ca="1">INDEX(telephely!$A$2:$A$72,CELL("oszlop",AL1))</f>
        <v>Szolnok</v>
      </c>
      <c r="AN1" s="2" t="str">
        <f ca="1">INDEX(telephely!$A$2:$A$72,CELL("oszlop",AM1))</f>
        <v>Esztergom</v>
      </c>
      <c r="AO1" s="2" t="str">
        <f ca="1">INDEX(telephely!$A$2:$A$72,CELL("oszlop",AN1))</f>
        <v>Komárom</v>
      </c>
      <c r="AP1" s="2" t="str">
        <f ca="1">INDEX(telephely!$A$2:$A$72,CELL("oszlop",AO1))</f>
        <v>Tata</v>
      </c>
      <c r="AQ1" s="2" t="str">
        <f ca="1">INDEX(telephely!$A$2:$A$72,CELL("oszlop",AP1))</f>
        <v>Tatabánya</v>
      </c>
      <c r="AR1" s="2" t="str">
        <f ca="1">INDEX(telephely!$A$2:$A$72,CELL("oszlop",AQ1))</f>
        <v>Pásztó</v>
      </c>
      <c r="AS1" s="2" t="str">
        <f ca="1">INDEX(telephely!$A$2:$A$72,CELL("oszlop",AR1))</f>
        <v>Salgótarján</v>
      </c>
      <c r="AT1" s="2" t="str">
        <f ca="1">INDEX(telephely!$A$2:$A$72,CELL("oszlop",AS1))</f>
        <v>Biatorbágy</v>
      </c>
      <c r="AU1" s="2" t="str">
        <f ca="1">INDEX(telephely!$A$2:$A$72,CELL("oszlop",AT1))</f>
        <v>Budaörs</v>
      </c>
      <c r="AV1" s="2" t="str">
        <f ca="1">INDEX(telephely!$A$2:$A$72,CELL("oszlop",AU1))</f>
        <v>Diósd</v>
      </c>
      <c r="AW1" s="2" t="str">
        <f ca="1">INDEX(telephely!$A$2:$A$72,CELL("oszlop",AV1))</f>
        <v>Érd</v>
      </c>
      <c r="AX1" s="2" t="str">
        <f ca="1">INDEX(telephely!$A$2:$A$72,CELL("oszlop",AW1))</f>
        <v>Nagykőrös</v>
      </c>
      <c r="AY1" s="2" t="str">
        <f ca="1">INDEX(telephely!$A$2:$A$72,CELL("oszlop",AX1))</f>
        <v>Szentendre</v>
      </c>
      <c r="AZ1" s="2" t="str">
        <f ca="1">INDEX(telephely!$A$2:$A$72,CELL("oszlop",AY1))</f>
        <v>Visegrád</v>
      </c>
      <c r="BA1" s="2" t="str">
        <f ca="1">INDEX(telephely!$A$2:$A$72,CELL("oszlop",AZ1))</f>
        <v>Balatonlelle</v>
      </c>
      <c r="BB1" s="2" t="str">
        <f ca="1">INDEX(telephely!$A$2:$A$72,CELL("oszlop",BA1))</f>
        <v>Igal</v>
      </c>
      <c r="BC1" s="2" t="str">
        <f ca="1">INDEX(telephely!$A$2:$A$72,CELL("oszlop",BB1))</f>
        <v>Kaposvár</v>
      </c>
      <c r="BD1" s="2" t="str">
        <f ca="1">INDEX(telephely!$A$2:$A$72,CELL("oszlop",BC1))</f>
        <v>Siófok</v>
      </c>
      <c r="BE1" s="2" t="str">
        <f ca="1">INDEX(telephely!$A$2:$A$72,CELL("oszlop",BD1))</f>
        <v>Csenger</v>
      </c>
      <c r="BF1" s="2" t="str">
        <f ca="1">INDEX(telephely!$A$2:$A$72,CELL("oszlop",BE1))</f>
        <v>Kisvárda</v>
      </c>
      <c r="BG1" s="2" t="str">
        <f ca="1">INDEX(telephely!$A$2:$A$72,CELL("oszlop",BF1))</f>
        <v>Nyíregyháza</v>
      </c>
      <c r="BH1" s="2" t="str">
        <f ca="1">INDEX(telephely!$A$2:$A$72,CELL("oszlop",BG1))</f>
        <v>Rakamaz</v>
      </c>
      <c r="BI1" s="2" t="str">
        <f ca="1">INDEX(telephely!$A$2:$A$72,CELL("oszlop",BH1))</f>
        <v>Dombóvár</v>
      </c>
      <c r="BJ1" s="2" t="str">
        <f ca="1">INDEX(telephely!$A$2:$A$72,CELL("oszlop",BI1))</f>
        <v>Nagymányok</v>
      </c>
      <c r="BK1" s="2" t="str">
        <f ca="1">INDEX(telephely!$A$2:$A$72,CELL("oszlop",BJ1))</f>
        <v>Szekszárd</v>
      </c>
      <c r="BL1" s="2" t="str">
        <f ca="1">INDEX(telephely!$A$2:$A$72,CELL("oszlop",BK1))</f>
        <v>Körmend</v>
      </c>
      <c r="BM1" s="2" t="str">
        <f ca="1">INDEX(telephely!$A$2:$A$72,CELL("oszlop",BL1))</f>
        <v>Sárvár</v>
      </c>
      <c r="BN1" s="2" t="str">
        <f ca="1">INDEX(telephely!$A$2:$A$72,CELL("oszlop",BM1))</f>
        <v>Szombathely</v>
      </c>
      <c r="BO1" s="2" t="str">
        <f ca="1">INDEX(telephely!$A$2:$A$72,CELL("oszlop",BN1))</f>
        <v>Balatonalmádi</v>
      </c>
      <c r="BP1" s="2" t="str">
        <f ca="1">INDEX(telephely!$A$2:$A$72,CELL("oszlop",BO1))</f>
        <v>Balatonkenese</v>
      </c>
      <c r="BQ1" s="2" t="str">
        <f ca="1">INDEX(telephely!$A$2:$A$72,CELL("oszlop",BP1))</f>
        <v>Veszprém</v>
      </c>
      <c r="BR1" s="2" t="str">
        <f ca="1">INDEX(telephely!$A$2:$A$72,CELL("oszlop",BQ1))</f>
        <v>Keszthely</v>
      </c>
      <c r="BS1" s="2" t="str">
        <f ca="1">INDEX(telephely!$A$2:$A$72,CELL("oszlop",BR1))</f>
        <v>Nagykanizsa</v>
      </c>
      <c r="BT1" s="2" t="str">
        <f ca="1">INDEX(telephely!$A$2:$A$72,CELL("oszlop",BS1))</f>
        <v>Zalaegerszeg</v>
      </c>
    </row>
    <row r="2" spans="1:72" x14ac:dyDescent="0.2">
      <c r="A2" t="str">
        <f>városok!A2</f>
        <v>Bácsalmás</v>
      </c>
      <c r="B2">
        <f ca="1">ROUND(SQRT((VLOOKUP($A2,városok!$A$2:$C$346,2,0)-VLOOKUP(B$1,városok!$A$2:$C$346,2,0))^2+(VLOOKUP($A2,városok!$A$2:$C$346,3,0)-VLOOKUP(B$1,városok!$A$2:$C$346,3,0))^2)/1000,0)</f>
        <v>29</v>
      </c>
      <c r="C2">
        <f ca="1">ROUND(SQRT((VLOOKUP($A2,városok!$A$2:$C$346,2,0)-VLOOKUP(C$1,városok!$A$2:$C$346,2,0))^2+(VLOOKUP($A2,városok!$A$2:$C$346,3,0)-VLOOKUP(C$1,városok!$A$2:$C$346,3,0))^2)/1000,0)</f>
        <v>52</v>
      </c>
      <c r="D2">
        <f ca="1">ROUND(SQRT((VLOOKUP($A2,városok!$A$2:$C$346,2,0)-VLOOKUP(D$1,városok!$A$2:$C$346,2,0))^2+(VLOOKUP($A2,városok!$A$2:$C$346,3,0)-VLOOKUP(D$1,városok!$A$2:$C$346,3,0))^2)/1000,0)</f>
        <v>91</v>
      </c>
      <c r="E2">
        <f ca="1">ROUND(SQRT((VLOOKUP($A2,városok!$A$2:$C$346,2,0)-VLOOKUP(E$1,városok!$A$2:$C$346,2,0))^2+(VLOOKUP($A2,városok!$A$2:$C$346,3,0)-VLOOKUP(E$1,városok!$A$2:$C$346,3,0))^2)/1000,0)</f>
        <v>83</v>
      </c>
      <c r="F2">
        <f ca="1">ROUND(SQRT((VLOOKUP($A2,városok!$A$2:$C$346,2,0)-VLOOKUP(F$1,városok!$A$2:$C$346,2,0))^2+(VLOOKUP($A2,városok!$A$2:$C$346,3,0)-VLOOKUP(F$1,városok!$A$2:$C$346,3,0))^2)/1000,0)</f>
        <v>52</v>
      </c>
      <c r="G2">
        <f ca="1">ROUND(SQRT((VLOOKUP($A2,városok!$A$2:$C$346,2,0)-VLOOKUP(G$1,városok!$A$2:$C$346,2,0))^2+(VLOOKUP($A2,városok!$A$2:$C$346,3,0)-VLOOKUP(G$1,városok!$A$2:$C$346,3,0))^2)/1000,0)</f>
        <v>84</v>
      </c>
      <c r="H2">
        <f ca="1">ROUND(SQRT((VLOOKUP($A2,városok!$A$2:$C$346,2,0)-VLOOKUP(H$1,városok!$A$2:$C$346,2,0))^2+(VLOOKUP($A2,városok!$A$2:$C$346,3,0)-VLOOKUP(H$1,városok!$A$2:$C$346,3,0))^2)/1000,0)</f>
        <v>119</v>
      </c>
      <c r="I2">
        <f ca="1">ROUND(SQRT((VLOOKUP($A2,városok!$A$2:$C$346,2,0)-VLOOKUP(I$1,városok!$A$2:$C$346,2,0))^2+(VLOOKUP($A2,városok!$A$2:$C$346,3,0)-VLOOKUP(I$1,városok!$A$2:$C$346,3,0))^2)/1000,0)</f>
        <v>148</v>
      </c>
      <c r="J2">
        <f ca="1">ROUND(SQRT((VLOOKUP($A2,városok!$A$2:$C$346,2,0)-VLOOKUP(J$1,városok!$A$2:$C$346,2,0))^2+(VLOOKUP($A2,városok!$A$2:$C$346,3,0)-VLOOKUP(J$1,városok!$A$2:$C$346,3,0))^2)/1000,0)</f>
        <v>161</v>
      </c>
      <c r="K2">
        <f ca="1">ROUND(SQRT((VLOOKUP($A2,városok!$A$2:$C$346,2,0)-VLOOKUP(K$1,városok!$A$2:$C$346,2,0))^2+(VLOOKUP($A2,városok!$A$2:$C$346,3,0)-VLOOKUP(K$1,városok!$A$2:$C$346,3,0))^2)/1000,0)</f>
        <v>114</v>
      </c>
      <c r="L2">
        <f ca="1">ROUND(SQRT((VLOOKUP($A2,városok!$A$2:$C$346,2,0)-VLOOKUP(L$1,városok!$A$2:$C$346,2,0))^2+(VLOOKUP($A2,városok!$A$2:$C$346,3,0)-VLOOKUP(L$1,városok!$A$2:$C$346,3,0))^2)/1000,0)</f>
        <v>256</v>
      </c>
      <c r="M2">
        <f ca="1">ROUND(SQRT((VLOOKUP($A2,városok!$A$2:$C$346,2,0)-VLOOKUP(M$1,városok!$A$2:$C$346,2,0))^2+(VLOOKUP($A2,városok!$A$2:$C$346,3,0)-VLOOKUP(M$1,városok!$A$2:$C$346,3,0))^2)/1000,0)</f>
        <v>246</v>
      </c>
      <c r="N2">
        <f ca="1">ROUND(SQRT((VLOOKUP($A2,városok!$A$2:$C$346,2,0)-VLOOKUP(N$1,városok!$A$2:$C$346,2,0))^2+(VLOOKUP($A2,városok!$A$2:$C$346,3,0)-VLOOKUP(N$1,városok!$A$2:$C$346,3,0))^2)/1000,0)</f>
        <v>244</v>
      </c>
      <c r="O2">
        <f ca="1">ROUND(SQRT((VLOOKUP($A2,városok!$A$2:$C$346,2,0)-VLOOKUP(O$1,városok!$A$2:$C$346,2,0))^2+(VLOOKUP($A2,városok!$A$2:$C$346,3,0)-VLOOKUP(O$1,városok!$A$2:$C$346,3,0))^2)/1000,0)</f>
        <v>308</v>
      </c>
      <c r="P2">
        <f ca="1">ROUND(SQRT((VLOOKUP($A2,városok!$A$2:$C$346,2,0)-VLOOKUP(P$1,városok!$A$2:$C$346,2,0))^2+(VLOOKUP($A2,városok!$A$2:$C$346,3,0)-VLOOKUP(P$1,városok!$A$2:$C$346,3,0))^2)/1000,0)</f>
        <v>308</v>
      </c>
      <c r="Q2">
        <f ca="1">ROUND(SQRT((VLOOKUP($A2,városok!$A$2:$C$346,2,0)-VLOOKUP(Q$1,városok!$A$2:$C$346,2,0))^2+(VLOOKUP($A2,városok!$A$2:$C$346,3,0)-VLOOKUP(Q$1,városok!$A$2:$C$346,3,0))^2)/1000,0)</f>
        <v>83</v>
      </c>
      <c r="R2">
        <f ca="1">ROUND(SQRT((VLOOKUP($A2,városok!$A$2:$C$346,2,0)-VLOOKUP(R$1,városok!$A$2:$C$346,2,0))^2+(VLOOKUP($A2,városok!$A$2:$C$346,3,0)-VLOOKUP(R$1,városok!$A$2:$C$346,3,0))^2)/1000,0)</f>
        <v>89</v>
      </c>
      <c r="S2">
        <f ca="1">ROUND(SQRT((VLOOKUP($A2,városok!$A$2:$C$346,2,0)-VLOOKUP(S$1,városok!$A$2:$C$346,2,0))^2+(VLOOKUP($A2,városok!$A$2:$C$346,3,0)-VLOOKUP(S$1,városok!$A$2:$C$346,3,0))^2)/1000,0)</f>
        <v>66</v>
      </c>
      <c r="T2">
        <f ca="1">ROUND(SQRT((VLOOKUP($A2,városok!$A$2:$C$346,2,0)-VLOOKUP(T$1,városok!$A$2:$C$346,2,0))^2+(VLOOKUP($A2,városok!$A$2:$C$346,3,0)-VLOOKUP(T$1,városok!$A$2:$C$346,3,0))^2)/1000,0)</f>
        <v>160</v>
      </c>
      <c r="U2">
        <f ca="1">ROUND(SQRT((VLOOKUP($A2,városok!$A$2:$C$346,2,0)-VLOOKUP(U$1,városok!$A$2:$C$346,2,0))^2+(VLOOKUP($A2,városok!$A$2:$C$346,3,0)-VLOOKUP(U$1,városok!$A$2:$C$346,3,0))^2)/1000,0)</f>
        <v>98</v>
      </c>
      <c r="V2">
        <f ca="1">ROUND(SQRT((VLOOKUP($A2,városok!$A$2:$C$346,2,0)-VLOOKUP(V$1,városok!$A$2:$C$346,2,0))^2+(VLOOKUP($A2,városok!$A$2:$C$346,3,0)-VLOOKUP(V$1,városok!$A$2:$C$346,3,0))^2)/1000,0)</f>
        <v>130</v>
      </c>
      <c r="W2">
        <f ca="1">ROUND(SQRT((VLOOKUP($A2,városok!$A$2:$C$346,2,0)-VLOOKUP(W$1,városok!$A$2:$C$346,2,0))^2+(VLOOKUP($A2,városok!$A$2:$C$346,3,0)-VLOOKUP(W$1,városok!$A$2:$C$346,3,0))^2)/1000,0)</f>
        <v>100</v>
      </c>
      <c r="X2">
        <f ca="1">ROUND(SQRT((VLOOKUP($A2,városok!$A$2:$C$346,2,0)-VLOOKUP(X$1,városok!$A$2:$C$346,2,0))^2+(VLOOKUP($A2,városok!$A$2:$C$346,3,0)-VLOOKUP(X$1,városok!$A$2:$C$346,3,0))^2)/1000,0)</f>
        <v>150</v>
      </c>
      <c r="Y2">
        <f ca="1">ROUND(SQRT((VLOOKUP($A2,városok!$A$2:$C$346,2,0)-VLOOKUP(Y$1,városok!$A$2:$C$346,2,0))^2+(VLOOKUP($A2,városok!$A$2:$C$346,3,0)-VLOOKUP(Y$1,városok!$A$2:$C$346,3,0))^2)/1000,0)</f>
        <v>216</v>
      </c>
      <c r="Z2">
        <f ca="1">ROUND(SQRT((VLOOKUP($A2,városok!$A$2:$C$346,2,0)-VLOOKUP(Z$1,városok!$A$2:$C$346,2,0))^2+(VLOOKUP($A2,városok!$A$2:$C$346,3,0)-VLOOKUP(Z$1,városok!$A$2:$C$346,3,0))^2)/1000,0)</f>
        <v>232</v>
      </c>
      <c r="AA2">
        <f ca="1">ROUND(SQRT((VLOOKUP($A2,városok!$A$2:$C$346,2,0)-VLOOKUP(AA$1,városok!$A$2:$C$346,2,0))^2+(VLOOKUP($A2,városok!$A$2:$C$346,3,0)-VLOOKUP(AA$1,városok!$A$2:$C$346,3,0))^2)/1000,0)</f>
        <v>271</v>
      </c>
      <c r="AB2">
        <f ca="1">ROUND(SQRT((VLOOKUP($A2,városok!$A$2:$C$346,2,0)-VLOOKUP(AB$1,városok!$A$2:$C$346,2,0))^2+(VLOOKUP($A2,városok!$A$2:$C$346,3,0)-VLOOKUP(AB$1,városok!$A$2:$C$346,3,0))^2)/1000,0)</f>
        <v>235</v>
      </c>
      <c r="AC2">
        <f ca="1">ROUND(SQRT((VLOOKUP($A2,városok!$A$2:$C$346,2,0)-VLOOKUP(AC$1,városok!$A$2:$C$346,2,0))^2+(VLOOKUP($A2,városok!$A$2:$C$346,3,0)-VLOOKUP(AC$1,városok!$A$2:$C$346,3,0))^2)/1000,0)</f>
        <v>215</v>
      </c>
      <c r="AD2">
        <f ca="1">ROUND(SQRT((VLOOKUP($A2,városok!$A$2:$C$346,2,0)-VLOOKUP(AD$1,városok!$A$2:$C$346,2,0))^2+(VLOOKUP($A2,városok!$A$2:$C$346,3,0)-VLOOKUP(AD$1,városok!$A$2:$C$346,3,0))^2)/1000,0)</f>
        <v>201</v>
      </c>
      <c r="AE2">
        <f ca="1">ROUND(SQRT((VLOOKUP($A2,városok!$A$2:$C$346,2,0)-VLOOKUP(AE$1,városok!$A$2:$C$346,2,0))^2+(VLOOKUP($A2,városok!$A$2:$C$346,3,0)-VLOOKUP(AE$1,városok!$A$2:$C$346,3,0))^2)/1000,0)</f>
        <v>191</v>
      </c>
      <c r="AF2">
        <f ca="1">ROUND(SQRT((VLOOKUP($A2,városok!$A$2:$C$346,2,0)-VLOOKUP(AF$1,városok!$A$2:$C$346,2,0))^2+(VLOOKUP($A2,városok!$A$2:$C$346,3,0)-VLOOKUP(AF$1,városok!$A$2:$C$346,3,0))^2)/1000,0)</f>
        <v>213</v>
      </c>
      <c r="AG2">
        <f ca="1">ROUND(SQRT((VLOOKUP($A2,városok!$A$2:$C$346,2,0)-VLOOKUP(AG$1,városok!$A$2:$C$346,2,0))^2+(VLOOKUP($A2,városok!$A$2:$C$346,3,0)-VLOOKUP(AG$1,városok!$A$2:$C$346,3,0))^2)/1000,0)</f>
        <v>189</v>
      </c>
      <c r="AH2">
        <f ca="1">ROUND(SQRT((VLOOKUP($A2,városok!$A$2:$C$346,2,0)-VLOOKUP(AH$1,városok!$A$2:$C$346,2,0))^2+(VLOOKUP($A2,városok!$A$2:$C$346,3,0)-VLOOKUP(AH$1,városok!$A$2:$C$346,3,0))^2)/1000,0)</f>
        <v>173</v>
      </c>
      <c r="AI2">
        <f ca="1">ROUND(SQRT((VLOOKUP($A2,városok!$A$2:$C$346,2,0)-VLOOKUP(AI$1,városok!$A$2:$C$346,2,0))^2+(VLOOKUP($A2,városok!$A$2:$C$346,3,0)-VLOOKUP(AI$1,városok!$A$2:$C$346,3,0))^2)/1000,0)</f>
        <v>218</v>
      </c>
      <c r="AJ2">
        <f ca="1">ROUND(SQRT((VLOOKUP($A2,városok!$A$2:$C$346,2,0)-VLOOKUP(AJ$1,városok!$A$2:$C$346,2,0))^2+(VLOOKUP($A2,városok!$A$2:$C$346,3,0)-VLOOKUP(AJ$1,városok!$A$2:$C$346,3,0))^2)/1000,0)</f>
        <v>176</v>
      </c>
      <c r="AK2">
        <f ca="1">ROUND(SQRT((VLOOKUP($A2,városok!$A$2:$C$346,2,0)-VLOOKUP(AK$1,városok!$A$2:$C$346,2,0))^2+(VLOOKUP($A2,városok!$A$2:$C$346,3,0)-VLOOKUP(AK$1,városok!$A$2:$C$346,3,0))^2)/1000,0)</f>
        <v>180</v>
      </c>
      <c r="AL2">
        <f ca="1">ROUND(SQRT((VLOOKUP($A2,városok!$A$2:$C$346,2,0)-VLOOKUP(AL$1,városok!$A$2:$C$346,2,0))^2+(VLOOKUP($A2,városok!$A$2:$C$346,3,0)-VLOOKUP(AL$1,városok!$A$2:$C$346,3,0))^2)/1000,0)</f>
        <v>170</v>
      </c>
      <c r="AM2">
        <f ca="1">ROUND(SQRT((VLOOKUP($A2,városok!$A$2:$C$346,2,0)-VLOOKUP(AM$1,városok!$A$2:$C$346,2,0))^2+(VLOOKUP($A2,városok!$A$2:$C$346,3,0)-VLOOKUP(AM$1,városok!$A$2:$C$346,3,0))^2)/1000,0)</f>
        <v>134</v>
      </c>
      <c r="AN2">
        <f ca="1">ROUND(SQRT((VLOOKUP($A2,városok!$A$2:$C$346,2,0)-VLOOKUP(AN$1,városok!$A$2:$C$346,2,0))^2+(VLOOKUP($A2,városok!$A$2:$C$346,3,0)-VLOOKUP(AN$1,városok!$A$2:$C$346,3,0))^2)/1000,0)</f>
        <v>190</v>
      </c>
      <c r="AO2">
        <f ca="1">ROUND(SQRT((VLOOKUP($A2,városok!$A$2:$C$346,2,0)-VLOOKUP(AO$1,városok!$A$2:$C$346,2,0))^2+(VLOOKUP($A2,városok!$A$2:$C$346,3,0)-VLOOKUP(AO$1,városok!$A$2:$C$346,3,0))^2)/1000,0)</f>
        <v>201</v>
      </c>
      <c r="AP2">
        <f ca="1">ROUND(SQRT((VLOOKUP($A2,városok!$A$2:$C$346,2,0)-VLOOKUP(AP$1,városok!$A$2:$C$346,2,0))^2+(VLOOKUP($A2,városok!$A$2:$C$346,3,0)-VLOOKUP(AP$1,városok!$A$2:$C$346,3,0))^2)/1000,0)</f>
        <v>185</v>
      </c>
      <c r="AQ2">
        <f ca="1">ROUND(SQRT((VLOOKUP($A2,városok!$A$2:$C$346,2,0)-VLOOKUP(AQ$1,városok!$A$2:$C$346,2,0))^2+(VLOOKUP($A2,városok!$A$2:$C$346,3,0)-VLOOKUP(AQ$1,városok!$A$2:$C$346,3,0))^2)/1000,0)</f>
        <v>175</v>
      </c>
      <c r="AR2">
        <f ca="1">ROUND(SQRT((VLOOKUP($A2,városok!$A$2:$C$346,2,0)-VLOOKUP(AR$1,városok!$A$2:$C$346,2,0))^2+(VLOOKUP($A2,városok!$A$2:$C$346,3,0)-VLOOKUP(AR$1,városok!$A$2:$C$346,3,0))^2)/1000,0)</f>
        <v>201</v>
      </c>
      <c r="AS2">
        <f ca="1">ROUND(SQRT((VLOOKUP($A2,városok!$A$2:$C$346,2,0)-VLOOKUP(AS$1,városok!$A$2:$C$346,2,0))^2+(VLOOKUP($A2,városok!$A$2:$C$346,3,0)-VLOOKUP(AS$1,városok!$A$2:$C$346,3,0))^2)/1000,0)</f>
        <v>224</v>
      </c>
      <c r="AT2">
        <f ca="1">ROUND(SQRT((VLOOKUP($A2,városok!$A$2:$C$346,2,0)-VLOOKUP(AT$1,városok!$A$2:$C$346,2,0))^2+(VLOOKUP($A2,városok!$A$2:$C$346,3,0)-VLOOKUP(AT$1,városok!$A$2:$C$346,3,0))^2)/1000,0)</f>
        <v>154</v>
      </c>
      <c r="AU2">
        <f ca="1">ROUND(SQRT((VLOOKUP($A2,városok!$A$2:$C$346,2,0)-VLOOKUP(AU$1,városok!$A$2:$C$346,2,0))^2+(VLOOKUP($A2,városok!$A$2:$C$346,3,0)-VLOOKUP(AU$1,városok!$A$2:$C$346,3,0))^2)/1000,0)</f>
        <v>151</v>
      </c>
      <c r="AV2">
        <f ca="1">ROUND(SQRT((VLOOKUP($A2,városok!$A$2:$C$346,2,0)-VLOOKUP(AV$1,városok!$A$2:$C$346,2,0))^2+(VLOOKUP($A2,városok!$A$2:$C$346,3,0)-VLOOKUP(AV$1,városok!$A$2:$C$346,3,0))^2)/1000,0)</f>
        <v>145</v>
      </c>
      <c r="AW2">
        <f ca="1">ROUND(SQRT((VLOOKUP($A2,városok!$A$2:$C$346,2,0)-VLOOKUP(AW$1,városok!$A$2:$C$346,2,0))^2+(VLOOKUP($A2,városok!$A$2:$C$346,3,0)-VLOOKUP(AW$1,városok!$A$2:$C$346,3,0))^2)/1000,0)</f>
        <v>145</v>
      </c>
      <c r="AX2">
        <f ca="1">ROUND(SQRT((VLOOKUP($A2,városok!$A$2:$C$346,2,0)-VLOOKUP(AX$1,városok!$A$2:$C$346,2,0))^2+(VLOOKUP($A2,városok!$A$2:$C$346,3,0)-VLOOKUP(AX$1,városok!$A$2:$C$346,3,0))^2)/1000,0)</f>
        <v>106</v>
      </c>
      <c r="AY2">
        <f ca="1">ROUND(SQRT((VLOOKUP($A2,városok!$A$2:$C$346,2,0)-VLOOKUP(AY$1,városok!$A$2:$C$346,2,0))^2+(VLOOKUP($A2,városok!$A$2:$C$346,3,0)-VLOOKUP(AY$1,városok!$A$2:$C$346,3,0))^2)/1000,0)</f>
        <v>174</v>
      </c>
      <c r="AZ2">
        <f ca="1">ROUND(SQRT((VLOOKUP($A2,városok!$A$2:$C$346,2,0)-VLOOKUP(AZ$1,városok!$A$2:$C$346,2,0))^2+(VLOOKUP($A2,városok!$A$2:$C$346,3,0)-VLOOKUP(AZ$1,városok!$A$2:$C$346,3,0))^2)/1000,0)</f>
        <v>186</v>
      </c>
      <c r="BA2">
        <f ca="1">ROUND(SQRT((VLOOKUP($A2,városok!$A$2:$C$346,2,0)-VLOOKUP(BA$1,városok!$A$2:$C$346,2,0))^2+(VLOOKUP($A2,városok!$A$2:$C$346,3,0)-VLOOKUP(BA$1,városok!$A$2:$C$346,3,0))^2)/1000,0)</f>
        <v>144</v>
      </c>
      <c r="BB2">
        <f ca="1">ROUND(SQRT((VLOOKUP($A2,városok!$A$2:$C$346,2,0)-VLOOKUP(BB$1,városok!$A$2:$C$346,2,0))^2+(VLOOKUP($A2,városok!$A$2:$C$346,3,0)-VLOOKUP(BB$1,városok!$A$2:$C$346,3,0))^2)/1000,0)</f>
        <v>116</v>
      </c>
      <c r="BC2">
        <f ca="1">ROUND(SQRT((VLOOKUP($A2,városok!$A$2:$C$346,2,0)-VLOOKUP(BC$1,városok!$A$2:$C$346,2,0))^2+(VLOOKUP($A2,városok!$A$2:$C$346,3,0)-VLOOKUP(BC$1,városok!$A$2:$C$346,3,0))^2)/1000,0)</f>
        <v>121</v>
      </c>
      <c r="BD2">
        <f ca="1">ROUND(SQRT((VLOOKUP($A2,városok!$A$2:$C$346,2,0)-VLOOKUP(BD$1,városok!$A$2:$C$346,2,0))^2+(VLOOKUP($A2,városok!$A$2:$C$346,3,0)-VLOOKUP(BD$1,városok!$A$2:$C$346,3,0))^2)/1000,0)</f>
        <v>130</v>
      </c>
      <c r="BE2">
        <f ca="1">ROUND(SQRT((VLOOKUP($A2,városok!$A$2:$C$346,2,0)-VLOOKUP(BE$1,városok!$A$2:$C$346,2,0))^2+(VLOOKUP($A2,városok!$A$2:$C$346,3,0)-VLOOKUP(BE$1,városok!$A$2:$C$346,3,0))^2)/1000,0)</f>
        <v>318</v>
      </c>
      <c r="BF2">
        <f ca="1">ROUND(SQRT((VLOOKUP($A2,városok!$A$2:$C$346,2,0)-VLOOKUP(BF$1,városok!$A$2:$C$346,2,0))^2+(VLOOKUP($A2,városok!$A$2:$C$346,3,0)-VLOOKUP(BF$1,városok!$A$2:$C$346,3,0))^2)/1000,0)</f>
        <v>313</v>
      </c>
      <c r="BG2">
        <f ca="1">ROUND(SQRT((VLOOKUP($A2,városok!$A$2:$C$346,2,0)-VLOOKUP(BG$1,városok!$A$2:$C$346,2,0))^2+(VLOOKUP($A2,városok!$A$2:$C$346,3,0)-VLOOKUP(BG$1,városok!$A$2:$C$346,3,0))^2)/1000,0)</f>
        <v>275</v>
      </c>
      <c r="BH2">
        <f ca="1">ROUND(SQRT((VLOOKUP($A2,városok!$A$2:$C$346,2,0)-VLOOKUP(BH$1,városok!$A$2:$C$346,2,0))^2+(VLOOKUP($A2,városok!$A$2:$C$346,3,0)-VLOOKUP(BH$1,városok!$A$2:$C$346,3,0))^2)/1000,0)</f>
        <v>275</v>
      </c>
      <c r="BI2">
        <f ca="1">ROUND(SQRT((VLOOKUP($A2,városok!$A$2:$C$346,2,0)-VLOOKUP(BI$1,városok!$A$2:$C$346,2,0))^2+(VLOOKUP($A2,városok!$A$2:$C$346,3,0)-VLOOKUP(BI$1,városok!$A$2:$C$346,3,0))^2)/1000,0)</f>
        <v>62</v>
      </c>
      <c r="BJ2">
        <f ca="1">ROUND(SQRT((VLOOKUP($A2,városok!$A$2:$C$346,2,0)-VLOOKUP(BJ$1,városok!$A$2:$C$346,2,0))^2+(VLOOKUP($A2,városok!$A$2:$C$346,3,0)-VLOOKUP(BJ$1,városok!$A$2:$C$346,3,0))^2)/1000,0)</f>
        <v>69</v>
      </c>
      <c r="BK2">
        <f ca="1">ROUND(SQRT((VLOOKUP($A2,városok!$A$2:$C$346,2,0)-VLOOKUP(BK$1,városok!$A$2:$C$346,2,0))^2+(VLOOKUP($A2,városok!$A$2:$C$346,3,0)-VLOOKUP(BK$1,városok!$A$2:$C$346,3,0))^2)/1000,0)</f>
        <v>54</v>
      </c>
      <c r="BL2">
        <f ca="1">ROUND(SQRT((VLOOKUP($A2,városok!$A$2:$C$346,2,0)-VLOOKUP(BL$1,városok!$A$2:$C$346,2,0))^2+(VLOOKUP($A2,városok!$A$2:$C$346,3,0)-VLOOKUP(BL$1,városok!$A$2:$C$346,3,0))^2)/1000,0)</f>
        <v>231</v>
      </c>
      <c r="BM2">
        <f ca="1">ROUND(SQRT((VLOOKUP($A2,városok!$A$2:$C$346,2,0)-VLOOKUP(BM$1,városok!$A$2:$C$346,2,0))^2+(VLOOKUP($A2,városok!$A$2:$C$346,3,0)-VLOOKUP(BM$1,városok!$A$2:$C$346,3,0))^2)/1000,0)</f>
        <v>222</v>
      </c>
      <c r="BN2">
        <f ca="1">ROUND(SQRT((VLOOKUP($A2,városok!$A$2:$C$346,2,0)-VLOOKUP(BN$1,városok!$A$2:$C$346,2,0))^2+(VLOOKUP($A2,városok!$A$2:$C$346,3,0)-VLOOKUP(BN$1,városok!$A$2:$C$346,3,0))^2)/1000,0)</f>
        <v>241</v>
      </c>
      <c r="BO2">
        <f ca="1">ROUND(SQRT((VLOOKUP($A2,városok!$A$2:$C$346,2,0)-VLOOKUP(BO$1,városok!$A$2:$C$346,2,0))^2+(VLOOKUP($A2,városok!$A$2:$C$346,3,0)-VLOOKUP(BO$1,városok!$A$2:$C$346,3,0))^2)/1000,0)</f>
        <v>142</v>
      </c>
      <c r="BP2">
        <f ca="1">ROUND(SQRT((VLOOKUP($A2,városok!$A$2:$C$346,2,0)-VLOOKUP(BP$1,városok!$A$2:$C$346,2,0))^2+(VLOOKUP($A2,városok!$A$2:$C$346,3,0)-VLOOKUP(BP$1,városok!$A$2:$C$346,3,0))^2)/1000,0)</f>
        <v>137</v>
      </c>
      <c r="BQ2">
        <f ca="1">ROUND(SQRT((VLOOKUP($A2,városok!$A$2:$C$346,2,0)-VLOOKUP(BQ$1,városok!$A$2:$C$346,2,0))^2+(VLOOKUP($A2,városok!$A$2:$C$346,3,0)-VLOOKUP(BQ$1,városok!$A$2:$C$346,3,0))^2)/1000,0)</f>
        <v>152</v>
      </c>
      <c r="BR2">
        <f ca="1">ROUND(SQRT((VLOOKUP($A2,városok!$A$2:$C$346,2,0)-VLOOKUP(BR$1,városok!$A$2:$C$346,2,0))^2+(VLOOKUP($A2,városok!$A$2:$C$346,3,0)-VLOOKUP(BR$1,városok!$A$2:$C$346,3,0))^2)/1000,0)</f>
        <v>174</v>
      </c>
      <c r="BS2">
        <f ca="1">ROUND(SQRT((VLOOKUP($A2,városok!$A$2:$C$346,2,0)-VLOOKUP(BS$1,városok!$A$2:$C$346,2,0))^2+(VLOOKUP($A2,városok!$A$2:$C$346,3,0)-VLOOKUP(BS$1,városok!$A$2:$C$346,3,0))^2)/1000,0)</f>
        <v>183</v>
      </c>
      <c r="BT2">
        <f ca="1">ROUND(SQRT((VLOOKUP($A2,városok!$A$2:$C$346,2,0)-VLOOKUP(BT$1,városok!$A$2:$C$346,2,0))^2+(VLOOKUP($A2,városok!$A$2:$C$346,3,0)-VLOOKUP(BT$1,városok!$A$2:$C$346,3,0))^2)/1000,0)</f>
        <v>206</v>
      </c>
    </row>
    <row r="3" spans="1:72" x14ac:dyDescent="0.2">
      <c r="A3" t="str">
        <f>városok!A3</f>
        <v>Baja</v>
      </c>
      <c r="B3">
        <f ca="1">ROUND(SQRT((VLOOKUP($A3,városok!$A$2:$C$346,2,0)-VLOOKUP(B$1,városok!$A$2:$C$346,2,0))^2+(VLOOKUP($A3,városok!$A$2:$C$346,3,0)-VLOOKUP(B$1,városok!$A$2:$C$346,3,0))^2)/1000,0)</f>
        <v>0</v>
      </c>
      <c r="C3">
        <f ca="1">ROUND(SQRT((VLOOKUP($A3,városok!$A$2:$C$346,2,0)-VLOOKUP(C$1,városok!$A$2:$C$346,2,0))^2+(VLOOKUP($A3,városok!$A$2:$C$346,3,0)-VLOOKUP(C$1,városok!$A$2:$C$346,3,0))^2)/1000,0)</f>
        <v>38</v>
      </c>
      <c r="D3">
        <f ca="1">ROUND(SQRT((VLOOKUP($A3,városok!$A$2:$C$346,2,0)-VLOOKUP(D$1,városok!$A$2:$C$346,2,0))^2+(VLOOKUP($A3,városok!$A$2:$C$346,3,0)-VLOOKUP(D$1,városok!$A$2:$C$346,3,0))^2)/1000,0)</f>
        <v>98</v>
      </c>
      <c r="E3">
        <f ca="1">ROUND(SQRT((VLOOKUP($A3,városok!$A$2:$C$346,2,0)-VLOOKUP(E$1,városok!$A$2:$C$346,2,0))^2+(VLOOKUP($A3,városok!$A$2:$C$346,3,0)-VLOOKUP(E$1,városok!$A$2:$C$346,3,0))^2)/1000,0)</f>
        <v>54</v>
      </c>
      <c r="F3">
        <f ca="1">ROUND(SQRT((VLOOKUP($A3,városok!$A$2:$C$346,2,0)-VLOOKUP(F$1,városok!$A$2:$C$346,2,0))^2+(VLOOKUP($A3,városok!$A$2:$C$346,3,0)-VLOOKUP(F$1,városok!$A$2:$C$346,3,0))^2)/1000,0)</f>
        <v>30</v>
      </c>
      <c r="G3">
        <f ca="1">ROUND(SQRT((VLOOKUP($A3,városok!$A$2:$C$346,2,0)-VLOOKUP(G$1,városok!$A$2:$C$346,2,0))^2+(VLOOKUP($A3,városok!$A$2:$C$346,3,0)-VLOOKUP(G$1,városok!$A$2:$C$346,3,0))^2)/1000,0)</f>
        <v>56</v>
      </c>
      <c r="H3">
        <f ca="1">ROUND(SQRT((VLOOKUP($A3,városok!$A$2:$C$346,2,0)-VLOOKUP(H$1,városok!$A$2:$C$346,2,0))^2+(VLOOKUP($A3,városok!$A$2:$C$346,3,0)-VLOOKUP(H$1,városok!$A$2:$C$346,3,0))^2)/1000,0)</f>
        <v>91</v>
      </c>
      <c r="I3">
        <f ca="1">ROUND(SQRT((VLOOKUP($A3,városok!$A$2:$C$346,2,0)-VLOOKUP(I$1,városok!$A$2:$C$346,2,0))^2+(VLOOKUP($A3,városok!$A$2:$C$346,3,0)-VLOOKUP(I$1,városok!$A$2:$C$346,3,0))^2)/1000,0)</f>
        <v>172</v>
      </c>
      <c r="J3">
        <f ca="1">ROUND(SQRT((VLOOKUP($A3,városok!$A$2:$C$346,2,0)-VLOOKUP(J$1,városok!$A$2:$C$346,2,0))^2+(VLOOKUP($A3,városok!$A$2:$C$346,3,0)-VLOOKUP(J$1,városok!$A$2:$C$346,3,0))^2)/1000,0)</f>
        <v>185</v>
      </c>
      <c r="K3">
        <f ca="1">ROUND(SQRT((VLOOKUP($A3,városok!$A$2:$C$346,2,0)-VLOOKUP(K$1,városok!$A$2:$C$346,2,0))^2+(VLOOKUP($A3,városok!$A$2:$C$346,3,0)-VLOOKUP(K$1,városok!$A$2:$C$346,3,0))^2)/1000,0)</f>
        <v>138</v>
      </c>
      <c r="L3">
        <f ca="1">ROUND(SQRT((VLOOKUP($A3,városok!$A$2:$C$346,2,0)-VLOOKUP(L$1,városok!$A$2:$C$346,2,0))^2+(VLOOKUP($A3,városok!$A$2:$C$346,3,0)-VLOOKUP(L$1,városok!$A$2:$C$346,3,0))^2)/1000,0)</f>
        <v>263</v>
      </c>
      <c r="M3">
        <f ca="1">ROUND(SQRT((VLOOKUP($A3,városok!$A$2:$C$346,2,0)-VLOOKUP(M$1,városok!$A$2:$C$346,2,0))^2+(VLOOKUP($A3,városok!$A$2:$C$346,3,0)-VLOOKUP(M$1,városok!$A$2:$C$346,3,0))^2)/1000,0)</f>
        <v>255</v>
      </c>
      <c r="N3">
        <f ca="1">ROUND(SQRT((VLOOKUP($A3,városok!$A$2:$C$346,2,0)-VLOOKUP(N$1,városok!$A$2:$C$346,2,0))^2+(VLOOKUP($A3,városok!$A$2:$C$346,3,0)-VLOOKUP(N$1,városok!$A$2:$C$346,3,0))^2)/1000,0)</f>
        <v>248</v>
      </c>
      <c r="O3">
        <f ca="1">ROUND(SQRT((VLOOKUP($A3,városok!$A$2:$C$346,2,0)-VLOOKUP(O$1,városok!$A$2:$C$346,2,0))^2+(VLOOKUP($A3,városok!$A$2:$C$346,3,0)-VLOOKUP(O$1,városok!$A$2:$C$346,3,0))^2)/1000,0)</f>
        <v>319</v>
      </c>
      <c r="P3">
        <f ca="1">ROUND(SQRT((VLOOKUP($A3,városok!$A$2:$C$346,2,0)-VLOOKUP(P$1,városok!$A$2:$C$346,2,0))^2+(VLOOKUP($A3,városok!$A$2:$C$346,3,0)-VLOOKUP(P$1,városok!$A$2:$C$346,3,0))^2)/1000,0)</f>
        <v>319</v>
      </c>
      <c r="Q3">
        <f ca="1">ROUND(SQRT((VLOOKUP($A3,városok!$A$2:$C$346,2,0)-VLOOKUP(Q$1,városok!$A$2:$C$346,2,0))^2+(VLOOKUP($A3,városok!$A$2:$C$346,3,0)-VLOOKUP(Q$1,városok!$A$2:$C$346,3,0))^2)/1000,0)</f>
        <v>108</v>
      </c>
      <c r="R3">
        <f ca="1">ROUND(SQRT((VLOOKUP($A3,városok!$A$2:$C$346,2,0)-VLOOKUP(R$1,városok!$A$2:$C$346,2,0))^2+(VLOOKUP($A3,városok!$A$2:$C$346,3,0)-VLOOKUP(R$1,városok!$A$2:$C$346,3,0))^2)/1000,0)</f>
        <v>117</v>
      </c>
      <c r="S3">
        <f ca="1">ROUND(SQRT((VLOOKUP($A3,városok!$A$2:$C$346,2,0)-VLOOKUP(S$1,városok!$A$2:$C$346,2,0))^2+(VLOOKUP($A3,városok!$A$2:$C$346,3,0)-VLOOKUP(S$1,városok!$A$2:$C$346,3,0))^2)/1000,0)</f>
        <v>93</v>
      </c>
      <c r="T3">
        <f ca="1">ROUND(SQRT((VLOOKUP($A3,városok!$A$2:$C$346,2,0)-VLOOKUP(T$1,városok!$A$2:$C$346,2,0))^2+(VLOOKUP($A3,városok!$A$2:$C$346,3,0)-VLOOKUP(T$1,városok!$A$2:$C$346,3,0))^2)/1000,0)</f>
        <v>147</v>
      </c>
      <c r="U3">
        <f ca="1">ROUND(SQRT((VLOOKUP($A3,városok!$A$2:$C$346,2,0)-VLOOKUP(U$1,városok!$A$2:$C$346,2,0))^2+(VLOOKUP($A3,városok!$A$2:$C$346,3,0)-VLOOKUP(U$1,városok!$A$2:$C$346,3,0))^2)/1000,0)</f>
        <v>87</v>
      </c>
      <c r="V3">
        <f ca="1">ROUND(SQRT((VLOOKUP($A3,városok!$A$2:$C$346,2,0)-VLOOKUP(V$1,városok!$A$2:$C$346,2,0))^2+(VLOOKUP($A3,városok!$A$2:$C$346,3,0)-VLOOKUP(V$1,városok!$A$2:$C$346,3,0))^2)/1000,0)</f>
        <v>110</v>
      </c>
      <c r="W3">
        <f ca="1">ROUND(SQRT((VLOOKUP($A3,városok!$A$2:$C$346,2,0)-VLOOKUP(W$1,városok!$A$2:$C$346,2,0))^2+(VLOOKUP($A3,városok!$A$2:$C$346,3,0)-VLOOKUP(W$1,városok!$A$2:$C$346,3,0))^2)/1000,0)</f>
        <v>82</v>
      </c>
      <c r="X3">
        <f ca="1">ROUND(SQRT((VLOOKUP($A3,városok!$A$2:$C$346,2,0)-VLOOKUP(X$1,városok!$A$2:$C$346,2,0))^2+(VLOOKUP($A3,városok!$A$2:$C$346,3,0)-VLOOKUP(X$1,városok!$A$2:$C$346,3,0))^2)/1000,0)</f>
        <v>132</v>
      </c>
      <c r="Y3">
        <f ca="1">ROUND(SQRT((VLOOKUP($A3,városok!$A$2:$C$346,2,0)-VLOOKUP(Y$1,városok!$A$2:$C$346,2,0))^2+(VLOOKUP($A3,városok!$A$2:$C$346,3,0)-VLOOKUP(Y$1,városok!$A$2:$C$346,3,0))^2)/1000,0)</f>
        <v>195</v>
      </c>
      <c r="Z3">
        <f ca="1">ROUND(SQRT((VLOOKUP($A3,városok!$A$2:$C$346,2,0)-VLOOKUP(Z$1,városok!$A$2:$C$346,2,0))^2+(VLOOKUP($A3,városok!$A$2:$C$346,3,0)-VLOOKUP(Z$1,városok!$A$2:$C$346,3,0))^2)/1000,0)</f>
        <v>210</v>
      </c>
      <c r="AA3">
        <f ca="1">ROUND(SQRT((VLOOKUP($A3,városok!$A$2:$C$346,2,0)-VLOOKUP(AA$1,városok!$A$2:$C$346,2,0))^2+(VLOOKUP($A3,városok!$A$2:$C$346,3,0)-VLOOKUP(AA$1,városok!$A$2:$C$346,3,0))^2)/1000,0)</f>
        <v>246</v>
      </c>
      <c r="AB3">
        <f ca="1">ROUND(SQRT((VLOOKUP($A3,városok!$A$2:$C$346,2,0)-VLOOKUP(AB$1,városok!$A$2:$C$346,2,0))^2+(VLOOKUP($A3,városok!$A$2:$C$346,3,0)-VLOOKUP(AB$1,városok!$A$2:$C$346,3,0))^2)/1000,0)</f>
        <v>253</v>
      </c>
      <c r="AC3">
        <f ca="1">ROUND(SQRT((VLOOKUP($A3,városok!$A$2:$C$346,2,0)-VLOOKUP(AC$1,városok!$A$2:$C$346,2,0))^2+(VLOOKUP($A3,városok!$A$2:$C$346,3,0)-VLOOKUP(AC$1,városok!$A$2:$C$346,3,0))^2)/1000,0)</f>
        <v>233</v>
      </c>
      <c r="AD3">
        <f ca="1">ROUND(SQRT((VLOOKUP($A3,városok!$A$2:$C$346,2,0)-VLOOKUP(AD$1,városok!$A$2:$C$346,2,0))^2+(VLOOKUP($A3,városok!$A$2:$C$346,3,0)-VLOOKUP(AD$1,városok!$A$2:$C$346,3,0))^2)/1000,0)</f>
        <v>217</v>
      </c>
      <c r="AE3">
        <f ca="1">ROUND(SQRT((VLOOKUP($A3,városok!$A$2:$C$346,2,0)-VLOOKUP(AE$1,városok!$A$2:$C$346,2,0))^2+(VLOOKUP($A3,városok!$A$2:$C$346,3,0)-VLOOKUP(AE$1,városok!$A$2:$C$346,3,0))^2)/1000,0)</f>
        <v>208</v>
      </c>
      <c r="AF3">
        <f ca="1">ROUND(SQRT((VLOOKUP($A3,városok!$A$2:$C$346,2,0)-VLOOKUP(AF$1,városok!$A$2:$C$346,2,0))^2+(VLOOKUP($A3,városok!$A$2:$C$346,3,0)-VLOOKUP(AF$1,városok!$A$2:$C$346,3,0))^2)/1000,0)</f>
        <v>219</v>
      </c>
      <c r="AG3">
        <f ca="1">ROUND(SQRT((VLOOKUP($A3,városok!$A$2:$C$346,2,0)-VLOOKUP(AG$1,városok!$A$2:$C$346,2,0))^2+(VLOOKUP($A3,városok!$A$2:$C$346,3,0)-VLOOKUP(AG$1,városok!$A$2:$C$346,3,0))^2)/1000,0)</f>
        <v>192</v>
      </c>
      <c r="AH3">
        <f ca="1">ROUND(SQRT((VLOOKUP($A3,városok!$A$2:$C$346,2,0)-VLOOKUP(AH$1,városok!$A$2:$C$346,2,0))^2+(VLOOKUP($A3,városok!$A$2:$C$346,3,0)-VLOOKUP(AH$1,városok!$A$2:$C$346,3,0))^2)/1000,0)</f>
        <v>174</v>
      </c>
      <c r="AI3">
        <f ca="1">ROUND(SQRT((VLOOKUP($A3,városok!$A$2:$C$346,2,0)-VLOOKUP(AI$1,városok!$A$2:$C$346,2,0))^2+(VLOOKUP($A3,városok!$A$2:$C$346,3,0)-VLOOKUP(AI$1,városok!$A$2:$C$346,3,0))^2)/1000,0)</f>
        <v>222</v>
      </c>
      <c r="AJ3">
        <f ca="1">ROUND(SQRT((VLOOKUP($A3,városok!$A$2:$C$346,2,0)-VLOOKUP(AJ$1,városok!$A$2:$C$346,2,0))^2+(VLOOKUP($A3,városok!$A$2:$C$346,3,0)-VLOOKUP(AJ$1,városok!$A$2:$C$346,3,0))^2)/1000,0)</f>
        <v>180</v>
      </c>
      <c r="AK3">
        <f ca="1">ROUND(SQRT((VLOOKUP($A3,városok!$A$2:$C$346,2,0)-VLOOKUP(AK$1,városok!$A$2:$C$346,2,0))^2+(VLOOKUP($A3,városok!$A$2:$C$346,3,0)-VLOOKUP(AK$1,városok!$A$2:$C$346,3,0))^2)/1000,0)</f>
        <v>196</v>
      </c>
      <c r="AL3">
        <f ca="1">ROUND(SQRT((VLOOKUP($A3,városok!$A$2:$C$346,2,0)-VLOOKUP(AL$1,városok!$A$2:$C$346,2,0))^2+(VLOOKUP($A3,városok!$A$2:$C$346,3,0)-VLOOKUP(AL$1,városok!$A$2:$C$346,3,0))^2)/1000,0)</f>
        <v>183</v>
      </c>
      <c r="AM3">
        <f ca="1">ROUND(SQRT((VLOOKUP($A3,városok!$A$2:$C$346,2,0)-VLOOKUP(AM$1,városok!$A$2:$C$346,2,0))^2+(VLOOKUP($A3,városok!$A$2:$C$346,3,0)-VLOOKUP(AM$1,városok!$A$2:$C$346,3,0))^2)/1000,0)</f>
        <v>145</v>
      </c>
      <c r="AN3">
        <f ca="1">ROUND(SQRT((VLOOKUP($A3,városok!$A$2:$C$346,2,0)-VLOOKUP(AN$1,városok!$A$2:$C$346,2,0))^2+(VLOOKUP($A3,városok!$A$2:$C$346,3,0)-VLOOKUP(AN$1,városok!$A$2:$C$346,3,0))^2)/1000,0)</f>
        <v>179</v>
      </c>
      <c r="AO3">
        <f ca="1">ROUND(SQRT((VLOOKUP($A3,városok!$A$2:$C$346,2,0)-VLOOKUP(AO$1,városok!$A$2:$C$346,2,0))^2+(VLOOKUP($A3,városok!$A$2:$C$346,3,0)-VLOOKUP(AO$1,városok!$A$2:$C$346,3,0))^2)/1000,0)</f>
        <v>184</v>
      </c>
      <c r="AP3">
        <f ca="1">ROUND(SQRT((VLOOKUP($A3,városok!$A$2:$C$346,2,0)-VLOOKUP(AP$1,városok!$A$2:$C$346,2,0))^2+(VLOOKUP($A3,városok!$A$2:$C$346,3,0)-VLOOKUP(AP$1,városok!$A$2:$C$346,3,0))^2)/1000,0)</f>
        <v>169</v>
      </c>
      <c r="AQ3">
        <f ca="1">ROUND(SQRT((VLOOKUP($A3,városok!$A$2:$C$346,2,0)-VLOOKUP(AQ$1,városok!$A$2:$C$346,2,0))^2+(VLOOKUP($A3,városok!$A$2:$C$346,3,0)-VLOOKUP(AQ$1,városok!$A$2:$C$346,3,0))^2)/1000,0)</f>
        <v>159</v>
      </c>
      <c r="AR3">
        <f ca="1">ROUND(SQRT((VLOOKUP($A3,városok!$A$2:$C$346,2,0)-VLOOKUP(AR$1,városok!$A$2:$C$346,2,0))^2+(VLOOKUP($A3,városok!$A$2:$C$346,3,0)-VLOOKUP(AR$1,városok!$A$2:$C$346,3,0))^2)/1000,0)</f>
        <v>201</v>
      </c>
      <c r="AS3">
        <f ca="1">ROUND(SQRT((VLOOKUP($A3,városok!$A$2:$C$346,2,0)-VLOOKUP(AS$1,városok!$A$2:$C$346,2,0))^2+(VLOOKUP($A3,városok!$A$2:$C$346,3,0)-VLOOKUP(AS$1,városok!$A$2:$C$346,3,0))^2)/1000,0)</f>
        <v>224</v>
      </c>
      <c r="AT3">
        <f ca="1">ROUND(SQRT((VLOOKUP($A3,városok!$A$2:$C$346,2,0)-VLOOKUP(AT$1,városok!$A$2:$C$346,2,0))^2+(VLOOKUP($A3,városok!$A$2:$C$346,3,0)-VLOOKUP(AT$1,városok!$A$2:$C$346,3,0))^2)/1000,0)</f>
        <v>143</v>
      </c>
      <c r="AU3">
        <f ca="1">ROUND(SQRT((VLOOKUP($A3,városok!$A$2:$C$346,2,0)-VLOOKUP(AU$1,városok!$A$2:$C$346,2,0))^2+(VLOOKUP($A3,városok!$A$2:$C$346,3,0)-VLOOKUP(AU$1,városok!$A$2:$C$346,3,0))^2)/1000,0)</f>
        <v>142</v>
      </c>
      <c r="AV3">
        <f ca="1">ROUND(SQRT((VLOOKUP($A3,városok!$A$2:$C$346,2,0)-VLOOKUP(AV$1,városok!$A$2:$C$346,2,0))^2+(VLOOKUP($A3,városok!$A$2:$C$346,3,0)-VLOOKUP(AV$1,városok!$A$2:$C$346,3,0))^2)/1000,0)</f>
        <v>136</v>
      </c>
      <c r="AW3">
        <f ca="1">ROUND(SQRT((VLOOKUP($A3,városok!$A$2:$C$346,2,0)-VLOOKUP(AW$1,városok!$A$2:$C$346,2,0))^2+(VLOOKUP($A3,városok!$A$2:$C$346,3,0)-VLOOKUP(AW$1,városok!$A$2:$C$346,3,0))^2)/1000,0)</f>
        <v>135</v>
      </c>
      <c r="AX3">
        <f ca="1">ROUND(SQRT((VLOOKUP($A3,városok!$A$2:$C$346,2,0)-VLOOKUP(AX$1,városok!$A$2:$C$346,2,0))^2+(VLOOKUP($A3,városok!$A$2:$C$346,3,0)-VLOOKUP(AX$1,városok!$A$2:$C$346,3,0))^2)/1000,0)</f>
        <v>113</v>
      </c>
      <c r="AY3">
        <f ca="1">ROUND(SQRT((VLOOKUP($A3,városok!$A$2:$C$346,2,0)-VLOOKUP(AY$1,városok!$A$2:$C$346,2,0))^2+(VLOOKUP($A3,városok!$A$2:$C$346,3,0)-VLOOKUP(AY$1,városok!$A$2:$C$346,3,0))^2)/1000,0)</f>
        <v>167</v>
      </c>
      <c r="AZ3">
        <f ca="1">ROUND(SQRT((VLOOKUP($A3,városok!$A$2:$C$346,2,0)-VLOOKUP(AZ$1,városok!$A$2:$C$346,2,0))^2+(VLOOKUP($A3,városok!$A$2:$C$346,3,0)-VLOOKUP(AZ$1,városok!$A$2:$C$346,3,0))^2)/1000,0)</f>
        <v>178</v>
      </c>
      <c r="BA3">
        <f ca="1">ROUND(SQRT((VLOOKUP($A3,városok!$A$2:$C$346,2,0)-VLOOKUP(BA$1,városok!$A$2:$C$346,2,0))^2+(VLOOKUP($A3,városok!$A$2:$C$346,3,0)-VLOOKUP(BA$1,városok!$A$2:$C$346,3,0))^2)/1000,0)</f>
        <v>117</v>
      </c>
      <c r="BB3">
        <f ca="1">ROUND(SQRT((VLOOKUP($A3,városok!$A$2:$C$346,2,0)-VLOOKUP(BB$1,városok!$A$2:$C$346,2,0))^2+(VLOOKUP($A3,városok!$A$2:$C$346,3,0)-VLOOKUP(BB$1,városok!$A$2:$C$346,3,0))^2)/1000,0)</f>
        <v>88</v>
      </c>
      <c r="BC3">
        <f ca="1">ROUND(SQRT((VLOOKUP($A3,városok!$A$2:$C$346,2,0)-VLOOKUP(BC$1,városok!$A$2:$C$346,2,0))^2+(VLOOKUP($A3,városok!$A$2:$C$346,3,0)-VLOOKUP(BC$1,városok!$A$2:$C$346,3,0))^2)/1000,0)</f>
        <v>92</v>
      </c>
      <c r="BD3">
        <f ca="1">ROUND(SQRT((VLOOKUP($A3,városok!$A$2:$C$346,2,0)-VLOOKUP(BD$1,városok!$A$2:$C$346,2,0))^2+(VLOOKUP($A3,városok!$A$2:$C$346,3,0)-VLOOKUP(BD$1,városok!$A$2:$C$346,3,0))^2)/1000,0)</f>
        <v>106</v>
      </c>
      <c r="BE3">
        <f ca="1">ROUND(SQRT((VLOOKUP($A3,városok!$A$2:$C$346,2,0)-VLOOKUP(BE$1,városok!$A$2:$C$346,2,0))^2+(VLOOKUP($A3,városok!$A$2:$C$346,3,0)-VLOOKUP(BE$1,városok!$A$2:$C$346,3,0))^2)/1000,0)</f>
        <v>337</v>
      </c>
      <c r="BF3">
        <f ca="1">ROUND(SQRT((VLOOKUP($A3,városok!$A$2:$C$346,2,0)-VLOOKUP(BF$1,városok!$A$2:$C$346,2,0))^2+(VLOOKUP($A3,városok!$A$2:$C$346,3,0)-VLOOKUP(BF$1,városok!$A$2:$C$346,3,0))^2)/1000,0)</f>
        <v>327</v>
      </c>
      <c r="BG3">
        <f ca="1">ROUND(SQRT((VLOOKUP($A3,városok!$A$2:$C$346,2,0)-VLOOKUP(BG$1,városok!$A$2:$C$346,2,0))^2+(VLOOKUP($A3,városok!$A$2:$C$346,3,0)-VLOOKUP(BG$1,városok!$A$2:$C$346,3,0))^2)/1000,0)</f>
        <v>288</v>
      </c>
      <c r="BH3">
        <f ca="1">ROUND(SQRT((VLOOKUP($A3,városok!$A$2:$C$346,2,0)-VLOOKUP(BH$1,városok!$A$2:$C$346,2,0))^2+(VLOOKUP($A3,városok!$A$2:$C$346,3,0)-VLOOKUP(BH$1,városok!$A$2:$C$346,3,0))^2)/1000,0)</f>
        <v>287</v>
      </c>
      <c r="BI3">
        <f ca="1">ROUND(SQRT((VLOOKUP($A3,városok!$A$2:$C$346,2,0)-VLOOKUP(BI$1,városok!$A$2:$C$346,2,0))^2+(VLOOKUP($A3,városok!$A$2:$C$346,3,0)-VLOOKUP(BI$1,városok!$A$2:$C$346,3,0))^2)/1000,0)</f>
        <v>35</v>
      </c>
      <c r="BJ3">
        <f ca="1">ROUND(SQRT((VLOOKUP($A3,városok!$A$2:$C$346,2,0)-VLOOKUP(BJ$1,városok!$A$2:$C$346,2,0))^2+(VLOOKUP($A3,városok!$A$2:$C$346,3,0)-VLOOKUP(BJ$1,városok!$A$2:$C$346,3,0))^2)/1000,0)</f>
        <v>40</v>
      </c>
      <c r="BK3">
        <f ca="1">ROUND(SQRT((VLOOKUP($A3,városok!$A$2:$C$346,2,0)-VLOOKUP(BK$1,városok!$A$2:$C$346,2,0))^2+(VLOOKUP($A3,városok!$A$2:$C$346,3,0)-VLOOKUP(BK$1,városok!$A$2:$C$346,3,0))^2)/1000,0)</f>
        <v>27</v>
      </c>
      <c r="BL3">
        <f ca="1">ROUND(SQRT((VLOOKUP($A3,városok!$A$2:$C$346,2,0)-VLOOKUP(BL$1,városok!$A$2:$C$346,2,0))^2+(VLOOKUP($A3,városok!$A$2:$C$346,3,0)-VLOOKUP(BL$1,városok!$A$2:$C$346,3,0))^2)/1000,0)</f>
        <v>203</v>
      </c>
      <c r="BM3">
        <f ca="1">ROUND(SQRT((VLOOKUP($A3,városok!$A$2:$C$346,2,0)-VLOOKUP(BM$1,városok!$A$2:$C$346,2,0))^2+(VLOOKUP($A3,városok!$A$2:$C$346,3,0)-VLOOKUP(BM$1,városok!$A$2:$C$346,3,0))^2)/1000,0)</f>
        <v>195</v>
      </c>
      <c r="BN3">
        <f ca="1">ROUND(SQRT((VLOOKUP($A3,városok!$A$2:$C$346,2,0)-VLOOKUP(BN$1,városok!$A$2:$C$346,2,0))^2+(VLOOKUP($A3,városok!$A$2:$C$346,3,0)-VLOOKUP(BN$1,városok!$A$2:$C$346,3,0))^2)/1000,0)</f>
        <v>213</v>
      </c>
      <c r="BO3">
        <f ca="1">ROUND(SQRT((VLOOKUP($A3,városok!$A$2:$C$346,2,0)-VLOOKUP(BO$1,városok!$A$2:$C$346,2,0))^2+(VLOOKUP($A3,városok!$A$2:$C$346,3,0)-VLOOKUP(BO$1,városok!$A$2:$C$346,3,0))^2)/1000,0)</f>
        <v>119</v>
      </c>
      <c r="BP3">
        <f ca="1">ROUND(SQRT((VLOOKUP($A3,városok!$A$2:$C$346,2,0)-VLOOKUP(BP$1,városok!$A$2:$C$346,2,0))^2+(VLOOKUP($A3,városok!$A$2:$C$346,3,0)-VLOOKUP(BP$1,városok!$A$2:$C$346,3,0))^2)/1000,0)</f>
        <v>115</v>
      </c>
      <c r="BQ3">
        <f ca="1">ROUND(SQRT((VLOOKUP($A3,városok!$A$2:$C$346,2,0)-VLOOKUP(BQ$1,városok!$A$2:$C$346,2,0))^2+(VLOOKUP($A3,városok!$A$2:$C$346,3,0)-VLOOKUP(BQ$1,városok!$A$2:$C$346,3,0))^2)/1000,0)</f>
        <v>129</v>
      </c>
      <c r="BR3">
        <f ca="1">ROUND(SQRT((VLOOKUP($A3,városok!$A$2:$C$346,2,0)-VLOOKUP(BR$1,városok!$A$2:$C$346,2,0))^2+(VLOOKUP($A3,városok!$A$2:$C$346,3,0)-VLOOKUP(BR$1,városok!$A$2:$C$346,3,0))^2)/1000,0)</f>
        <v>146</v>
      </c>
      <c r="BS3">
        <f ca="1">ROUND(SQRT((VLOOKUP($A3,városok!$A$2:$C$346,2,0)-VLOOKUP(BS$1,városok!$A$2:$C$346,2,0))^2+(VLOOKUP($A3,városok!$A$2:$C$346,3,0)-VLOOKUP(BS$1,városok!$A$2:$C$346,3,0))^2)/1000,0)</f>
        <v>154</v>
      </c>
      <c r="BT3">
        <f ca="1">ROUND(SQRT((VLOOKUP($A3,városok!$A$2:$C$346,2,0)-VLOOKUP(BT$1,városok!$A$2:$C$346,2,0))^2+(VLOOKUP($A3,városok!$A$2:$C$346,3,0)-VLOOKUP(BT$1,városok!$A$2:$C$346,3,0))^2)/1000,0)</f>
        <v>178</v>
      </c>
    </row>
    <row r="4" spans="1:72" x14ac:dyDescent="0.2">
      <c r="A4" t="str">
        <f>városok!A4</f>
        <v>Dunavecse</v>
      </c>
      <c r="B4">
        <f ca="1">ROUND(SQRT((VLOOKUP($A4,városok!$A$2:$C$346,2,0)-VLOOKUP(B$1,városok!$A$2:$C$346,2,0))^2+(VLOOKUP($A4,városok!$A$2:$C$346,3,0)-VLOOKUP(B$1,városok!$A$2:$C$346,3,0))^2)/1000,0)</f>
        <v>81</v>
      </c>
      <c r="C4">
        <f ca="1">ROUND(SQRT((VLOOKUP($A4,városok!$A$2:$C$346,2,0)-VLOOKUP(C$1,városok!$A$2:$C$346,2,0))^2+(VLOOKUP($A4,városok!$A$2:$C$346,3,0)-VLOOKUP(C$1,városok!$A$2:$C$346,3,0))^2)/1000,0)</f>
        <v>43</v>
      </c>
      <c r="D4">
        <f ca="1">ROUND(SQRT((VLOOKUP($A4,városok!$A$2:$C$346,2,0)-VLOOKUP(D$1,városok!$A$2:$C$346,2,0))^2+(VLOOKUP($A4,városok!$A$2:$C$346,3,0)-VLOOKUP(D$1,városok!$A$2:$C$346,3,0))^2)/1000,0)</f>
        <v>55</v>
      </c>
      <c r="E4">
        <f ca="1">ROUND(SQRT((VLOOKUP($A4,városok!$A$2:$C$346,2,0)-VLOOKUP(E$1,városok!$A$2:$C$346,2,0))^2+(VLOOKUP($A4,városok!$A$2:$C$346,3,0)-VLOOKUP(E$1,városok!$A$2:$C$346,3,0))^2)/1000,0)</f>
        <v>97</v>
      </c>
      <c r="F4">
        <f ca="1">ROUND(SQRT((VLOOKUP($A4,városok!$A$2:$C$346,2,0)-VLOOKUP(F$1,városok!$A$2:$C$346,2,0))^2+(VLOOKUP($A4,városok!$A$2:$C$346,3,0)-VLOOKUP(F$1,városok!$A$2:$C$346,3,0))^2)/1000,0)</f>
        <v>105</v>
      </c>
      <c r="G4">
        <f ca="1">ROUND(SQRT((VLOOKUP($A4,városok!$A$2:$C$346,2,0)-VLOOKUP(G$1,városok!$A$2:$C$346,2,0))^2+(VLOOKUP($A4,városok!$A$2:$C$346,3,0)-VLOOKUP(G$1,városok!$A$2:$C$346,3,0))^2)/1000,0)</f>
        <v>108</v>
      </c>
      <c r="H4">
        <f ca="1">ROUND(SQRT((VLOOKUP($A4,városok!$A$2:$C$346,2,0)-VLOOKUP(H$1,városok!$A$2:$C$346,2,0))^2+(VLOOKUP($A4,városok!$A$2:$C$346,3,0)-VLOOKUP(H$1,városok!$A$2:$C$346,3,0))^2)/1000,0)</f>
        <v>132</v>
      </c>
      <c r="I4">
        <f ca="1">ROUND(SQRT((VLOOKUP($A4,városok!$A$2:$C$346,2,0)-VLOOKUP(I$1,városok!$A$2:$C$346,2,0))^2+(VLOOKUP($A4,városok!$A$2:$C$346,3,0)-VLOOKUP(I$1,városok!$A$2:$C$346,3,0))^2)/1000,0)</f>
        <v>163</v>
      </c>
      <c r="J4">
        <f ca="1">ROUND(SQRT((VLOOKUP($A4,városok!$A$2:$C$346,2,0)-VLOOKUP(J$1,városok!$A$2:$C$346,2,0))^2+(VLOOKUP($A4,városok!$A$2:$C$346,3,0)-VLOOKUP(J$1,városok!$A$2:$C$346,3,0))^2)/1000,0)</f>
        <v>178</v>
      </c>
      <c r="K4">
        <f ca="1">ROUND(SQRT((VLOOKUP($A4,városok!$A$2:$C$346,2,0)-VLOOKUP(K$1,városok!$A$2:$C$346,2,0))^2+(VLOOKUP($A4,városok!$A$2:$C$346,3,0)-VLOOKUP(K$1,városok!$A$2:$C$346,3,0))^2)/1000,0)</f>
        <v>135</v>
      </c>
      <c r="L4">
        <f ca="1">ROUND(SQRT((VLOOKUP($A4,városok!$A$2:$C$346,2,0)-VLOOKUP(L$1,városok!$A$2:$C$346,2,0))^2+(VLOOKUP($A4,városok!$A$2:$C$346,3,0)-VLOOKUP(L$1,városok!$A$2:$C$346,3,0))^2)/1000,0)</f>
        <v>195</v>
      </c>
      <c r="M4">
        <f ca="1">ROUND(SQRT((VLOOKUP($A4,városok!$A$2:$C$346,2,0)-VLOOKUP(M$1,városok!$A$2:$C$346,2,0))^2+(VLOOKUP($A4,városok!$A$2:$C$346,3,0)-VLOOKUP(M$1,városok!$A$2:$C$346,3,0))^2)/1000,0)</f>
        <v>191</v>
      </c>
      <c r="N4">
        <f ca="1">ROUND(SQRT((VLOOKUP($A4,városok!$A$2:$C$346,2,0)-VLOOKUP(N$1,városok!$A$2:$C$346,2,0))^2+(VLOOKUP($A4,városok!$A$2:$C$346,3,0)-VLOOKUP(N$1,városok!$A$2:$C$346,3,0))^2)/1000,0)</f>
        <v>176</v>
      </c>
      <c r="O4">
        <f ca="1">ROUND(SQRT((VLOOKUP($A4,városok!$A$2:$C$346,2,0)-VLOOKUP(O$1,városok!$A$2:$C$346,2,0))^2+(VLOOKUP($A4,városok!$A$2:$C$346,3,0)-VLOOKUP(O$1,városok!$A$2:$C$346,3,0))^2)/1000,0)</f>
        <v>260</v>
      </c>
      <c r="P4">
        <f ca="1">ROUND(SQRT((VLOOKUP($A4,városok!$A$2:$C$346,2,0)-VLOOKUP(P$1,városok!$A$2:$C$346,2,0))^2+(VLOOKUP($A4,városok!$A$2:$C$346,3,0)-VLOOKUP(P$1,városok!$A$2:$C$346,3,0))^2)/1000,0)</f>
        <v>260</v>
      </c>
      <c r="Q4">
        <f ca="1">ROUND(SQRT((VLOOKUP($A4,városok!$A$2:$C$346,2,0)-VLOOKUP(Q$1,városok!$A$2:$C$346,2,0))^2+(VLOOKUP($A4,városok!$A$2:$C$346,3,0)-VLOOKUP(Q$1,városok!$A$2:$C$346,3,0))^2)/1000,0)</f>
        <v>117</v>
      </c>
      <c r="R4">
        <f ca="1">ROUND(SQRT((VLOOKUP($A4,városok!$A$2:$C$346,2,0)-VLOOKUP(R$1,városok!$A$2:$C$346,2,0))^2+(VLOOKUP($A4,városok!$A$2:$C$346,3,0)-VLOOKUP(R$1,városok!$A$2:$C$346,3,0))^2)/1000,0)</f>
        <v>139</v>
      </c>
      <c r="S4">
        <f ca="1">ROUND(SQRT((VLOOKUP($A4,városok!$A$2:$C$346,2,0)-VLOOKUP(S$1,városok!$A$2:$C$346,2,0))^2+(VLOOKUP($A4,városok!$A$2:$C$346,3,0)-VLOOKUP(S$1,városok!$A$2:$C$346,3,0))^2)/1000,0)</f>
        <v>117</v>
      </c>
      <c r="T4">
        <f ca="1">ROUND(SQRT((VLOOKUP($A4,városok!$A$2:$C$346,2,0)-VLOOKUP(T$1,városok!$A$2:$C$346,2,0))^2+(VLOOKUP($A4,városok!$A$2:$C$346,3,0)-VLOOKUP(T$1,városok!$A$2:$C$346,3,0))^2)/1000,0)</f>
        <v>69</v>
      </c>
      <c r="U4">
        <f ca="1">ROUND(SQRT((VLOOKUP($A4,városok!$A$2:$C$346,2,0)-VLOOKUP(U$1,városok!$A$2:$C$346,2,0))^2+(VLOOKUP($A4,városok!$A$2:$C$346,3,0)-VLOOKUP(U$1,városok!$A$2:$C$346,3,0))^2)/1000,0)</f>
        <v>6</v>
      </c>
      <c r="V4">
        <f ca="1">ROUND(SQRT((VLOOKUP($A4,városok!$A$2:$C$346,2,0)-VLOOKUP(V$1,városok!$A$2:$C$346,2,0))^2+(VLOOKUP($A4,városok!$A$2:$C$346,3,0)-VLOOKUP(V$1,városok!$A$2:$C$346,3,0))^2)/1000,0)</f>
        <v>53</v>
      </c>
      <c r="W4">
        <f ca="1">ROUND(SQRT((VLOOKUP($A4,városok!$A$2:$C$346,2,0)-VLOOKUP(W$1,városok!$A$2:$C$346,2,0))^2+(VLOOKUP($A4,városok!$A$2:$C$346,3,0)-VLOOKUP(W$1,városok!$A$2:$C$346,3,0))^2)/1000,0)</f>
        <v>27</v>
      </c>
      <c r="X4">
        <f ca="1">ROUND(SQRT((VLOOKUP($A4,városok!$A$2:$C$346,2,0)-VLOOKUP(X$1,városok!$A$2:$C$346,2,0))^2+(VLOOKUP($A4,városok!$A$2:$C$346,3,0)-VLOOKUP(X$1,városok!$A$2:$C$346,3,0))^2)/1000,0)</f>
        <v>64</v>
      </c>
      <c r="Y4">
        <f ca="1">ROUND(SQRT((VLOOKUP($A4,városok!$A$2:$C$346,2,0)-VLOOKUP(Y$1,városok!$A$2:$C$346,2,0))^2+(VLOOKUP($A4,városok!$A$2:$C$346,3,0)-VLOOKUP(Y$1,városok!$A$2:$C$346,3,0))^2)/1000,0)</f>
        <v>133</v>
      </c>
      <c r="Z4">
        <f ca="1">ROUND(SQRT((VLOOKUP($A4,városok!$A$2:$C$346,2,0)-VLOOKUP(Z$1,városok!$A$2:$C$346,2,0))^2+(VLOOKUP($A4,városok!$A$2:$C$346,3,0)-VLOOKUP(Z$1,városok!$A$2:$C$346,3,0))^2)/1000,0)</f>
        <v>150</v>
      </c>
      <c r="AA4">
        <f ca="1">ROUND(SQRT((VLOOKUP($A4,városok!$A$2:$C$346,2,0)-VLOOKUP(AA$1,városok!$A$2:$C$346,2,0))^2+(VLOOKUP($A4,városok!$A$2:$C$346,3,0)-VLOOKUP(AA$1,városok!$A$2:$C$346,3,0))^2)/1000,0)</f>
        <v>200</v>
      </c>
      <c r="AB4">
        <f ca="1">ROUND(SQRT((VLOOKUP($A4,városok!$A$2:$C$346,2,0)-VLOOKUP(AB$1,városok!$A$2:$C$346,2,0))^2+(VLOOKUP($A4,városok!$A$2:$C$346,3,0)-VLOOKUP(AB$1,városok!$A$2:$C$346,3,0))^2)/1000,0)</f>
        <v>213</v>
      </c>
      <c r="AC4">
        <f ca="1">ROUND(SQRT((VLOOKUP($A4,városok!$A$2:$C$346,2,0)-VLOOKUP(AC$1,városok!$A$2:$C$346,2,0))^2+(VLOOKUP($A4,városok!$A$2:$C$346,3,0)-VLOOKUP(AC$1,városok!$A$2:$C$346,3,0))^2)/1000,0)</f>
        <v>193</v>
      </c>
      <c r="AD4">
        <f ca="1">ROUND(SQRT((VLOOKUP($A4,városok!$A$2:$C$346,2,0)-VLOOKUP(AD$1,városok!$A$2:$C$346,2,0))^2+(VLOOKUP($A4,városok!$A$2:$C$346,3,0)-VLOOKUP(AD$1,városok!$A$2:$C$346,3,0))^2)/1000,0)</f>
        <v>175</v>
      </c>
      <c r="AE4">
        <f ca="1">ROUND(SQRT((VLOOKUP($A4,városok!$A$2:$C$346,2,0)-VLOOKUP(AE$1,városok!$A$2:$C$346,2,0))^2+(VLOOKUP($A4,városok!$A$2:$C$346,3,0)-VLOOKUP(AE$1,városok!$A$2:$C$346,3,0))^2)/1000,0)</f>
        <v>172</v>
      </c>
      <c r="AF4">
        <f ca="1">ROUND(SQRT((VLOOKUP($A4,városok!$A$2:$C$346,2,0)-VLOOKUP(AF$1,városok!$A$2:$C$346,2,0))^2+(VLOOKUP($A4,városok!$A$2:$C$346,3,0)-VLOOKUP(AF$1,városok!$A$2:$C$346,3,0))^2)/1000,0)</f>
        <v>153</v>
      </c>
      <c r="AG4">
        <f ca="1">ROUND(SQRT((VLOOKUP($A4,városok!$A$2:$C$346,2,0)-VLOOKUP(AG$1,városok!$A$2:$C$346,2,0))^2+(VLOOKUP($A4,városok!$A$2:$C$346,3,0)-VLOOKUP(AG$1,városok!$A$2:$C$346,3,0))^2)/1000,0)</f>
        <v>120</v>
      </c>
      <c r="AH4">
        <f ca="1">ROUND(SQRT((VLOOKUP($A4,városok!$A$2:$C$346,2,0)-VLOOKUP(AH$1,városok!$A$2:$C$346,2,0))^2+(VLOOKUP($A4,városok!$A$2:$C$346,3,0)-VLOOKUP(AH$1,városok!$A$2:$C$346,3,0))^2)/1000,0)</f>
        <v>99</v>
      </c>
      <c r="AI4">
        <f ca="1">ROUND(SQRT((VLOOKUP($A4,városok!$A$2:$C$346,2,0)-VLOOKUP(AI$1,városok!$A$2:$C$346,2,0))^2+(VLOOKUP($A4,városok!$A$2:$C$346,3,0)-VLOOKUP(AI$1,városok!$A$2:$C$346,3,0))^2)/1000,0)</f>
        <v>149</v>
      </c>
      <c r="AJ4">
        <f ca="1">ROUND(SQRT((VLOOKUP($A4,városok!$A$2:$C$346,2,0)-VLOOKUP(AJ$1,városok!$A$2:$C$346,2,0))^2+(VLOOKUP($A4,városok!$A$2:$C$346,3,0)-VLOOKUP(AJ$1,városok!$A$2:$C$346,3,0))^2)/1000,0)</f>
        <v>111</v>
      </c>
      <c r="AK4">
        <f ca="1">ROUND(SQRT((VLOOKUP($A4,városok!$A$2:$C$346,2,0)-VLOOKUP(AK$1,városok!$A$2:$C$346,2,0))^2+(VLOOKUP($A4,városok!$A$2:$C$346,3,0)-VLOOKUP(AK$1,városok!$A$2:$C$346,3,0))^2)/1000,0)</f>
        <v>157</v>
      </c>
      <c r="AL4">
        <f ca="1">ROUND(SQRT((VLOOKUP($A4,városok!$A$2:$C$346,2,0)-VLOOKUP(AL$1,városok!$A$2:$C$346,2,0))^2+(VLOOKUP($A4,városok!$A$2:$C$346,3,0)-VLOOKUP(AL$1,városok!$A$2:$C$346,3,0))^2)/1000,0)</f>
        <v>135</v>
      </c>
      <c r="AM4">
        <f ca="1">ROUND(SQRT((VLOOKUP($A4,városok!$A$2:$C$346,2,0)-VLOOKUP(AM$1,városok!$A$2:$C$346,2,0))^2+(VLOOKUP($A4,városok!$A$2:$C$346,3,0)-VLOOKUP(AM$1,városok!$A$2:$C$346,3,0))^2)/1000,0)</f>
        <v>97</v>
      </c>
      <c r="AN4">
        <f ca="1">ROUND(SQRT((VLOOKUP($A4,városok!$A$2:$C$346,2,0)-VLOOKUP(AN$1,városok!$A$2:$C$346,2,0))^2+(VLOOKUP($A4,városok!$A$2:$C$346,3,0)-VLOOKUP(AN$1,városok!$A$2:$C$346,3,0))^2)/1000,0)</f>
        <v>99</v>
      </c>
      <c r="AO4">
        <f ca="1">ROUND(SQRT((VLOOKUP($A4,városok!$A$2:$C$346,2,0)-VLOOKUP(AO$1,városok!$A$2:$C$346,2,0))^2+(VLOOKUP($A4,városok!$A$2:$C$346,3,0)-VLOOKUP(AO$1,városok!$A$2:$C$346,3,0))^2)/1000,0)</f>
        <v>112</v>
      </c>
      <c r="AP4">
        <f ca="1">ROUND(SQRT((VLOOKUP($A4,városok!$A$2:$C$346,2,0)-VLOOKUP(AP$1,városok!$A$2:$C$346,2,0))^2+(VLOOKUP($A4,városok!$A$2:$C$346,3,0)-VLOOKUP(AP$1,városok!$A$2:$C$346,3,0))^2)/1000,0)</f>
        <v>94</v>
      </c>
      <c r="AQ4">
        <f ca="1">ROUND(SQRT((VLOOKUP($A4,városok!$A$2:$C$346,2,0)-VLOOKUP(AQ$1,városok!$A$2:$C$346,2,0))^2+(VLOOKUP($A4,városok!$A$2:$C$346,3,0)-VLOOKUP(AQ$1,városok!$A$2:$C$346,3,0))^2)/1000,0)</f>
        <v>84</v>
      </c>
      <c r="AR4">
        <f ca="1">ROUND(SQRT((VLOOKUP($A4,városok!$A$2:$C$346,2,0)-VLOOKUP(AR$1,városok!$A$2:$C$346,2,0))^2+(VLOOKUP($A4,városok!$A$2:$C$346,3,0)-VLOOKUP(AR$1,városok!$A$2:$C$346,3,0))^2)/1000,0)</f>
        <v>124</v>
      </c>
      <c r="AS4">
        <f ca="1">ROUND(SQRT((VLOOKUP($A4,városok!$A$2:$C$346,2,0)-VLOOKUP(AS$1,városok!$A$2:$C$346,2,0))^2+(VLOOKUP($A4,városok!$A$2:$C$346,3,0)-VLOOKUP(AS$1,városok!$A$2:$C$346,3,0))^2)/1000,0)</f>
        <v>147</v>
      </c>
      <c r="AT4">
        <f ca="1">ROUND(SQRT((VLOOKUP($A4,városok!$A$2:$C$346,2,0)-VLOOKUP(AT$1,városok!$A$2:$C$346,2,0))^2+(VLOOKUP($A4,városok!$A$2:$C$346,3,0)-VLOOKUP(AT$1,városok!$A$2:$C$346,3,0))^2)/1000,0)</f>
        <v>63</v>
      </c>
      <c r="AU4">
        <f ca="1">ROUND(SQRT((VLOOKUP($A4,városok!$A$2:$C$346,2,0)-VLOOKUP(AU$1,városok!$A$2:$C$346,2,0))^2+(VLOOKUP($A4,városok!$A$2:$C$346,3,0)-VLOOKUP(AU$1,városok!$A$2:$C$346,3,0))^2)/1000,0)</f>
        <v>61</v>
      </c>
      <c r="AV4">
        <f ca="1">ROUND(SQRT((VLOOKUP($A4,városok!$A$2:$C$346,2,0)-VLOOKUP(AV$1,városok!$A$2:$C$346,2,0))^2+(VLOOKUP($A4,városok!$A$2:$C$346,3,0)-VLOOKUP(AV$1,városok!$A$2:$C$346,3,0))^2)/1000,0)</f>
        <v>55</v>
      </c>
      <c r="AW4">
        <f ca="1">ROUND(SQRT((VLOOKUP($A4,városok!$A$2:$C$346,2,0)-VLOOKUP(AW$1,városok!$A$2:$C$346,2,0))^2+(VLOOKUP($A4,városok!$A$2:$C$346,3,0)-VLOOKUP(AW$1,városok!$A$2:$C$346,3,0))^2)/1000,0)</f>
        <v>54</v>
      </c>
      <c r="AX4">
        <f ca="1">ROUND(SQRT((VLOOKUP($A4,városok!$A$2:$C$346,2,0)-VLOOKUP(AX$1,városok!$A$2:$C$346,2,0))^2+(VLOOKUP($A4,városok!$A$2:$C$346,3,0)-VLOOKUP(AX$1,városok!$A$2:$C$346,3,0))^2)/1000,0)</f>
        <v>63</v>
      </c>
      <c r="AY4">
        <f ca="1">ROUND(SQRT((VLOOKUP($A4,városok!$A$2:$C$346,2,0)-VLOOKUP(AY$1,városok!$A$2:$C$346,2,0))^2+(VLOOKUP($A4,városok!$A$2:$C$346,3,0)-VLOOKUP(AY$1,városok!$A$2:$C$346,3,0))^2)/1000,0)</f>
        <v>86</v>
      </c>
      <c r="AZ4">
        <f ca="1">ROUND(SQRT((VLOOKUP($A4,városok!$A$2:$C$346,2,0)-VLOOKUP(AZ$1,városok!$A$2:$C$346,2,0))^2+(VLOOKUP($A4,városok!$A$2:$C$346,3,0)-VLOOKUP(AZ$1,városok!$A$2:$C$346,3,0))^2)/1000,0)</f>
        <v>97</v>
      </c>
      <c r="BA4">
        <f ca="1">ROUND(SQRT((VLOOKUP($A4,városok!$A$2:$C$346,2,0)-VLOOKUP(BA$1,városok!$A$2:$C$346,2,0))^2+(VLOOKUP($A4,városok!$A$2:$C$346,3,0)-VLOOKUP(BA$1,városok!$A$2:$C$346,3,0))^2)/1000,0)</f>
        <v>98</v>
      </c>
      <c r="BB4">
        <f ca="1">ROUND(SQRT((VLOOKUP($A4,városok!$A$2:$C$346,2,0)-VLOOKUP(BB$1,városok!$A$2:$C$346,2,0))^2+(VLOOKUP($A4,városok!$A$2:$C$346,3,0)-VLOOKUP(BB$1,városok!$A$2:$C$346,3,0))^2)/1000,0)</f>
        <v>89</v>
      </c>
      <c r="BC4">
        <f ca="1">ROUND(SQRT((VLOOKUP($A4,városok!$A$2:$C$346,2,0)-VLOOKUP(BC$1,városok!$A$2:$C$346,2,0))^2+(VLOOKUP($A4,városok!$A$2:$C$346,3,0)-VLOOKUP(BC$1,városok!$A$2:$C$346,3,0))^2)/1000,0)</f>
        <v>109</v>
      </c>
      <c r="BD4">
        <f ca="1">ROUND(SQRT((VLOOKUP($A4,városok!$A$2:$C$346,2,0)-VLOOKUP(BD$1,városok!$A$2:$C$346,2,0))^2+(VLOOKUP($A4,városok!$A$2:$C$346,3,0)-VLOOKUP(BD$1,városok!$A$2:$C$346,3,0))^2)/1000,0)</f>
        <v>69</v>
      </c>
      <c r="BE4">
        <f ca="1">ROUND(SQRT((VLOOKUP($A4,városok!$A$2:$C$346,2,0)-VLOOKUP(BE$1,városok!$A$2:$C$346,2,0))^2+(VLOOKUP($A4,városok!$A$2:$C$346,3,0)-VLOOKUP(BE$1,városok!$A$2:$C$346,3,0))^2)/1000,0)</f>
        <v>297</v>
      </c>
      <c r="BF4">
        <f ca="1">ROUND(SQRT((VLOOKUP($A4,városok!$A$2:$C$346,2,0)-VLOOKUP(BF$1,városok!$A$2:$C$346,2,0))^2+(VLOOKUP($A4,városok!$A$2:$C$346,3,0)-VLOOKUP(BF$1,városok!$A$2:$C$346,3,0))^2)/1000,0)</f>
        <v>275</v>
      </c>
      <c r="BG4">
        <f ca="1">ROUND(SQRT((VLOOKUP($A4,városok!$A$2:$C$346,2,0)-VLOOKUP(BG$1,városok!$A$2:$C$346,2,0))^2+(VLOOKUP($A4,városok!$A$2:$C$346,3,0)-VLOOKUP(BG$1,városok!$A$2:$C$346,3,0))^2)/1000,0)</f>
        <v>231</v>
      </c>
      <c r="BH4">
        <f ca="1">ROUND(SQRT((VLOOKUP($A4,városok!$A$2:$C$346,2,0)-VLOOKUP(BH$1,városok!$A$2:$C$346,2,0))^2+(VLOOKUP($A4,városok!$A$2:$C$346,3,0)-VLOOKUP(BH$1,városok!$A$2:$C$346,3,0))^2)/1000,0)</f>
        <v>231</v>
      </c>
      <c r="BI4">
        <f ca="1">ROUND(SQRT((VLOOKUP($A4,városok!$A$2:$C$346,2,0)-VLOOKUP(BI$1,városok!$A$2:$C$346,2,0))^2+(VLOOKUP($A4,városok!$A$2:$C$346,3,0)-VLOOKUP(BI$1,városok!$A$2:$C$346,3,0))^2)/1000,0)</f>
        <v>63</v>
      </c>
      <c r="BJ4">
        <f ca="1">ROUND(SQRT((VLOOKUP($A4,városok!$A$2:$C$346,2,0)-VLOOKUP(BJ$1,városok!$A$2:$C$346,2,0))^2+(VLOOKUP($A4,városok!$A$2:$C$346,3,0)-VLOOKUP(BJ$1,városok!$A$2:$C$346,3,0))^2)/1000,0)</f>
        <v>80</v>
      </c>
      <c r="BK4">
        <f ca="1">ROUND(SQRT((VLOOKUP($A4,városok!$A$2:$C$346,2,0)-VLOOKUP(BK$1,városok!$A$2:$C$346,2,0))^2+(VLOOKUP($A4,városok!$A$2:$C$346,3,0)-VLOOKUP(BK$1,városok!$A$2:$C$346,3,0))^2)/1000,0)</f>
        <v>66</v>
      </c>
      <c r="BL4">
        <f ca="1">ROUND(SQRT((VLOOKUP($A4,városok!$A$2:$C$346,2,0)-VLOOKUP(BL$1,városok!$A$2:$C$346,2,0))^2+(VLOOKUP($A4,városok!$A$2:$C$346,3,0)-VLOOKUP(BL$1,városok!$A$2:$C$346,3,0))^2)/1000,0)</f>
        <v>180</v>
      </c>
      <c r="BM4">
        <f ca="1">ROUND(SQRT((VLOOKUP($A4,városok!$A$2:$C$346,2,0)-VLOOKUP(BM$1,városok!$A$2:$C$346,2,0))^2+(VLOOKUP($A4,városok!$A$2:$C$346,3,0)-VLOOKUP(BM$1,városok!$A$2:$C$346,3,0))^2)/1000,0)</f>
        <v>159</v>
      </c>
      <c r="BN4">
        <f ca="1">ROUND(SQRT((VLOOKUP($A4,városok!$A$2:$C$346,2,0)-VLOOKUP(BN$1,városok!$A$2:$C$346,2,0))^2+(VLOOKUP($A4,városok!$A$2:$C$346,3,0)-VLOOKUP(BN$1,városok!$A$2:$C$346,3,0))^2)/1000,0)</f>
        <v>182</v>
      </c>
      <c r="BO4">
        <f ca="1">ROUND(SQRT((VLOOKUP($A4,városok!$A$2:$C$346,2,0)-VLOOKUP(BO$1,városok!$A$2:$C$346,2,0))^2+(VLOOKUP($A4,városok!$A$2:$C$346,3,0)-VLOOKUP(BO$1,városok!$A$2:$C$346,3,0))^2)/1000,0)</f>
        <v>74</v>
      </c>
      <c r="BP4">
        <f ca="1">ROUND(SQRT((VLOOKUP($A4,városok!$A$2:$C$346,2,0)-VLOOKUP(BP$1,városok!$A$2:$C$346,2,0))^2+(VLOOKUP($A4,városok!$A$2:$C$346,3,0)-VLOOKUP(BP$1,városok!$A$2:$C$346,3,0))^2)/1000,0)</f>
        <v>67</v>
      </c>
      <c r="BQ4">
        <f ca="1">ROUND(SQRT((VLOOKUP($A4,városok!$A$2:$C$346,2,0)-VLOOKUP(BQ$1,városok!$A$2:$C$346,2,0))^2+(VLOOKUP($A4,városok!$A$2:$C$346,3,0)-VLOOKUP(BQ$1,városok!$A$2:$C$346,3,0))^2)/1000,0)</f>
        <v>83</v>
      </c>
      <c r="BR4">
        <f ca="1">ROUND(SQRT((VLOOKUP($A4,városok!$A$2:$C$346,2,0)-VLOOKUP(BR$1,városok!$A$2:$C$346,2,0))^2+(VLOOKUP($A4,városok!$A$2:$C$346,3,0)-VLOOKUP(BR$1,városok!$A$2:$C$346,3,0))^2)/1000,0)</f>
        <v>132</v>
      </c>
      <c r="BS4">
        <f ca="1">ROUND(SQRT((VLOOKUP($A4,városok!$A$2:$C$346,2,0)-VLOOKUP(BS$1,városok!$A$2:$C$346,2,0))^2+(VLOOKUP($A4,városok!$A$2:$C$346,3,0)-VLOOKUP(BS$1,városok!$A$2:$C$346,3,0))^2)/1000,0)</f>
        <v>160</v>
      </c>
      <c r="BT4">
        <f ca="1">ROUND(SQRT((VLOOKUP($A4,városok!$A$2:$C$346,2,0)-VLOOKUP(BT$1,városok!$A$2:$C$346,2,0))^2+(VLOOKUP($A4,városok!$A$2:$C$346,3,0)-VLOOKUP(BT$1,városok!$A$2:$C$346,3,0))^2)/1000,0)</f>
        <v>163</v>
      </c>
    </row>
    <row r="5" spans="1:72" x14ac:dyDescent="0.2">
      <c r="A5" t="str">
        <f>városok!A5</f>
        <v>Hajós</v>
      </c>
      <c r="B5">
        <f ca="1">ROUND(SQRT((VLOOKUP($A5,városok!$A$2:$C$346,2,0)-VLOOKUP(B$1,városok!$A$2:$C$346,2,0))^2+(VLOOKUP($A5,városok!$A$2:$C$346,3,0)-VLOOKUP(B$1,városok!$A$2:$C$346,3,0))^2)/1000,0)</f>
        <v>26</v>
      </c>
      <c r="C5">
        <f ca="1">ROUND(SQRT((VLOOKUP($A5,városok!$A$2:$C$346,2,0)-VLOOKUP(C$1,városok!$A$2:$C$346,2,0))^2+(VLOOKUP($A5,városok!$A$2:$C$346,3,0)-VLOOKUP(C$1,városok!$A$2:$C$346,3,0))^2)/1000,0)</f>
        <v>18</v>
      </c>
      <c r="D5">
        <f ca="1">ROUND(SQRT((VLOOKUP($A5,városok!$A$2:$C$346,2,0)-VLOOKUP(D$1,városok!$A$2:$C$346,2,0))^2+(VLOOKUP($A5,városok!$A$2:$C$346,3,0)-VLOOKUP(D$1,városok!$A$2:$C$346,3,0))^2)/1000,0)</f>
        <v>72</v>
      </c>
      <c r="E5">
        <f ca="1">ROUND(SQRT((VLOOKUP($A5,városok!$A$2:$C$346,2,0)-VLOOKUP(E$1,városok!$A$2:$C$346,2,0))^2+(VLOOKUP($A5,városok!$A$2:$C$346,3,0)-VLOOKUP(E$1,városok!$A$2:$C$346,3,0))^2)/1000,0)</f>
        <v>70</v>
      </c>
      <c r="F5">
        <f ca="1">ROUND(SQRT((VLOOKUP($A5,városok!$A$2:$C$346,2,0)-VLOOKUP(F$1,városok!$A$2:$C$346,2,0))^2+(VLOOKUP($A5,városok!$A$2:$C$346,3,0)-VLOOKUP(F$1,városok!$A$2:$C$346,3,0))^2)/1000,0)</f>
        <v>56</v>
      </c>
      <c r="G5">
        <f ca="1">ROUND(SQRT((VLOOKUP($A5,városok!$A$2:$C$346,2,0)-VLOOKUP(G$1,városok!$A$2:$C$346,2,0))^2+(VLOOKUP($A5,városok!$A$2:$C$346,3,0)-VLOOKUP(G$1,városok!$A$2:$C$346,3,0))^2)/1000,0)</f>
        <v>76</v>
      </c>
      <c r="H5">
        <f ca="1">ROUND(SQRT((VLOOKUP($A5,városok!$A$2:$C$346,2,0)-VLOOKUP(H$1,városok!$A$2:$C$346,2,0))^2+(VLOOKUP($A5,városok!$A$2:$C$346,3,0)-VLOOKUP(H$1,városok!$A$2:$C$346,3,0))^2)/1000,0)</f>
        <v>109</v>
      </c>
      <c r="I5">
        <f ca="1">ROUND(SQRT((VLOOKUP($A5,városok!$A$2:$C$346,2,0)-VLOOKUP(I$1,városok!$A$2:$C$346,2,0))^2+(VLOOKUP($A5,városok!$A$2:$C$346,3,0)-VLOOKUP(I$1,városok!$A$2:$C$346,3,0))^2)/1000,0)</f>
        <v>154</v>
      </c>
      <c r="J5">
        <f ca="1">ROUND(SQRT((VLOOKUP($A5,városok!$A$2:$C$346,2,0)-VLOOKUP(J$1,városok!$A$2:$C$346,2,0))^2+(VLOOKUP($A5,városok!$A$2:$C$346,3,0)-VLOOKUP(J$1,városok!$A$2:$C$346,3,0))^2)/1000,0)</f>
        <v>168</v>
      </c>
      <c r="K5">
        <f ca="1">ROUND(SQRT((VLOOKUP($A5,városok!$A$2:$C$346,2,0)-VLOOKUP(K$1,városok!$A$2:$C$346,2,0))^2+(VLOOKUP($A5,városok!$A$2:$C$346,3,0)-VLOOKUP(K$1,városok!$A$2:$C$346,3,0))^2)/1000,0)</f>
        <v>121</v>
      </c>
      <c r="L5">
        <f ca="1">ROUND(SQRT((VLOOKUP($A5,városok!$A$2:$C$346,2,0)-VLOOKUP(L$1,városok!$A$2:$C$346,2,0))^2+(VLOOKUP($A5,városok!$A$2:$C$346,3,0)-VLOOKUP(L$1,városok!$A$2:$C$346,3,0))^2)/1000,0)</f>
        <v>236</v>
      </c>
      <c r="M5">
        <f ca="1">ROUND(SQRT((VLOOKUP($A5,városok!$A$2:$C$346,2,0)-VLOOKUP(M$1,városok!$A$2:$C$346,2,0))^2+(VLOOKUP($A5,városok!$A$2:$C$346,3,0)-VLOOKUP(M$1,városok!$A$2:$C$346,3,0))^2)/1000,0)</f>
        <v>229</v>
      </c>
      <c r="N5">
        <f ca="1">ROUND(SQRT((VLOOKUP($A5,városok!$A$2:$C$346,2,0)-VLOOKUP(N$1,városok!$A$2:$C$346,2,0))^2+(VLOOKUP($A5,városok!$A$2:$C$346,3,0)-VLOOKUP(N$1,városok!$A$2:$C$346,3,0))^2)/1000,0)</f>
        <v>222</v>
      </c>
      <c r="O5">
        <f ca="1">ROUND(SQRT((VLOOKUP($A5,városok!$A$2:$C$346,2,0)-VLOOKUP(O$1,városok!$A$2:$C$346,2,0))^2+(VLOOKUP($A5,városok!$A$2:$C$346,3,0)-VLOOKUP(O$1,városok!$A$2:$C$346,3,0))^2)/1000,0)</f>
        <v>293</v>
      </c>
      <c r="P5">
        <f ca="1">ROUND(SQRT((VLOOKUP($A5,városok!$A$2:$C$346,2,0)-VLOOKUP(P$1,városok!$A$2:$C$346,2,0))^2+(VLOOKUP($A5,városok!$A$2:$C$346,3,0)-VLOOKUP(P$1,városok!$A$2:$C$346,3,0))^2)/1000,0)</f>
        <v>293</v>
      </c>
      <c r="Q5">
        <f ca="1">ROUND(SQRT((VLOOKUP($A5,városok!$A$2:$C$346,2,0)-VLOOKUP(Q$1,városok!$A$2:$C$346,2,0))^2+(VLOOKUP($A5,városok!$A$2:$C$346,3,0)-VLOOKUP(Q$1,városok!$A$2:$C$346,3,0))^2)/1000,0)</f>
        <v>93</v>
      </c>
      <c r="R5">
        <f ca="1">ROUND(SQRT((VLOOKUP($A5,városok!$A$2:$C$346,2,0)-VLOOKUP(R$1,városok!$A$2:$C$346,2,0))^2+(VLOOKUP($A5,városok!$A$2:$C$346,3,0)-VLOOKUP(R$1,városok!$A$2:$C$346,3,0))^2)/1000,0)</f>
        <v>107</v>
      </c>
      <c r="S5">
        <f ca="1">ROUND(SQRT((VLOOKUP($A5,városok!$A$2:$C$346,2,0)-VLOOKUP(S$1,városok!$A$2:$C$346,2,0))^2+(VLOOKUP($A5,városok!$A$2:$C$346,3,0)-VLOOKUP(S$1,városok!$A$2:$C$346,3,0))^2)/1000,0)</f>
        <v>82</v>
      </c>
      <c r="T5">
        <f ca="1">ROUND(SQRT((VLOOKUP($A5,városok!$A$2:$C$346,2,0)-VLOOKUP(T$1,városok!$A$2:$C$346,2,0))^2+(VLOOKUP($A5,városok!$A$2:$C$346,3,0)-VLOOKUP(T$1,városok!$A$2:$C$346,3,0))^2)/1000,0)</f>
        <v>127</v>
      </c>
      <c r="U5">
        <f ca="1">ROUND(SQRT((VLOOKUP($A5,városok!$A$2:$C$346,2,0)-VLOOKUP(U$1,városok!$A$2:$C$346,2,0))^2+(VLOOKUP($A5,városok!$A$2:$C$346,3,0)-VLOOKUP(U$1,városok!$A$2:$C$346,3,0))^2)/1000,0)</f>
        <v>65</v>
      </c>
      <c r="V5">
        <f ca="1">ROUND(SQRT((VLOOKUP($A5,városok!$A$2:$C$346,2,0)-VLOOKUP(V$1,városok!$A$2:$C$346,2,0))^2+(VLOOKUP($A5,városok!$A$2:$C$346,3,0)-VLOOKUP(V$1,városok!$A$2:$C$346,3,0))^2)/1000,0)</f>
        <v>96</v>
      </c>
      <c r="W5">
        <f ca="1">ROUND(SQRT((VLOOKUP($A5,városok!$A$2:$C$346,2,0)-VLOOKUP(W$1,városok!$A$2:$C$346,2,0))^2+(VLOOKUP($A5,városok!$A$2:$C$346,3,0)-VLOOKUP(W$1,városok!$A$2:$C$346,3,0))^2)/1000,0)</f>
        <v>66</v>
      </c>
      <c r="X5">
        <f ca="1">ROUND(SQRT((VLOOKUP($A5,városok!$A$2:$C$346,2,0)-VLOOKUP(X$1,városok!$A$2:$C$346,2,0))^2+(VLOOKUP($A5,városok!$A$2:$C$346,3,0)-VLOOKUP(X$1,városok!$A$2:$C$346,3,0))^2)/1000,0)</f>
        <v>116</v>
      </c>
      <c r="Y5">
        <f ca="1">ROUND(SQRT((VLOOKUP($A5,városok!$A$2:$C$346,2,0)-VLOOKUP(Y$1,városok!$A$2:$C$346,2,0))^2+(VLOOKUP($A5,városok!$A$2:$C$346,3,0)-VLOOKUP(Y$1,városok!$A$2:$C$346,3,0))^2)/1000,0)</f>
        <v>182</v>
      </c>
      <c r="Z5">
        <f ca="1">ROUND(SQRT((VLOOKUP($A5,városok!$A$2:$C$346,2,0)-VLOOKUP(Z$1,városok!$A$2:$C$346,2,0))^2+(VLOOKUP($A5,városok!$A$2:$C$346,3,0)-VLOOKUP(Z$1,városok!$A$2:$C$346,3,0))^2)/1000,0)</f>
        <v>198</v>
      </c>
      <c r="AA5">
        <f ca="1">ROUND(SQRT((VLOOKUP($A5,városok!$A$2:$C$346,2,0)-VLOOKUP(AA$1,városok!$A$2:$C$346,2,0))^2+(VLOOKUP($A5,városok!$A$2:$C$346,3,0)-VLOOKUP(AA$1,városok!$A$2:$C$346,3,0))^2)/1000,0)</f>
        <v>240</v>
      </c>
      <c r="AB5">
        <f ca="1">ROUND(SQRT((VLOOKUP($A5,városok!$A$2:$C$346,2,0)-VLOOKUP(AB$1,városok!$A$2:$C$346,2,0))^2+(VLOOKUP($A5,városok!$A$2:$C$346,3,0)-VLOOKUP(AB$1,városok!$A$2:$C$346,3,0))^2)/1000,0)</f>
        <v>229</v>
      </c>
      <c r="AC5">
        <f ca="1">ROUND(SQRT((VLOOKUP($A5,városok!$A$2:$C$346,2,0)-VLOOKUP(AC$1,városok!$A$2:$C$346,2,0))^2+(VLOOKUP($A5,városok!$A$2:$C$346,3,0)-VLOOKUP(AC$1,városok!$A$2:$C$346,3,0))^2)/1000,0)</f>
        <v>209</v>
      </c>
      <c r="AD5">
        <f ca="1">ROUND(SQRT((VLOOKUP($A5,városok!$A$2:$C$346,2,0)-VLOOKUP(AD$1,városok!$A$2:$C$346,2,0))^2+(VLOOKUP($A5,városok!$A$2:$C$346,3,0)-VLOOKUP(AD$1,városok!$A$2:$C$346,3,0))^2)/1000,0)</f>
        <v>193</v>
      </c>
      <c r="AE5">
        <f ca="1">ROUND(SQRT((VLOOKUP($A5,városok!$A$2:$C$346,2,0)-VLOOKUP(AE$1,városok!$A$2:$C$346,2,0))^2+(VLOOKUP($A5,városok!$A$2:$C$346,3,0)-VLOOKUP(AE$1,városok!$A$2:$C$346,3,0))^2)/1000,0)</f>
        <v>185</v>
      </c>
      <c r="AF5">
        <f ca="1">ROUND(SQRT((VLOOKUP($A5,városok!$A$2:$C$346,2,0)-VLOOKUP(AF$1,városok!$A$2:$C$346,2,0))^2+(VLOOKUP($A5,városok!$A$2:$C$346,3,0)-VLOOKUP(AF$1,városok!$A$2:$C$346,3,0))^2)/1000,0)</f>
        <v>193</v>
      </c>
      <c r="AG5">
        <f ca="1">ROUND(SQRT((VLOOKUP($A5,városok!$A$2:$C$346,2,0)-VLOOKUP(AG$1,városok!$A$2:$C$346,2,0))^2+(VLOOKUP($A5,városok!$A$2:$C$346,3,0)-VLOOKUP(AG$1,városok!$A$2:$C$346,3,0))^2)/1000,0)</f>
        <v>166</v>
      </c>
      <c r="AH5">
        <f ca="1">ROUND(SQRT((VLOOKUP($A5,városok!$A$2:$C$346,2,0)-VLOOKUP(AH$1,városok!$A$2:$C$346,2,0))^2+(VLOOKUP($A5,városok!$A$2:$C$346,3,0)-VLOOKUP(AH$1,városok!$A$2:$C$346,3,0))^2)/1000,0)</f>
        <v>147</v>
      </c>
      <c r="AI5">
        <f ca="1">ROUND(SQRT((VLOOKUP($A5,városok!$A$2:$C$346,2,0)-VLOOKUP(AI$1,városok!$A$2:$C$346,2,0))^2+(VLOOKUP($A5,városok!$A$2:$C$346,3,0)-VLOOKUP(AI$1,városok!$A$2:$C$346,3,0))^2)/1000,0)</f>
        <v>195</v>
      </c>
      <c r="AJ5">
        <f ca="1">ROUND(SQRT((VLOOKUP($A5,városok!$A$2:$C$346,2,0)-VLOOKUP(AJ$1,városok!$A$2:$C$346,2,0))^2+(VLOOKUP($A5,városok!$A$2:$C$346,3,0)-VLOOKUP(AJ$1,városok!$A$2:$C$346,3,0))^2)/1000,0)</f>
        <v>153</v>
      </c>
      <c r="AK5">
        <f ca="1">ROUND(SQRT((VLOOKUP($A5,városok!$A$2:$C$346,2,0)-VLOOKUP(AK$1,városok!$A$2:$C$346,2,0))^2+(VLOOKUP($A5,városok!$A$2:$C$346,3,0)-VLOOKUP(AK$1,városok!$A$2:$C$346,3,0))^2)/1000,0)</f>
        <v>173</v>
      </c>
      <c r="AL5">
        <f ca="1">ROUND(SQRT((VLOOKUP($A5,városok!$A$2:$C$346,2,0)-VLOOKUP(AL$1,városok!$A$2:$C$346,2,0))^2+(VLOOKUP($A5,városok!$A$2:$C$346,3,0)-VLOOKUP(AL$1,városok!$A$2:$C$346,3,0))^2)/1000,0)</f>
        <v>158</v>
      </c>
      <c r="AM5">
        <f ca="1">ROUND(SQRT((VLOOKUP($A5,városok!$A$2:$C$346,2,0)-VLOOKUP(AM$1,városok!$A$2:$C$346,2,0))^2+(VLOOKUP($A5,városok!$A$2:$C$346,3,0)-VLOOKUP(AM$1,városok!$A$2:$C$346,3,0))^2)/1000,0)</f>
        <v>119</v>
      </c>
      <c r="AN5">
        <f ca="1">ROUND(SQRT((VLOOKUP($A5,városok!$A$2:$C$346,2,0)-VLOOKUP(AN$1,városok!$A$2:$C$346,2,0))^2+(VLOOKUP($A5,városok!$A$2:$C$346,3,0)-VLOOKUP(AN$1,városok!$A$2:$C$346,3,0))^2)/1000,0)</f>
        <v>157</v>
      </c>
      <c r="AO5">
        <f ca="1">ROUND(SQRT((VLOOKUP($A5,városok!$A$2:$C$346,2,0)-VLOOKUP(AO$1,városok!$A$2:$C$346,2,0))^2+(VLOOKUP($A5,városok!$A$2:$C$346,3,0)-VLOOKUP(AO$1,városok!$A$2:$C$346,3,0))^2)/1000,0)</f>
        <v>167</v>
      </c>
      <c r="AP5">
        <f ca="1">ROUND(SQRT((VLOOKUP($A5,városok!$A$2:$C$346,2,0)-VLOOKUP(AP$1,városok!$A$2:$C$346,2,0))^2+(VLOOKUP($A5,városok!$A$2:$C$346,3,0)-VLOOKUP(AP$1,városok!$A$2:$C$346,3,0))^2)/1000,0)</f>
        <v>151</v>
      </c>
      <c r="AQ5">
        <f ca="1">ROUND(SQRT((VLOOKUP($A5,városok!$A$2:$C$346,2,0)-VLOOKUP(AQ$1,városok!$A$2:$C$346,2,0))^2+(VLOOKUP($A5,városok!$A$2:$C$346,3,0)-VLOOKUP(AQ$1,városok!$A$2:$C$346,3,0))^2)/1000,0)</f>
        <v>141</v>
      </c>
      <c r="AR5">
        <f ca="1">ROUND(SQRT((VLOOKUP($A5,városok!$A$2:$C$346,2,0)-VLOOKUP(AR$1,városok!$A$2:$C$346,2,0))^2+(VLOOKUP($A5,városok!$A$2:$C$346,3,0)-VLOOKUP(AR$1,városok!$A$2:$C$346,3,0))^2)/1000,0)</f>
        <v>175</v>
      </c>
      <c r="AS5">
        <f ca="1">ROUND(SQRT((VLOOKUP($A5,városok!$A$2:$C$346,2,0)-VLOOKUP(AS$1,városok!$A$2:$C$346,2,0))^2+(VLOOKUP($A5,városok!$A$2:$C$346,3,0)-VLOOKUP(AS$1,városok!$A$2:$C$346,3,0))^2)/1000,0)</f>
        <v>198</v>
      </c>
      <c r="AT5">
        <f ca="1">ROUND(SQRT((VLOOKUP($A5,városok!$A$2:$C$346,2,0)-VLOOKUP(AT$1,városok!$A$2:$C$346,2,0))^2+(VLOOKUP($A5,városok!$A$2:$C$346,3,0)-VLOOKUP(AT$1,városok!$A$2:$C$346,3,0))^2)/1000,0)</f>
        <v>121</v>
      </c>
      <c r="AU5">
        <f ca="1">ROUND(SQRT((VLOOKUP($A5,városok!$A$2:$C$346,2,0)-VLOOKUP(AU$1,városok!$A$2:$C$346,2,0))^2+(VLOOKUP($A5,városok!$A$2:$C$346,3,0)-VLOOKUP(AU$1,városok!$A$2:$C$346,3,0))^2)/1000,0)</f>
        <v>119</v>
      </c>
      <c r="AV5">
        <f ca="1">ROUND(SQRT((VLOOKUP($A5,városok!$A$2:$C$346,2,0)-VLOOKUP(AV$1,városok!$A$2:$C$346,2,0))^2+(VLOOKUP($A5,városok!$A$2:$C$346,3,0)-VLOOKUP(AV$1,városok!$A$2:$C$346,3,0))^2)/1000,0)</f>
        <v>113</v>
      </c>
      <c r="AW5">
        <f ca="1">ROUND(SQRT((VLOOKUP($A5,városok!$A$2:$C$346,2,0)-VLOOKUP(AW$1,városok!$A$2:$C$346,2,0))^2+(VLOOKUP($A5,városok!$A$2:$C$346,3,0)-VLOOKUP(AW$1,városok!$A$2:$C$346,3,0))^2)/1000,0)</f>
        <v>112</v>
      </c>
      <c r="AX5">
        <f ca="1">ROUND(SQRT((VLOOKUP($A5,városok!$A$2:$C$346,2,0)-VLOOKUP(AX$1,városok!$A$2:$C$346,2,0))^2+(VLOOKUP($A5,városok!$A$2:$C$346,3,0)-VLOOKUP(AX$1,városok!$A$2:$C$346,3,0))^2)/1000,0)</f>
        <v>87</v>
      </c>
      <c r="AY5">
        <f ca="1">ROUND(SQRT((VLOOKUP($A5,városok!$A$2:$C$346,2,0)-VLOOKUP(AY$1,városok!$A$2:$C$346,2,0))^2+(VLOOKUP($A5,városok!$A$2:$C$346,3,0)-VLOOKUP(AY$1,városok!$A$2:$C$346,3,0))^2)/1000,0)</f>
        <v>143</v>
      </c>
      <c r="AZ5">
        <f ca="1">ROUND(SQRT((VLOOKUP($A5,városok!$A$2:$C$346,2,0)-VLOOKUP(AZ$1,városok!$A$2:$C$346,2,0))^2+(VLOOKUP($A5,városok!$A$2:$C$346,3,0)-VLOOKUP(AZ$1,városok!$A$2:$C$346,3,0))^2)/1000,0)</f>
        <v>155</v>
      </c>
      <c r="BA5">
        <f ca="1">ROUND(SQRT((VLOOKUP($A5,városok!$A$2:$C$346,2,0)-VLOOKUP(BA$1,városok!$A$2:$C$346,2,0))^2+(VLOOKUP($A5,városok!$A$2:$C$346,3,0)-VLOOKUP(BA$1,városok!$A$2:$C$346,3,0))^2)/1000,0)</f>
        <v>116</v>
      </c>
      <c r="BB5">
        <f ca="1">ROUND(SQRT((VLOOKUP($A5,városok!$A$2:$C$346,2,0)-VLOOKUP(BB$1,városok!$A$2:$C$346,2,0))^2+(VLOOKUP($A5,városok!$A$2:$C$346,3,0)-VLOOKUP(BB$1,városok!$A$2:$C$346,3,0))^2)/1000,0)</f>
        <v>91</v>
      </c>
      <c r="BC5">
        <f ca="1">ROUND(SQRT((VLOOKUP($A5,városok!$A$2:$C$346,2,0)-VLOOKUP(BC$1,városok!$A$2:$C$346,2,0))^2+(VLOOKUP($A5,városok!$A$2:$C$346,3,0)-VLOOKUP(BC$1,városok!$A$2:$C$346,3,0))^2)/1000,0)</f>
        <v>101</v>
      </c>
      <c r="BD5">
        <f ca="1">ROUND(SQRT((VLOOKUP($A5,városok!$A$2:$C$346,2,0)-VLOOKUP(BD$1,városok!$A$2:$C$346,2,0))^2+(VLOOKUP($A5,városok!$A$2:$C$346,3,0)-VLOOKUP(BD$1,városok!$A$2:$C$346,3,0))^2)/1000,0)</f>
        <v>98</v>
      </c>
      <c r="BE5">
        <f ca="1">ROUND(SQRT((VLOOKUP($A5,városok!$A$2:$C$346,2,0)-VLOOKUP(BE$1,városok!$A$2:$C$346,2,0))^2+(VLOOKUP($A5,városok!$A$2:$C$346,3,0)-VLOOKUP(BE$1,városok!$A$2:$C$346,3,0))^2)/1000,0)</f>
        <v>314</v>
      </c>
      <c r="BF5">
        <f ca="1">ROUND(SQRT((VLOOKUP($A5,városok!$A$2:$C$346,2,0)-VLOOKUP(BF$1,városok!$A$2:$C$346,2,0))^2+(VLOOKUP($A5,városok!$A$2:$C$346,3,0)-VLOOKUP(BF$1,városok!$A$2:$C$346,3,0))^2)/1000,0)</f>
        <v>302</v>
      </c>
      <c r="BG5">
        <f ca="1">ROUND(SQRT((VLOOKUP($A5,városok!$A$2:$C$346,2,0)-VLOOKUP(BG$1,városok!$A$2:$C$346,2,0))^2+(VLOOKUP($A5,városok!$A$2:$C$346,3,0)-VLOOKUP(BG$1,városok!$A$2:$C$346,3,0))^2)/1000,0)</f>
        <v>262</v>
      </c>
      <c r="BH5">
        <f ca="1">ROUND(SQRT((VLOOKUP($A5,városok!$A$2:$C$346,2,0)-VLOOKUP(BH$1,városok!$A$2:$C$346,2,0))^2+(VLOOKUP($A5,városok!$A$2:$C$346,3,0)-VLOOKUP(BH$1,városok!$A$2:$C$346,3,0))^2)/1000,0)</f>
        <v>262</v>
      </c>
      <c r="BI5">
        <f ca="1">ROUND(SQRT((VLOOKUP($A5,városok!$A$2:$C$346,2,0)-VLOOKUP(BI$1,városok!$A$2:$C$346,2,0))^2+(VLOOKUP($A5,városok!$A$2:$C$346,3,0)-VLOOKUP(BI$1,városok!$A$2:$C$346,3,0))^2)/1000,0)</f>
        <v>38</v>
      </c>
      <c r="BJ5">
        <f ca="1">ROUND(SQRT((VLOOKUP($A5,városok!$A$2:$C$346,2,0)-VLOOKUP(BJ$1,városok!$A$2:$C$346,2,0))^2+(VLOOKUP($A5,városok!$A$2:$C$346,3,0)-VLOOKUP(BJ$1,városok!$A$2:$C$346,3,0))^2)/1000,0)</f>
        <v>52</v>
      </c>
      <c r="BK5">
        <f ca="1">ROUND(SQRT((VLOOKUP($A5,városok!$A$2:$C$346,2,0)-VLOOKUP(BK$1,városok!$A$2:$C$346,2,0))^2+(VLOOKUP($A5,városok!$A$2:$C$346,3,0)-VLOOKUP(BK$1,városok!$A$2:$C$346,3,0))^2)/1000,0)</f>
        <v>32</v>
      </c>
      <c r="BL5">
        <f ca="1">ROUND(SQRT((VLOOKUP($A5,városok!$A$2:$C$346,2,0)-VLOOKUP(BL$1,városok!$A$2:$C$346,2,0))^2+(VLOOKUP($A5,városok!$A$2:$C$346,3,0)-VLOOKUP(BL$1,városok!$A$2:$C$346,3,0))^2)/1000,0)</f>
        <v>204</v>
      </c>
      <c r="BM5">
        <f ca="1">ROUND(SQRT((VLOOKUP($A5,városok!$A$2:$C$346,2,0)-VLOOKUP(BM$1,városok!$A$2:$C$346,2,0))^2+(VLOOKUP($A5,városok!$A$2:$C$346,3,0)-VLOOKUP(BM$1,városok!$A$2:$C$346,3,0))^2)/1000,0)</f>
        <v>192</v>
      </c>
      <c r="BN5">
        <f ca="1">ROUND(SQRT((VLOOKUP($A5,városok!$A$2:$C$346,2,0)-VLOOKUP(BN$1,városok!$A$2:$C$346,2,0))^2+(VLOOKUP($A5,városok!$A$2:$C$346,3,0)-VLOOKUP(BN$1,városok!$A$2:$C$346,3,0))^2)/1000,0)</f>
        <v>212</v>
      </c>
      <c r="BO5">
        <f ca="1">ROUND(SQRT((VLOOKUP($A5,városok!$A$2:$C$346,2,0)-VLOOKUP(BO$1,városok!$A$2:$C$346,2,0))^2+(VLOOKUP($A5,városok!$A$2:$C$346,3,0)-VLOOKUP(BO$1,városok!$A$2:$C$346,3,0))^2)/1000,0)</f>
        <v>110</v>
      </c>
      <c r="BP5">
        <f ca="1">ROUND(SQRT((VLOOKUP($A5,városok!$A$2:$C$346,2,0)-VLOOKUP(BP$1,városok!$A$2:$C$346,2,0))^2+(VLOOKUP($A5,városok!$A$2:$C$346,3,0)-VLOOKUP(BP$1,városok!$A$2:$C$346,3,0))^2)/1000,0)</f>
        <v>104</v>
      </c>
      <c r="BQ5">
        <f ca="1">ROUND(SQRT((VLOOKUP($A5,városok!$A$2:$C$346,2,0)-VLOOKUP(BQ$1,városok!$A$2:$C$346,2,0))^2+(VLOOKUP($A5,városok!$A$2:$C$346,3,0)-VLOOKUP(BQ$1,városok!$A$2:$C$346,3,0))^2)/1000,0)</f>
        <v>120</v>
      </c>
      <c r="BR5">
        <f ca="1">ROUND(SQRT((VLOOKUP($A5,városok!$A$2:$C$346,2,0)-VLOOKUP(BR$1,városok!$A$2:$C$346,2,0))^2+(VLOOKUP($A5,városok!$A$2:$C$346,3,0)-VLOOKUP(BR$1,városok!$A$2:$C$346,3,0))^2)/1000,0)</f>
        <v>148</v>
      </c>
      <c r="BS5">
        <f ca="1">ROUND(SQRT((VLOOKUP($A5,városok!$A$2:$C$346,2,0)-VLOOKUP(BS$1,városok!$A$2:$C$346,2,0))^2+(VLOOKUP($A5,városok!$A$2:$C$346,3,0)-VLOOKUP(BS$1,városok!$A$2:$C$346,3,0))^2)/1000,0)</f>
        <v>163</v>
      </c>
      <c r="BT5">
        <f ca="1">ROUND(SQRT((VLOOKUP($A5,városok!$A$2:$C$346,2,0)-VLOOKUP(BT$1,városok!$A$2:$C$346,2,0))^2+(VLOOKUP($A5,városok!$A$2:$C$346,3,0)-VLOOKUP(BT$1,városok!$A$2:$C$346,3,0))^2)/1000,0)</f>
        <v>181</v>
      </c>
    </row>
    <row r="6" spans="1:72" x14ac:dyDescent="0.2">
      <c r="A6" t="str">
        <f>városok!A6</f>
        <v>Izsák</v>
      </c>
      <c r="B6">
        <f ca="1">ROUND(SQRT((VLOOKUP($A6,városok!$A$2:$C$346,2,0)-VLOOKUP(B$1,városok!$A$2:$C$346,2,0))^2+(VLOOKUP($A6,városok!$A$2:$C$346,3,0)-VLOOKUP(B$1,városok!$A$2:$C$346,3,0))^2)/1000,0)</f>
        <v>75</v>
      </c>
      <c r="C6">
        <f ca="1">ROUND(SQRT((VLOOKUP($A6,városok!$A$2:$C$346,2,0)-VLOOKUP(C$1,városok!$A$2:$C$346,2,0))^2+(VLOOKUP($A6,városok!$A$2:$C$346,3,0)-VLOOKUP(C$1,városok!$A$2:$C$346,3,0))^2)/1000,0)</f>
        <v>42</v>
      </c>
      <c r="D6">
        <f ca="1">ROUND(SQRT((VLOOKUP($A6,városok!$A$2:$C$346,2,0)-VLOOKUP(D$1,városok!$A$2:$C$346,2,0))^2+(VLOOKUP($A6,városok!$A$2:$C$346,3,0)-VLOOKUP(D$1,városok!$A$2:$C$346,3,0))^2)/1000,0)</f>
        <v>28</v>
      </c>
      <c r="E6">
        <f ca="1">ROUND(SQRT((VLOOKUP($A6,városok!$A$2:$C$346,2,0)-VLOOKUP(E$1,városok!$A$2:$C$346,2,0))^2+(VLOOKUP($A6,városok!$A$2:$C$346,3,0)-VLOOKUP(E$1,városok!$A$2:$C$346,3,0))^2)/1000,0)</f>
        <v>108</v>
      </c>
      <c r="F6">
        <f ca="1">ROUND(SQRT((VLOOKUP($A6,városok!$A$2:$C$346,2,0)-VLOOKUP(F$1,városok!$A$2:$C$346,2,0))^2+(VLOOKUP($A6,városok!$A$2:$C$346,3,0)-VLOOKUP(F$1,városok!$A$2:$C$346,3,0))^2)/1000,0)</f>
        <v>104</v>
      </c>
      <c r="G6">
        <f ca="1">ROUND(SQRT((VLOOKUP($A6,városok!$A$2:$C$346,2,0)-VLOOKUP(G$1,városok!$A$2:$C$346,2,0))^2+(VLOOKUP($A6,városok!$A$2:$C$346,3,0)-VLOOKUP(G$1,városok!$A$2:$C$346,3,0))^2)/1000,0)</f>
        <v>117</v>
      </c>
      <c r="H6">
        <f ca="1">ROUND(SQRT((VLOOKUP($A6,városok!$A$2:$C$346,2,0)-VLOOKUP(H$1,városok!$A$2:$C$346,2,0))^2+(VLOOKUP($A6,városok!$A$2:$C$346,3,0)-VLOOKUP(H$1,városok!$A$2:$C$346,3,0))^2)/1000,0)</f>
        <v>146</v>
      </c>
      <c r="I6">
        <f ca="1">ROUND(SQRT((VLOOKUP($A6,városok!$A$2:$C$346,2,0)-VLOOKUP(I$1,városok!$A$2:$C$346,2,0))^2+(VLOOKUP($A6,városok!$A$2:$C$346,3,0)-VLOOKUP(I$1,városok!$A$2:$C$346,3,0))^2)/1000,0)</f>
        <v>133</v>
      </c>
      <c r="J6">
        <f ca="1">ROUND(SQRT((VLOOKUP($A6,városok!$A$2:$C$346,2,0)-VLOOKUP(J$1,városok!$A$2:$C$346,2,0))^2+(VLOOKUP($A6,városok!$A$2:$C$346,3,0)-VLOOKUP(J$1,városok!$A$2:$C$346,3,0))^2)/1000,0)</f>
        <v>148</v>
      </c>
      <c r="K6">
        <f ca="1">ROUND(SQRT((VLOOKUP($A6,városok!$A$2:$C$346,2,0)-VLOOKUP(K$1,városok!$A$2:$C$346,2,0))^2+(VLOOKUP($A6,városok!$A$2:$C$346,3,0)-VLOOKUP(K$1,városok!$A$2:$C$346,3,0))^2)/1000,0)</f>
        <v>104</v>
      </c>
      <c r="L6">
        <f ca="1">ROUND(SQRT((VLOOKUP($A6,városok!$A$2:$C$346,2,0)-VLOOKUP(L$1,városok!$A$2:$C$346,2,0))^2+(VLOOKUP($A6,városok!$A$2:$C$346,3,0)-VLOOKUP(L$1,városok!$A$2:$C$346,3,0))^2)/1000,0)</f>
        <v>188</v>
      </c>
      <c r="M6">
        <f ca="1">ROUND(SQRT((VLOOKUP($A6,városok!$A$2:$C$346,2,0)-VLOOKUP(M$1,városok!$A$2:$C$346,2,0))^2+(VLOOKUP($A6,városok!$A$2:$C$346,3,0)-VLOOKUP(M$1,városok!$A$2:$C$346,3,0))^2)/1000,0)</f>
        <v>181</v>
      </c>
      <c r="N6">
        <f ca="1">ROUND(SQRT((VLOOKUP($A6,városok!$A$2:$C$346,2,0)-VLOOKUP(N$1,városok!$A$2:$C$346,2,0))^2+(VLOOKUP($A6,városok!$A$2:$C$346,3,0)-VLOOKUP(N$1,városok!$A$2:$C$346,3,0))^2)/1000,0)</f>
        <v>173</v>
      </c>
      <c r="O6">
        <f ca="1">ROUND(SQRT((VLOOKUP($A6,városok!$A$2:$C$346,2,0)-VLOOKUP(O$1,városok!$A$2:$C$346,2,0))^2+(VLOOKUP($A6,városok!$A$2:$C$346,3,0)-VLOOKUP(O$1,városok!$A$2:$C$346,3,0))^2)/1000,0)</f>
        <v>248</v>
      </c>
      <c r="P6">
        <f ca="1">ROUND(SQRT((VLOOKUP($A6,városok!$A$2:$C$346,2,0)-VLOOKUP(P$1,városok!$A$2:$C$346,2,0))^2+(VLOOKUP($A6,városok!$A$2:$C$346,3,0)-VLOOKUP(P$1,városok!$A$2:$C$346,3,0))^2)/1000,0)</f>
        <v>248</v>
      </c>
      <c r="Q6">
        <f ca="1">ROUND(SQRT((VLOOKUP($A6,városok!$A$2:$C$346,2,0)-VLOOKUP(Q$1,városok!$A$2:$C$346,2,0))^2+(VLOOKUP($A6,városok!$A$2:$C$346,3,0)-VLOOKUP(Q$1,városok!$A$2:$C$346,3,0))^2)/1000,0)</f>
        <v>86</v>
      </c>
      <c r="R6">
        <f ca="1">ROUND(SQRT((VLOOKUP($A6,városok!$A$2:$C$346,2,0)-VLOOKUP(R$1,városok!$A$2:$C$346,2,0))^2+(VLOOKUP($A6,városok!$A$2:$C$346,3,0)-VLOOKUP(R$1,városok!$A$2:$C$346,3,0))^2)/1000,0)</f>
        <v>108</v>
      </c>
      <c r="S6">
        <f ca="1">ROUND(SQRT((VLOOKUP($A6,városok!$A$2:$C$346,2,0)-VLOOKUP(S$1,városok!$A$2:$C$346,2,0))^2+(VLOOKUP($A6,városok!$A$2:$C$346,3,0)-VLOOKUP(S$1,városok!$A$2:$C$346,3,0))^2)/1000,0)</f>
        <v>88</v>
      </c>
      <c r="T6">
        <f ca="1">ROUND(SQRT((VLOOKUP($A6,városok!$A$2:$C$346,2,0)-VLOOKUP(T$1,városok!$A$2:$C$346,2,0))^2+(VLOOKUP($A6,városok!$A$2:$C$346,3,0)-VLOOKUP(T$1,városok!$A$2:$C$346,3,0))^2)/1000,0)</f>
        <v>94</v>
      </c>
      <c r="U6">
        <f ca="1">ROUND(SQRT((VLOOKUP($A6,városok!$A$2:$C$346,2,0)-VLOOKUP(U$1,városok!$A$2:$C$346,2,0))^2+(VLOOKUP($A6,városok!$A$2:$C$346,3,0)-VLOOKUP(U$1,városok!$A$2:$C$346,3,0))^2)/1000,0)</f>
        <v>37</v>
      </c>
      <c r="V6">
        <f ca="1">ROUND(SQRT((VLOOKUP($A6,városok!$A$2:$C$346,2,0)-VLOOKUP(V$1,városok!$A$2:$C$346,2,0))^2+(VLOOKUP($A6,városok!$A$2:$C$346,3,0)-VLOOKUP(V$1,városok!$A$2:$C$346,3,0))^2)/1000,0)</f>
        <v>85</v>
      </c>
      <c r="W6">
        <f ca="1">ROUND(SQRT((VLOOKUP($A6,városok!$A$2:$C$346,2,0)-VLOOKUP(W$1,városok!$A$2:$C$346,2,0))^2+(VLOOKUP($A6,városok!$A$2:$C$346,3,0)-VLOOKUP(W$1,városok!$A$2:$C$346,3,0))^2)/1000,0)</f>
        <v>56</v>
      </c>
      <c r="X6">
        <f ca="1">ROUND(SQRT((VLOOKUP($A6,városok!$A$2:$C$346,2,0)-VLOOKUP(X$1,városok!$A$2:$C$346,2,0))^2+(VLOOKUP($A6,városok!$A$2:$C$346,3,0)-VLOOKUP(X$1,városok!$A$2:$C$346,3,0))^2)/1000,0)</f>
        <v>95</v>
      </c>
      <c r="Y6">
        <f ca="1">ROUND(SQRT((VLOOKUP($A6,városok!$A$2:$C$346,2,0)-VLOOKUP(Y$1,városok!$A$2:$C$346,2,0))^2+(VLOOKUP($A6,városok!$A$2:$C$346,3,0)-VLOOKUP(Y$1,városok!$A$2:$C$346,3,0))^2)/1000,0)</f>
        <v>163</v>
      </c>
      <c r="Z6">
        <f ca="1">ROUND(SQRT((VLOOKUP($A6,városok!$A$2:$C$346,2,0)-VLOOKUP(Z$1,városok!$A$2:$C$346,2,0))^2+(VLOOKUP($A6,városok!$A$2:$C$346,3,0)-VLOOKUP(Z$1,városok!$A$2:$C$346,3,0))^2)/1000,0)</f>
        <v>181</v>
      </c>
      <c r="AA6">
        <f ca="1">ROUND(SQRT((VLOOKUP($A6,városok!$A$2:$C$346,2,0)-VLOOKUP(AA$1,városok!$A$2:$C$346,2,0))^2+(VLOOKUP($A6,városok!$A$2:$C$346,3,0)-VLOOKUP(AA$1,városok!$A$2:$C$346,3,0))^2)/1000,0)</f>
        <v>231</v>
      </c>
      <c r="AB6">
        <f ca="1">ROUND(SQRT((VLOOKUP($A6,városok!$A$2:$C$346,2,0)-VLOOKUP(AB$1,városok!$A$2:$C$346,2,0))^2+(VLOOKUP($A6,városok!$A$2:$C$346,3,0)-VLOOKUP(AB$1,városok!$A$2:$C$346,3,0))^2)/1000,0)</f>
        <v>191</v>
      </c>
      <c r="AC6">
        <f ca="1">ROUND(SQRT((VLOOKUP($A6,városok!$A$2:$C$346,2,0)-VLOOKUP(AC$1,városok!$A$2:$C$346,2,0))^2+(VLOOKUP($A6,városok!$A$2:$C$346,3,0)-VLOOKUP(AC$1,városok!$A$2:$C$346,3,0))^2)/1000,0)</f>
        <v>171</v>
      </c>
      <c r="AD6">
        <f ca="1">ROUND(SQRT((VLOOKUP($A6,városok!$A$2:$C$346,2,0)-VLOOKUP(AD$1,városok!$A$2:$C$346,2,0))^2+(VLOOKUP($A6,városok!$A$2:$C$346,3,0)-VLOOKUP(AD$1,városok!$A$2:$C$346,3,0))^2)/1000,0)</f>
        <v>154</v>
      </c>
      <c r="AE6">
        <f ca="1">ROUND(SQRT((VLOOKUP($A6,városok!$A$2:$C$346,2,0)-VLOOKUP(AE$1,városok!$A$2:$C$346,2,0))^2+(VLOOKUP($A6,városok!$A$2:$C$346,3,0)-VLOOKUP(AE$1,városok!$A$2:$C$346,3,0))^2)/1000,0)</f>
        <v>148</v>
      </c>
      <c r="AF6">
        <f ca="1">ROUND(SQRT((VLOOKUP($A6,városok!$A$2:$C$346,2,0)-VLOOKUP(AF$1,városok!$A$2:$C$346,2,0))^2+(VLOOKUP($A6,városok!$A$2:$C$346,3,0)-VLOOKUP(AF$1,városok!$A$2:$C$346,3,0))^2)/1000,0)</f>
        <v>145</v>
      </c>
      <c r="AG6">
        <f ca="1">ROUND(SQRT((VLOOKUP($A6,városok!$A$2:$C$346,2,0)-VLOOKUP(AG$1,városok!$A$2:$C$346,2,0))^2+(VLOOKUP($A6,városok!$A$2:$C$346,3,0)-VLOOKUP(AG$1,városok!$A$2:$C$346,3,0))^2)/1000,0)</f>
        <v>117</v>
      </c>
      <c r="AH6">
        <f ca="1">ROUND(SQRT((VLOOKUP($A6,városok!$A$2:$C$346,2,0)-VLOOKUP(AH$1,városok!$A$2:$C$346,2,0))^2+(VLOOKUP($A6,városok!$A$2:$C$346,3,0)-VLOOKUP(AH$1,városok!$A$2:$C$346,3,0))^2)/1000,0)</f>
        <v>99</v>
      </c>
      <c r="AI6">
        <f ca="1">ROUND(SQRT((VLOOKUP($A6,városok!$A$2:$C$346,2,0)-VLOOKUP(AI$1,városok!$A$2:$C$346,2,0))^2+(VLOOKUP($A6,városok!$A$2:$C$346,3,0)-VLOOKUP(AI$1,városok!$A$2:$C$346,3,0))^2)/1000,0)</f>
        <v>147</v>
      </c>
      <c r="AJ6">
        <f ca="1">ROUND(SQRT((VLOOKUP($A6,városok!$A$2:$C$346,2,0)-VLOOKUP(AJ$1,városok!$A$2:$C$346,2,0))^2+(VLOOKUP($A6,városok!$A$2:$C$346,3,0)-VLOOKUP(AJ$1,városok!$A$2:$C$346,3,0))^2)/1000,0)</f>
        <v>105</v>
      </c>
      <c r="AK6">
        <f ca="1">ROUND(SQRT((VLOOKUP($A6,városok!$A$2:$C$346,2,0)-VLOOKUP(AK$1,városok!$A$2:$C$346,2,0))^2+(VLOOKUP($A6,városok!$A$2:$C$346,3,0)-VLOOKUP(AK$1,városok!$A$2:$C$346,3,0))^2)/1000,0)</f>
        <v>134</v>
      </c>
      <c r="AL6">
        <f ca="1">ROUND(SQRT((VLOOKUP($A6,városok!$A$2:$C$346,2,0)-VLOOKUP(AL$1,városok!$A$2:$C$346,2,0))^2+(VLOOKUP($A6,városok!$A$2:$C$346,3,0)-VLOOKUP(AL$1,városok!$A$2:$C$346,3,0))^2)/1000,0)</f>
        <v>115</v>
      </c>
      <c r="AM6">
        <f ca="1">ROUND(SQRT((VLOOKUP($A6,városok!$A$2:$C$346,2,0)-VLOOKUP(AM$1,városok!$A$2:$C$346,2,0))^2+(VLOOKUP($A6,városok!$A$2:$C$346,3,0)-VLOOKUP(AM$1,városok!$A$2:$C$346,3,0))^2)/1000,0)</f>
        <v>76</v>
      </c>
      <c r="AN6">
        <f ca="1">ROUND(SQRT((VLOOKUP($A6,városok!$A$2:$C$346,2,0)-VLOOKUP(AN$1,városok!$A$2:$C$346,2,0))^2+(VLOOKUP($A6,városok!$A$2:$C$346,3,0)-VLOOKUP(AN$1,városok!$A$2:$C$346,3,0))^2)/1000,0)</f>
        <v>119</v>
      </c>
      <c r="AO6">
        <f ca="1">ROUND(SQRT((VLOOKUP($A6,városok!$A$2:$C$346,2,0)-VLOOKUP(AO$1,városok!$A$2:$C$346,2,0))^2+(VLOOKUP($A6,városok!$A$2:$C$346,3,0)-VLOOKUP(AO$1,városok!$A$2:$C$346,3,0))^2)/1000,0)</f>
        <v>140</v>
      </c>
      <c r="AP6">
        <f ca="1">ROUND(SQRT((VLOOKUP($A6,városok!$A$2:$C$346,2,0)-VLOOKUP(AP$1,városok!$A$2:$C$346,2,0))^2+(VLOOKUP($A6,városok!$A$2:$C$346,3,0)-VLOOKUP(AP$1,városok!$A$2:$C$346,3,0))^2)/1000,0)</f>
        <v>121</v>
      </c>
      <c r="AQ6">
        <f ca="1">ROUND(SQRT((VLOOKUP($A6,városok!$A$2:$C$346,2,0)-VLOOKUP(AQ$1,városok!$A$2:$C$346,2,0))^2+(VLOOKUP($A6,városok!$A$2:$C$346,3,0)-VLOOKUP(AQ$1,városok!$A$2:$C$346,3,0))^2)/1000,0)</f>
        <v>111</v>
      </c>
      <c r="AR6">
        <f ca="1">ROUND(SQRT((VLOOKUP($A6,városok!$A$2:$C$346,2,0)-VLOOKUP(AR$1,városok!$A$2:$C$346,2,0))^2+(VLOOKUP($A6,városok!$A$2:$C$346,3,0)-VLOOKUP(AR$1,városok!$A$2:$C$346,3,0))^2)/1000,0)</f>
        <v>127</v>
      </c>
      <c r="AS6">
        <f ca="1">ROUND(SQRT((VLOOKUP($A6,városok!$A$2:$C$346,2,0)-VLOOKUP(AS$1,városok!$A$2:$C$346,2,0))^2+(VLOOKUP($A6,városok!$A$2:$C$346,3,0)-VLOOKUP(AS$1,városok!$A$2:$C$346,3,0))^2)/1000,0)</f>
        <v>150</v>
      </c>
      <c r="AT6">
        <f ca="1">ROUND(SQRT((VLOOKUP($A6,városok!$A$2:$C$346,2,0)-VLOOKUP(AT$1,városok!$A$2:$C$346,2,0))^2+(VLOOKUP($A6,városok!$A$2:$C$346,3,0)-VLOOKUP(AT$1,városok!$A$2:$C$346,3,0))^2)/1000,0)</f>
        <v>85</v>
      </c>
      <c r="AU6">
        <f ca="1">ROUND(SQRT((VLOOKUP($A6,városok!$A$2:$C$346,2,0)-VLOOKUP(AU$1,városok!$A$2:$C$346,2,0))^2+(VLOOKUP($A6,városok!$A$2:$C$346,3,0)-VLOOKUP(AU$1,városok!$A$2:$C$346,3,0))^2)/1000,0)</f>
        <v>79</v>
      </c>
      <c r="AV6">
        <f ca="1">ROUND(SQRT((VLOOKUP($A6,városok!$A$2:$C$346,2,0)-VLOOKUP(AV$1,városok!$A$2:$C$346,2,0))^2+(VLOOKUP($A6,városok!$A$2:$C$346,3,0)-VLOOKUP(AV$1,városok!$A$2:$C$346,3,0))^2)/1000,0)</f>
        <v>74</v>
      </c>
      <c r="AW6">
        <f ca="1">ROUND(SQRT((VLOOKUP($A6,városok!$A$2:$C$346,2,0)-VLOOKUP(AW$1,városok!$A$2:$C$346,2,0))^2+(VLOOKUP($A6,városok!$A$2:$C$346,3,0)-VLOOKUP(AW$1,városok!$A$2:$C$346,3,0))^2)/1000,0)</f>
        <v>74</v>
      </c>
      <c r="AX6">
        <f ca="1">ROUND(SQRT((VLOOKUP($A6,városok!$A$2:$C$346,2,0)-VLOOKUP(AX$1,városok!$A$2:$C$346,2,0))^2+(VLOOKUP($A6,városok!$A$2:$C$346,3,0)-VLOOKUP(AX$1,városok!$A$2:$C$346,3,0))^2)/1000,0)</f>
        <v>41</v>
      </c>
      <c r="AY6">
        <f ca="1">ROUND(SQRT((VLOOKUP($A6,városok!$A$2:$C$346,2,0)-VLOOKUP(AY$1,városok!$A$2:$C$346,2,0))^2+(VLOOKUP($A6,városok!$A$2:$C$346,3,0)-VLOOKUP(AY$1,városok!$A$2:$C$346,3,0))^2)/1000,0)</f>
        <v>100</v>
      </c>
      <c r="AZ6">
        <f ca="1">ROUND(SQRT((VLOOKUP($A6,városok!$A$2:$C$346,2,0)-VLOOKUP(AZ$1,városok!$A$2:$C$346,2,0))^2+(VLOOKUP($A6,városok!$A$2:$C$346,3,0)-VLOOKUP(AZ$1,városok!$A$2:$C$346,3,0))^2)/1000,0)</f>
        <v>113</v>
      </c>
      <c r="BA6">
        <f ca="1">ROUND(SQRT((VLOOKUP($A6,városok!$A$2:$C$346,2,0)-VLOOKUP(BA$1,városok!$A$2:$C$346,2,0))^2+(VLOOKUP($A6,városok!$A$2:$C$346,3,0)-VLOOKUP(BA$1,városok!$A$2:$C$346,3,0))^2)/1000,0)</f>
        <v>126</v>
      </c>
      <c r="BB6">
        <f ca="1">ROUND(SQRT((VLOOKUP($A6,városok!$A$2:$C$346,2,0)-VLOOKUP(BB$1,városok!$A$2:$C$346,2,0))^2+(VLOOKUP($A6,városok!$A$2:$C$346,3,0)-VLOOKUP(BB$1,városok!$A$2:$C$346,3,0))^2)/1000,0)</f>
        <v>112</v>
      </c>
      <c r="BC6">
        <f ca="1">ROUND(SQRT((VLOOKUP($A6,városok!$A$2:$C$346,2,0)-VLOOKUP(BC$1,városok!$A$2:$C$346,2,0))^2+(VLOOKUP($A6,városok!$A$2:$C$346,3,0)-VLOOKUP(BC$1,városok!$A$2:$C$346,3,0))^2)/1000,0)</f>
        <v>129</v>
      </c>
      <c r="BD6">
        <f ca="1">ROUND(SQRT((VLOOKUP($A6,városok!$A$2:$C$346,2,0)-VLOOKUP(BD$1,városok!$A$2:$C$346,2,0))^2+(VLOOKUP($A6,városok!$A$2:$C$346,3,0)-VLOOKUP(BD$1,városok!$A$2:$C$346,3,0))^2)/1000,0)</f>
        <v>99</v>
      </c>
      <c r="BE6">
        <f ca="1">ROUND(SQRT((VLOOKUP($A6,városok!$A$2:$C$346,2,0)-VLOOKUP(BE$1,városok!$A$2:$C$346,2,0))^2+(VLOOKUP($A6,városok!$A$2:$C$346,3,0)-VLOOKUP(BE$1,városok!$A$2:$C$346,3,0))^2)/1000,0)</f>
        <v>276</v>
      </c>
      <c r="BF6">
        <f ca="1">ROUND(SQRT((VLOOKUP($A6,városok!$A$2:$C$346,2,0)-VLOOKUP(BF$1,városok!$A$2:$C$346,2,0))^2+(VLOOKUP($A6,városok!$A$2:$C$346,3,0)-VLOOKUP(BF$1,városok!$A$2:$C$346,3,0))^2)/1000,0)</f>
        <v>259</v>
      </c>
      <c r="BG6">
        <f ca="1">ROUND(SQRT((VLOOKUP($A6,városok!$A$2:$C$346,2,0)-VLOOKUP(BG$1,városok!$A$2:$C$346,2,0))^2+(VLOOKUP($A6,városok!$A$2:$C$346,3,0)-VLOOKUP(BG$1,városok!$A$2:$C$346,3,0))^2)/1000,0)</f>
        <v>217</v>
      </c>
      <c r="BH6">
        <f ca="1">ROUND(SQRT((VLOOKUP($A6,városok!$A$2:$C$346,2,0)-VLOOKUP(BH$1,városok!$A$2:$C$346,2,0))^2+(VLOOKUP($A6,városok!$A$2:$C$346,3,0)-VLOOKUP(BH$1,városok!$A$2:$C$346,3,0))^2)/1000,0)</f>
        <v>217</v>
      </c>
      <c r="BI6">
        <f ca="1">ROUND(SQRT((VLOOKUP($A6,városok!$A$2:$C$346,2,0)-VLOOKUP(BI$1,városok!$A$2:$C$346,2,0))^2+(VLOOKUP($A6,városok!$A$2:$C$346,3,0)-VLOOKUP(BI$1,városok!$A$2:$C$346,3,0))^2)/1000,0)</f>
        <v>72</v>
      </c>
      <c r="BJ6">
        <f ca="1">ROUND(SQRT((VLOOKUP($A6,városok!$A$2:$C$346,2,0)-VLOOKUP(BJ$1,városok!$A$2:$C$346,2,0))^2+(VLOOKUP($A6,városok!$A$2:$C$346,3,0)-VLOOKUP(BJ$1,városok!$A$2:$C$346,3,0))^2)/1000,0)</f>
        <v>90</v>
      </c>
      <c r="BK6">
        <f ca="1">ROUND(SQRT((VLOOKUP($A6,városok!$A$2:$C$346,2,0)-VLOOKUP(BK$1,városok!$A$2:$C$346,2,0))^2+(VLOOKUP($A6,városok!$A$2:$C$346,3,0)-VLOOKUP(BK$1,városok!$A$2:$C$346,3,0))^2)/1000,0)</f>
        <v>71</v>
      </c>
      <c r="BL6">
        <f ca="1">ROUND(SQRT((VLOOKUP($A6,városok!$A$2:$C$346,2,0)-VLOOKUP(BL$1,városok!$A$2:$C$346,2,0))^2+(VLOOKUP($A6,városok!$A$2:$C$346,3,0)-VLOOKUP(BL$1,városok!$A$2:$C$346,3,0))^2)/1000,0)</f>
        <v>211</v>
      </c>
      <c r="BM6">
        <f ca="1">ROUND(SQRT((VLOOKUP($A6,városok!$A$2:$C$346,2,0)-VLOOKUP(BM$1,városok!$A$2:$C$346,2,0))^2+(VLOOKUP($A6,városok!$A$2:$C$346,3,0)-VLOOKUP(BM$1,városok!$A$2:$C$346,3,0))^2)/1000,0)</f>
        <v>191</v>
      </c>
      <c r="BN6">
        <f ca="1">ROUND(SQRT((VLOOKUP($A6,városok!$A$2:$C$346,2,0)-VLOOKUP(BN$1,városok!$A$2:$C$346,2,0))^2+(VLOOKUP($A6,városok!$A$2:$C$346,3,0)-VLOOKUP(BN$1,városok!$A$2:$C$346,3,0))^2)/1000,0)</f>
        <v>213</v>
      </c>
      <c r="BO6">
        <f ca="1">ROUND(SQRT((VLOOKUP($A6,városok!$A$2:$C$346,2,0)-VLOOKUP(BO$1,városok!$A$2:$C$346,2,0))^2+(VLOOKUP($A6,városok!$A$2:$C$346,3,0)-VLOOKUP(BO$1,városok!$A$2:$C$346,3,0))^2)/1000,0)</f>
        <v>105</v>
      </c>
      <c r="BP6">
        <f ca="1">ROUND(SQRT((VLOOKUP($A6,városok!$A$2:$C$346,2,0)-VLOOKUP(BP$1,városok!$A$2:$C$346,2,0))^2+(VLOOKUP($A6,városok!$A$2:$C$346,3,0)-VLOOKUP(BP$1,városok!$A$2:$C$346,3,0))^2)/1000,0)</f>
        <v>98</v>
      </c>
      <c r="BQ6">
        <f ca="1">ROUND(SQRT((VLOOKUP($A6,városok!$A$2:$C$346,2,0)-VLOOKUP(BQ$1,városok!$A$2:$C$346,2,0))^2+(VLOOKUP($A6,városok!$A$2:$C$346,3,0)-VLOOKUP(BQ$1,városok!$A$2:$C$346,3,0))^2)/1000,0)</f>
        <v>114</v>
      </c>
      <c r="BR6">
        <f ca="1">ROUND(SQRT((VLOOKUP($A6,városok!$A$2:$C$346,2,0)-VLOOKUP(BR$1,városok!$A$2:$C$346,2,0))^2+(VLOOKUP($A6,városok!$A$2:$C$346,3,0)-VLOOKUP(BR$1,városok!$A$2:$C$346,3,0))^2)/1000,0)</f>
        <v>160</v>
      </c>
      <c r="BS6">
        <f ca="1">ROUND(SQRT((VLOOKUP($A6,városok!$A$2:$C$346,2,0)-VLOOKUP(BS$1,városok!$A$2:$C$346,2,0))^2+(VLOOKUP($A6,városok!$A$2:$C$346,3,0)-VLOOKUP(BS$1,városok!$A$2:$C$346,3,0))^2)/1000,0)</f>
        <v>185</v>
      </c>
      <c r="BT6">
        <f ca="1">ROUND(SQRT((VLOOKUP($A6,városok!$A$2:$C$346,2,0)-VLOOKUP(BT$1,városok!$A$2:$C$346,2,0))^2+(VLOOKUP($A6,városok!$A$2:$C$346,3,0)-VLOOKUP(BT$1,városok!$A$2:$C$346,3,0))^2)/1000,0)</f>
        <v>192</v>
      </c>
    </row>
    <row r="7" spans="1:72" x14ac:dyDescent="0.2">
      <c r="A7" t="str">
        <f>városok!A7</f>
        <v>Jánoshalma</v>
      </c>
      <c r="B7">
        <f ca="1">ROUND(SQRT((VLOOKUP($A7,városok!$A$2:$C$346,2,0)-VLOOKUP(B$1,városok!$A$2:$C$346,2,0))^2+(VLOOKUP($A7,városok!$A$2:$C$346,3,0)-VLOOKUP(B$1,városok!$A$2:$C$346,3,0))^2)/1000,0)</f>
        <v>31</v>
      </c>
      <c r="C7">
        <f ca="1">ROUND(SQRT((VLOOKUP($A7,városok!$A$2:$C$346,2,0)-VLOOKUP(C$1,városok!$A$2:$C$346,2,0))^2+(VLOOKUP($A7,városok!$A$2:$C$346,3,0)-VLOOKUP(C$1,városok!$A$2:$C$346,3,0))^2)/1000,0)</f>
        <v>37</v>
      </c>
      <c r="D7">
        <f ca="1">ROUND(SQRT((VLOOKUP($A7,városok!$A$2:$C$346,2,0)-VLOOKUP(D$1,városok!$A$2:$C$346,2,0))^2+(VLOOKUP($A7,városok!$A$2:$C$346,3,0)-VLOOKUP(D$1,városok!$A$2:$C$346,3,0))^2)/1000,0)</f>
        <v>73</v>
      </c>
      <c r="E7">
        <f ca="1">ROUND(SQRT((VLOOKUP($A7,városok!$A$2:$C$346,2,0)-VLOOKUP(E$1,városok!$A$2:$C$346,2,0))^2+(VLOOKUP($A7,városok!$A$2:$C$346,3,0)-VLOOKUP(E$1,városok!$A$2:$C$346,3,0))^2)/1000,0)</f>
        <v>83</v>
      </c>
      <c r="F7">
        <f ca="1">ROUND(SQRT((VLOOKUP($A7,városok!$A$2:$C$346,2,0)-VLOOKUP(F$1,városok!$A$2:$C$346,2,0))^2+(VLOOKUP($A7,városok!$A$2:$C$346,3,0)-VLOOKUP(F$1,városok!$A$2:$C$346,3,0))^2)/1000,0)</f>
        <v>60</v>
      </c>
      <c r="G7">
        <f ca="1">ROUND(SQRT((VLOOKUP($A7,városok!$A$2:$C$346,2,0)-VLOOKUP(G$1,városok!$A$2:$C$346,2,0))^2+(VLOOKUP($A7,városok!$A$2:$C$346,3,0)-VLOOKUP(G$1,városok!$A$2:$C$346,3,0))^2)/1000,0)</f>
        <v>87</v>
      </c>
      <c r="H7">
        <f ca="1">ROUND(SQRT((VLOOKUP($A7,városok!$A$2:$C$346,2,0)-VLOOKUP(H$1,városok!$A$2:$C$346,2,0))^2+(VLOOKUP($A7,városok!$A$2:$C$346,3,0)-VLOOKUP(H$1,városok!$A$2:$C$346,3,0))^2)/1000,0)</f>
        <v>121</v>
      </c>
      <c r="I7">
        <f ca="1">ROUND(SQRT((VLOOKUP($A7,városok!$A$2:$C$346,2,0)-VLOOKUP(I$1,városok!$A$2:$C$346,2,0))^2+(VLOOKUP($A7,városok!$A$2:$C$346,3,0)-VLOOKUP(I$1,városok!$A$2:$C$346,3,0))^2)/1000,0)</f>
        <v>141</v>
      </c>
      <c r="J7">
        <f ca="1">ROUND(SQRT((VLOOKUP($A7,városok!$A$2:$C$346,2,0)-VLOOKUP(J$1,városok!$A$2:$C$346,2,0))^2+(VLOOKUP($A7,városok!$A$2:$C$346,3,0)-VLOOKUP(J$1,városok!$A$2:$C$346,3,0))^2)/1000,0)</f>
        <v>155</v>
      </c>
      <c r="K7">
        <f ca="1">ROUND(SQRT((VLOOKUP($A7,városok!$A$2:$C$346,2,0)-VLOOKUP(K$1,városok!$A$2:$C$346,2,0))^2+(VLOOKUP($A7,városok!$A$2:$C$346,3,0)-VLOOKUP(K$1,városok!$A$2:$C$346,3,0))^2)/1000,0)</f>
        <v>107</v>
      </c>
      <c r="L7">
        <f ca="1">ROUND(SQRT((VLOOKUP($A7,városok!$A$2:$C$346,2,0)-VLOOKUP(L$1,városok!$A$2:$C$346,2,0))^2+(VLOOKUP($A7,városok!$A$2:$C$346,3,0)-VLOOKUP(L$1,városok!$A$2:$C$346,3,0))^2)/1000,0)</f>
        <v>239</v>
      </c>
      <c r="M7">
        <f ca="1">ROUND(SQRT((VLOOKUP($A7,városok!$A$2:$C$346,2,0)-VLOOKUP(M$1,városok!$A$2:$C$346,2,0))^2+(VLOOKUP($A7,városok!$A$2:$C$346,3,0)-VLOOKUP(M$1,városok!$A$2:$C$346,3,0))^2)/1000,0)</f>
        <v>229</v>
      </c>
      <c r="N7">
        <f ca="1">ROUND(SQRT((VLOOKUP($A7,városok!$A$2:$C$346,2,0)-VLOOKUP(N$1,városok!$A$2:$C$346,2,0))^2+(VLOOKUP($A7,városok!$A$2:$C$346,3,0)-VLOOKUP(N$1,városok!$A$2:$C$346,3,0))^2)/1000,0)</f>
        <v>226</v>
      </c>
      <c r="O7">
        <f ca="1">ROUND(SQRT((VLOOKUP($A7,városok!$A$2:$C$346,2,0)-VLOOKUP(O$1,városok!$A$2:$C$346,2,0))^2+(VLOOKUP($A7,városok!$A$2:$C$346,3,0)-VLOOKUP(O$1,városok!$A$2:$C$346,3,0))^2)/1000,0)</f>
        <v>292</v>
      </c>
      <c r="P7">
        <f ca="1">ROUND(SQRT((VLOOKUP($A7,városok!$A$2:$C$346,2,0)-VLOOKUP(P$1,városok!$A$2:$C$346,2,0))^2+(VLOOKUP($A7,városok!$A$2:$C$346,3,0)-VLOOKUP(P$1,városok!$A$2:$C$346,3,0))^2)/1000,0)</f>
        <v>292</v>
      </c>
      <c r="Q7">
        <f ca="1">ROUND(SQRT((VLOOKUP($A7,városok!$A$2:$C$346,2,0)-VLOOKUP(Q$1,városok!$A$2:$C$346,2,0))^2+(VLOOKUP($A7,városok!$A$2:$C$346,3,0)-VLOOKUP(Q$1,városok!$A$2:$C$346,3,0))^2)/1000,0)</f>
        <v>78</v>
      </c>
      <c r="R7">
        <f ca="1">ROUND(SQRT((VLOOKUP($A7,városok!$A$2:$C$346,2,0)-VLOOKUP(R$1,városok!$A$2:$C$346,2,0))^2+(VLOOKUP($A7,városok!$A$2:$C$346,3,0)-VLOOKUP(R$1,városok!$A$2:$C$346,3,0))^2)/1000,0)</f>
        <v>89</v>
      </c>
      <c r="S7">
        <f ca="1">ROUND(SQRT((VLOOKUP($A7,városok!$A$2:$C$346,2,0)-VLOOKUP(S$1,városok!$A$2:$C$346,2,0))^2+(VLOOKUP($A7,városok!$A$2:$C$346,3,0)-VLOOKUP(S$1,városok!$A$2:$C$346,3,0))^2)/1000,0)</f>
        <v>65</v>
      </c>
      <c r="T7">
        <f ca="1">ROUND(SQRT((VLOOKUP($A7,városok!$A$2:$C$346,2,0)-VLOOKUP(T$1,városok!$A$2:$C$346,2,0))^2+(VLOOKUP($A7,városok!$A$2:$C$346,3,0)-VLOOKUP(T$1,városok!$A$2:$C$346,3,0))^2)/1000,0)</f>
        <v>142</v>
      </c>
      <c r="U7">
        <f ca="1">ROUND(SQRT((VLOOKUP($A7,városok!$A$2:$C$346,2,0)-VLOOKUP(U$1,városok!$A$2:$C$346,2,0))^2+(VLOOKUP($A7,városok!$A$2:$C$346,3,0)-VLOOKUP(U$1,városok!$A$2:$C$346,3,0))^2)/1000,0)</f>
        <v>80</v>
      </c>
      <c r="V7">
        <f ca="1">ROUND(SQRT((VLOOKUP($A7,városok!$A$2:$C$346,2,0)-VLOOKUP(V$1,városok!$A$2:$C$346,2,0))^2+(VLOOKUP($A7,városok!$A$2:$C$346,3,0)-VLOOKUP(V$1,városok!$A$2:$C$346,3,0))^2)/1000,0)</f>
        <v>115</v>
      </c>
      <c r="W7">
        <f ca="1">ROUND(SQRT((VLOOKUP($A7,városok!$A$2:$C$346,2,0)-VLOOKUP(W$1,városok!$A$2:$C$346,2,0))^2+(VLOOKUP($A7,városok!$A$2:$C$346,3,0)-VLOOKUP(W$1,városok!$A$2:$C$346,3,0))^2)/1000,0)</f>
        <v>85</v>
      </c>
      <c r="X7">
        <f ca="1">ROUND(SQRT((VLOOKUP($A7,városok!$A$2:$C$346,2,0)-VLOOKUP(X$1,városok!$A$2:$C$346,2,0))^2+(VLOOKUP($A7,városok!$A$2:$C$346,3,0)-VLOOKUP(X$1,városok!$A$2:$C$346,3,0))^2)/1000,0)</f>
        <v>134</v>
      </c>
      <c r="Y7">
        <f ca="1">ROUND(SQRT((VLOOKUP($A7,városok!$A$2:$C$346,2,0)-VLOOKUP(Y$1,városok!$A$2:$C$346,2,0))^2+(VLOOKUP($A7,városok!$A$2:$C$346,3,0)-VLOOKUP(Y$1,városok!$A$2:$C$346,3,0))^2)/1000,0)</f>
        <v>201</v>
      </c>
      <c r="Z7">
        <f ca="1">ROUND(SQRT((VLOOKUP($A7,városok!$A$2:$C$346,2,0)-VLOOKUP(Z$1,városok!$A$2:$C$346,2,0))^2+(VLOOKUP($A7,városok!$A$2:$C$346,3,0)-VLOOKUP(Z$1,városok!$A$2:$C$346,3,0))^2)/1000,0)</f>
        <v>217</v>
      </c>
      <c r="AA7">
        <f ca="1">ROUND(SQRT((VLOOKUP($A7,városok!$A$2:$C$346,2,0)-VLOOKUP(AA$1,városok!$A$2:$C$346,2,0))^2+(VLOOKUP($A7,városok!$A$2:$C$346,3,0)-VLOOKUP(AA$1,városok!$A$2:$C$346,3,0))^2)/1000,0)</f>
        <v>259</v>
      </c>
      <c r="AB7">
        <f ca="1">ROUND(SQRT((VLOOKUP($A7,városok!$A$2:$C$346,2,0)-VLOOKUP(AB$1,városok!$A$2:$C$346,2,0))^2+(VLOOKUP($A7,városok!$A$2:$C$346,3,0)-VLOOKUP(AB$1,városok!$A$2:$C$346,3,0))^2)/1000,0)</f>
        <v>223</v>
      </c>
      <c r="AC7">
        <f ca="1">ROUND(SQRT((VLOOKUP($A7,városok!$A$2:$C$346,2,0)-VLOOKUP(AC$1,városok!$A$2:$C$346,2,0))^2+(VLOOKUP($A7,városok!$A$2:$C$346,3,0)-VLOOKUP(AC$1,városok!$A$2:$C$346,3,0))^2)/1000,0)</f>
        <v>203</v>
      </c>
      <c r="AD7">
        <f ca="1">ROUND(SQRT((VLOOKUP($A7,városok!$A$2:$C$346,2,0)-VLOOKUP(AD$1,városok!$A$2:$C$346,2,0))^2+(VLOOKUP($A7,városok!$A$2:$C$346,3,0)-VLOOKUP(AD$1,városok!$A$2:$C$346,3,0))^2)/1000,0)</f>
        <v>188</v>
      </c>
      <c r="AE7">
        <f ca="1">ROUND(SQRT((VLOOKUP($A7,városok!$A$2:$C$346,2,0)-VLOOKUP(AE$1,városok!$A$2:$C$346,2,0))^2+(VLOOKUP($A7,városok!$A$2:$C$346,3,0)-VLOOKUP(AE$1,városok!$A$2:$C$346,3,0))^2)/1000,0)</f>
        <v>178</v>
      </c>
      <c r="AF7">
        <f ca="1">ROUND(SQRT((VLOOKUP($A7,városok!$A$2:$C$346,2,0)-VLOOKUP(AF$1,városok!$A$2:$C$346,2,0))^2+(VLOOKUP($A7,városok!$A$2:$C$346,3,0)-VLOOKUP(AF$1,városok!$A$2:$C$346,3,0))^2)/1000,0)</f>
        <v>195</v>
      </c>
      <c r="AG7">
        <f ca="1">ROUND(SQRT((VLOOKUP($A7,városok!$A$2:$C$346,2,0)-VLOOKUP(AG$1,városok!$A$2:$C$346,2,0))^2+(VLOOKUP($A7,városok!$A$2:$C$346,3,0)-VLOOKUP(AG$1,városok!$A$2:$C$346,3,0))^2)/1000,0)</f>
        <v>171</v>
      </c>
      <c r="AH7">
        <f ca="1">ROUND(SQRT((VLOOKUP($A7,városok!$A$2:$C$346,2,0)-VLOOKUP(AH$1,városok!$A$2:$C$346,2,0))^2+(VLOOKUP($A7,városok!$A$2:$C$346,3,0)-VLOOKUP(AH$1,városok!$A$2:$C$346,3,0))^2)/1000,0)</f>
        <v>154</v>
      </c>
      <c r="AI7">
        <f ca="1">ROUND(SQRT((VLOOKUP($A7,városok!$A$2:$C$346,2,0)-VLOOKUP(AI$1,városok!$A$2:$C$346,2,0))^2+(VLOOKUP($A7,városok!$A$2:$C$346,3,0)-VLOOKUP(AI$1,városok!$A$2:$C$346,3,0))^2)/1000,0)</f>
        <v>200</v>
      </c>
      <c r="AJ7">
        <f ca="1">ROUND(SQRT((VLOOKUP($A7,városok!$A$2:$C$346,2,0)-VLOOKUP(AJ$1,városok!$A$2:$C$346,2,0))^2+(VLOOKUP($A7,városok!$A$2:$C$346,3,0)-VLOOKUP(AJ$1,városok!$A$2:$C$346,3,0))^2)/1000,0)</f>
        <v>157</v>
      </c>
      <c r="AK7">
        <f ca="1">ROUND(SQRT((VLOOKUP($A7,városok!$A$2:$C$346,2,0)-VLOOKUP(AK$1,városok!$A$2:$C$346,2,0))^2+(VLOOKUP($A7,városok!$A$2:$C$346,3,0)-VLOOKUP(AK$1,városok!$A$2:$C$346,3,0))^2)/1000,0)</f>
        <v>167</v>
      </c>
      <c r="AL7">
        <f ca="1">ROUND(SQRT((VLOOKUP($A7,városok!$A$2:$C$346,2,0)-VLOOKUP(AL$1,városok!$A$2:$C$346,2,0))^2+(VLOOKUP($A7,városok!$A$2:$C$346,3,0)-VLOOKUP(AL$1,városok!$A$2:$C$346,3,0))^2)/1000,0)</f>
        <v>155</v>
      </c>
      <c r="AM7">
        <f ca="1">ROUND(SQRT((VLOOKUP($A7,városok!$A$2:$C$346,2,0)-VLOOKUP(AM$1,városok!$A$2:$C$346,2,0))^2+(VLOOKUP($A7,városok!$A$2:$C$346,3,0)-VLOOKUP(AM$1,városok!$A$2:$C$346,3,0))^2)/1000,0)</f>
        <v>118</v>
      </c>
      <c r="AN7">
        <f ca="1">ROUND(SQRT((VLOOKUP($A7,városok!$A$2:$C$346,2,0)-VLOOKUP(AN$1,városok!$A$2:$C$346,2,0))^2+(VLOOKUP($A7,városok!$A$2:$C$346,3,0)-VLOOKUP(AN$1,városok!$A$2:$C$346,3,0))^2)/1000,0)</f>
        <v>171</v>
      </c>
      <c r="AO7">
        <f ca="1">ROUND(SQRT((VLOOKUP($A7,városok!$A$2:$C$346,2,0)-VLOOKUP(AO$1,városok!$A$2:$C$346,2,0))^2+(VLOOKUP($A7,városok!$A$2:$C$346,3,0)-VLOOKUP(AO$1,városok!$A$2:$C$346,3,0))^2)/1000,0)</f>
        <v>184</v>
      </c>
      <c r="AP7">
        <f ca="1">ROUND(SQRT((VLOOKUP($A7,városok!$A$2:$C$346,2,0)-VLOOKUP(AP$1,városok!$A$2:$C$346,2,0))^2+(VLOOKUP($A7,városok!$A$2:$C$346,3,0)-VLOOKUP(AP$1,városok!$A$2:$C$346,3,0))^2)/1000,0)</f>
        <v>167</v>
      </c>
      <c r="AQ7">
        <f ca="1">ROUND(SQRT((VLOOKUP($A7,városok!$A$2:$C$346,2,0)-VLOOKUP(AQ$1,városok!$A$2:$C$346,2,0))^2+(VLOOKUP($A7,városok!$A$2:$C$346,3,0)-VLOOKUP(AQ$1,városok!$A$2:$C$346,3,0))^2)/1000,0)</f>
        <v>157</v>
      </c>
      <c r="AR7">
        <f ca="1">ROUND(SQRT((VLOOKUP($A7,városok!$A$2:$C$346,2,0)-VLOOKUP(AR$1,városok!$A$2:$C$346,2,0))^2+(VLOOKUP($A7,városok!$A$2:$C$346,3,0)-VLOOKUP(AR$1,városok!$A$2:$C$346,3,0))^2)/1000,0)</f>
        <v>182</v>
      </c>
      <c r="AS7">
        <f ca="1">ROUND(SQRT((VLOOKUP($A7,városok!$A$2:$C$346,2,0)-VLOOKUP(AS$1,városok!$A$2:$C$346,2,0))^2+(VLOOKUP($A7,városok!$A$2:$C$346,3,0)-VLOOKUP(AS$1,városok!$A$2:$C$346,3,0))^2)/1000,0)</f>
        <v>205</v>
      </c>
      <c r="AT7">
        <f ca="1">ROUND(SQRT((VLOOKUP($A7,városok!$A$2:$C$346,2,0)-VLOOKUP(AT$1,városok!$A$2:$C$346,2,0))^2+(VLOOKUP($A7,városok!$A$2:$C$346,3,0)-VLOOKUP(AT$1,városok!$A$2:$C$346,3,0))^2)/1000,0)</f>
        <v>136</v>
      </c>
      <c r="AU7">
        <f ca="1">ROUND(SQRT((VLOOKUP($A7,városok!$A$2:$C$346,2,0)-VLOOKUP(AU$1,városok!$A$2:$C$346,2,0))^2+(VLOOKUP($A7,városok!$A$2:$C$346,3,0)-VLOOKUP(AU$1,városok!$A$2:$C$346,3,0))^2)/1000,0)</f>
        <v>132</v>
      </c>
      <c r="AV7">
        <f ca="1">ROUND(SQRT((VLOOKUP($A7,városok!$A$2:$C$346,2,0)-VLOOKUP(AV$1,városok!$A$2:$C$346,2,0))^2+(VLOOKUP($A7,városok!$A$2:$C$346,3,0)-VLOOKUP(AV$1,városok!$A$2:$C$346,3,0))^2)/1000,0)</f>
        <v>127</v>
      </c>
      <c r="AW7">
        <f ca="1">ROUND(SQRT((VLOOKUP($A7,városok!$A$2:$C$346,2,0)-VLOOKUP(AW$1,városok!$A$2:$C$346,2,0))^2+(VLOOKUP($A7,városok!$A$2:$C$346,3,0)-VLOOKUP(AW$1,városok!$A$2:$C$346,3,0))^2)/1000,0)</f>
        <v>126</v>
      </c>
      <c r="AX7">
        <f ca="1">ROUND(SQRT((VLOOKUP($A7,városok!$A$2:$C$346,2,0)-VLOOKUP(AX$1,városok!$A$2:$C$346,2,0))^2+(VLOOKUP($A7,városok!$A$2:$C$346,3,0)-VLOOKUP(AX$1,városok!$A$2:$C$346,3,0))^2)/1000,0)</f>
        <v>88</v>
      </c>
      <c r="AY7">
        <f ca="1">ROUND(SQRT((VLOOKUP($A7,városok!$A$2:$C$346,2,0)-VLOOKUP(AY$1,városok!$A$2:$C$346,2,0))^2+(VLOOKUP($A7,városok!$A$2:$C$346,3,0)-VLOOKUP(AY$1,városok!$A$2:$C$346,3,0))^2)/1000,0)</f>
        <v>155</v>
      </c>
      <c r="AZ7">
        <f ca="1">ROUND(SQRT((VLOOKUP($A7,városok!$A$2:$C$346,2,0)-VLOOKUP(AZ$1,városok!$A$2:$C$346,2,0))^2+(VLOOKUP($A7,városok!$A$2:$C$346,3,0)-VLOOKUP(AZ$1,városok!$A$2:$C$346,3,0))^2)/1000,0)</f>
        <v>167</v>
      </c>
      <c r="BA7">
        <f ca="1">ROUND(SQRT((VLOOKUP($A7,városok!$A$2:$C$346,2,0)-VLOOKUP(BA$1,városok!$A$2:$C$346,2,0))^2+(VLOOKUP($A7,városok!$A$2:$C$346,3,0)-VLOOKUP(BA$1,városok!$A$2:$C$346,3,0))^2)/1000,0)</f>
        <v>135</v>
      </c>
      <c r="BB7">
        <f ca="1">ROUND(SQRT((VLOOKUP($A7,városok!$A$2:$C$346,2,0)-VLOOKUP(BB$1,városok!$A$2:$C$346,2,0))^2+(VLOOKUP($A7,városok!$A$2:$C$346,3,0)-VLOOKUP(BB$1,városok!$A$2:$C$346,3,0))^2)/1000,0)</f>
        <v>110</v>
      </c>
      <c r="BC7">
        <f ca="1">ROUND(SQRT((VLOOKUP($A7,városok!$A$2:$C$346,2,0)-VLOOKUP(BC$1,városok!$A$2:$C$346,2,0))^2+(VLOOKUP($A7,városok!$A$2:$C$346,3,0)-VLOOKUP(BC$1,városok!$A$2:$C$346,3,0))^2)/1000,0)</f>
        <v>118</v>
      </c>
      <c r="BD7">
        <f ca="1">ROUND(SQRT((VLOOKUP($A7,városok!$A$2:$C$346,2,0)-VLOOKUP(BD$1,városok!$A$2:$C$346,2,0))^2+(VLOOKUP($A7,városok!$A$2:$C$346,3,0)-VLOOKUP(BD$1,városok!$A$2:$C$346,3,0))^2)/1000,0)</f>
        <v>118</v>
      </c>
      <c r="BE7">
        <f ca="1">ROUND(SQRT((VLOOKUP($A7,városok!$A$2:$C$346,2,0)-VLOOKUP(BE$1,városok!$A$2:$C$346,2,0))^2+(VLOOKUP($A7,városok!$A$2:$C$346,3,0)-VLOOKUP(BE$1,városok!$A$2:$C$346,3,0))^2)/1000,0)</f>
        <v>306</v>
      </c>
      <c r="BF7">
        <f ca="1">ROUND(SQRT((VLOOKUP($A7,városok!$A$2:$C$346,2,0)-VLOOKUP(BF$1,városok!$A$2:$C$346,2,0))^2+(VLOOKUP($A7,városok!$A$2:$C$346,3,0)-VLOOKUP(BF$1,városok!$A$2:$C$346,3,0))^2)/1000,0)</f>
        <v>298</v>
      </c>
      <c r="BG7">
        <f ca="1">ROUND(SQRT((VLOOKUP($A7,városok!$A$2:$C$346,2,0)-VLOOKUP(BG$1,városok!$A$2:$C$346,2,0))^2+(VLOOKUP($A7,városok!$A$2:$C$346,3,0)-VLOOKUP(BG$1,városok!$A$2:$C$346,3,0))^2)/1000,0)</f>
        <v>260</v>
      </c>
      <c r="BH7">
        <f ca="1">ROUND(SQRT((VLOOKUP($A7,városok!$A$2:$C$346,2,0)-VLOOKUP(BH$1,városok!$A$2:$C$346,2,0))^2+(VLOOKUP($A7,városok!$A$2:$C$346,3,0)-VLOOKUP(BH$1,városok!$A$2:$C$346,3,0))^2)/1000,0)</f>
        <v>260</v>
      </c>
      <c r="BI7">
        <f ca="1">ROUND(SQRT((VLOOKUP($A7,városok!$A$2:$C$346,2,0)-VLOOKUP(BI$1,városok!$A$2:$C$346,2,0))^2+(VLOOKUP($A7,városok!$A$2:$C$346,3,0)-VLOOKUP(BI$1,városok!$A$2:$C$346,3,0))^2)/1000,0)</f>
        <v>55</v>
      </c>
      <c r="BJ7">
        <f ca="1">ROUND(SQRT((VLOOKUP($A7,városok!$A$2:$C$346,2,0)-VLOOKUP(BJ$1,városok!$A$2:$C$346,2,0))^2+(VLOOKUP($A7,városok!$A$2:$C$346,3,0)-VLOOKUP(BJ$1,városok!$A$2:$C$346,3,0))^2)/1000,0)</f>
        <v>67</v>
      </c>
      <c r="BK7">
        <f ca="1">ROUND(SQRT((VLOOKUP($A7,városok!$A$2:$C$346,2,0)-VLOOKUP(BK$1,városok!$A$2:$C$346,2,0))^2+(VLOOKUP($A7,városok!$A$2:$C$346,3,0)-VLOOKUP(BK$1,városok!$A$2:$C$346,3,0))^2)/1000,0)</f>
        <v>48</v>
      </c>
      <c r="BL7">
        <f ca="1">ROUND(SQRT((VLOOKUP($A7,városok!$A$2:$C$346,2,0)-VLOOKUP(BL$1,városok!$A$2:$C$346,2,0))^2+(VLOOKUP($A7,városok!$A$2:$C$346,3,0)-VLOOKUP(BL$1,városok!$A$2:$C$346,3,0))^2)/1000,0)</f>
        <v>223</v>
      </c>
      <c r="BM7">
        <f ca="1">ROUND(SQRT((VLOOKUP($A7,városok!$A$2:$C$346,2,0)-VLOOKUP(BM$1,városok!$A$2:$C$346,2,0))^2+(VLOOKUP($A7,városok!$A$2:$C$346,3,0)-VLOOKUP(BM$1,városok!$A$2:$C$346,3,0))^2)/1000,0)</f>
        <v>211</v>
      </c>
      <c r="BN7">
        <f ca="1">ROUND(SQRT((VLOOKUP($A7,városok!$A$2:$C$346,2,0)-VLOOKUP(BN$1,városok!$A$2:$C$346,2,0))^2+(VLOOKUP($A7,városok!$A$2:$C$346,3,0)-VLOOKUP(BN$1,városok!$A$2:$C$346,3,0))^2)/1000,0)</f>
        <v>231</v>
      </c>
      <c r="BO7">
        <f ca="1">ROUND(SQRT((VLOOKUP($A7,városok!$A$2:$C$346,2,0)-VLOOKUP(BO$1,városok!$A$2:$C$346,2,0))^2+(VLOOKUP($A7,városok!$A$2:$C$346,3,0)-VLOOKUP(BO$1,városok!$A$2:$C$346,3,0))^2)/1000,0)</f>
        <v>129</v>
      </c>
      <c r="BP7">
        <f ca="1">ROUND(SQRT((VLOOKUP($A7,városok!$A$2:$C$346,2,0)-VLOOKUP(BP$1,városok!$A$2:$C$346,2,0))^2+(VLOOKUP($A7,városok!$A$2:$C$346,3,0)-VLOOKUP(BP$1,városok!$A$2:$C$346,3,0))^2)/1000,0)</f>
        <v>124</v>
      </c>
      <c r="BQ7">
        <f ca="1">ROUND(SQRT((VLOOKUP($A7,városok!$A$2:$C$346,2,0)-VLOOKUP(BQ$1,városok!$A$2:$C$346,2,0))^2+(VLOOKUP($A7,városok!$A$2:$C$346,3,0)-VLOOKUP(BQ$1,városok!$A$2:$C$346,3,0))^2)/1000,0)</f>
        <v>139</v>
      </c>
      <c r="BR7">
        <f ca="1">ROUND(SQRT((VLOOKUP($A7,városok!$A$2:$C$346,2,0)-VLOOKUP(BR$1,városok!$A$2:$C$346,2,0))^2+(VLOOKUP($A7,városok!$A$2:$C$346,3,0)-VLOOKUP(BR$1,városok!$A$2:$C$346,3,0))^2)/1000,0)</f>
        <v>167</v>
      </c>
      <c r="BS7">
        <f ca="1">ROUND(SQRT((VLOOKUP($A7,városok!$A$2:$C$346,2,0)-VLOOKUP(BS$1,városok!$A$2:$C$346,2,0))^2+(VLOOKUP($A7,városok!$A$2:$C$346,3,0)-VLOOKUP(BS$1,városok!$A$2:$C$346,3,0))^2)/1000,0)</f>
        <v>180</v>
      </c>
      <c r="BT7">
        <f ca="1">ROUND(SQRT((VLOOKUP($A7,városok!$A$2:$C$346,2,0)-VLOOKUP(BT$1,városok!$A$2:$C$346,2,0))^2+(VLOOKUP($A7,városok!$A$2:$C$346,3,0)-VLOOKUP(BT$1,városok!$A$2:$C$346,3,0))^2)/1000,0)</f>
        <v>200</v>
      </c>
    </row>
    <row r="8" spans="1:72" x14ac:dyDescent="0.2">
      <c r="A8" t="str">
        <f>városok!A8</f>
        <v>Kalocsa</v>
      </c>
      <c r="B8">
        <f ca="1">ROUND(SQRT((VLOOKUP($A8,városok!$A$2:$C$346,2,0)-VLOOKUP(B$1,városok!$A$2:$C$346,2,0))^2+(VLOOKUP($A8,városok!$A$2:$C$346,3,0)-VLOOKUP(B$1,városok!$A$2:$C$346,3,0))^2)/1000,0)</f>
        <v>38</v>
      </c>
      <c r="C8">
        <f ca="1">ROUND(SQRT((VLOOKUP($A8,városok!$A$2:$C$346,2,0)-VLOOKUP(C$1,városok!$A$2:$C$346,2,0))^2+(VLOOKUP($A8,városok!$A$2:$C$346,3,0)-VLOOKUP(C$1,városok!$A$2:$C$346,3,0))^2)/1000,0)</f>
        <v>0</v>
      </c>
      <c r="D8">
        <f ca="1">ROUND(SQRT((VLOOKUP($A8,városok!$A$2:$C$346,2,0)-VLOOKUP(D$1,városok!$A$2:$C$346,2,0))^2+(VLOOKUP($A8,városok!$A$2:$C$346,3,0)-VLOOKUP(D$1,városok!$A$2:$C$346,3,0))^2)/1000,0)</f>
        <v>69</v>
      </c>
      <c r="E8">
        <f ca="1">ROUND(SQRT((VLOOKUP($A8,városok!$A$2:$C$346,2,0)-VLOOKUP(E$1,városok!$A$2:$C$346,2,0))^2+(VLOOKUP($A8,városok!$A$2:$C$346,3,0)-VLOOKUP(E$1,városok!$A$2:$C$346,3,0))^2)/1000,0)</f>
        <v>67</v>
      </c>
      <c r="F8">
        <f ca="1">ROUND(SQRT((VLOOKUP($A8,városok!$A$2:$C$346,2,0)-VLOOKUP(F$1,városok!$A$2:$C$346,2,0))^2+(VLOOKUP($A8,városok!$A$2:$C$346,3,0)-VLOOKUP(F$1,városok!$A$2:$C$346,3,0))^2)/1000,0)</f>
        <v>64</v>
      </c>
      <c r="G8">
        <f ca="1">ROUND(SQRT((VLOOKUP($A8,városok!$A$2:$C$346,2,0)-VLOOKUP(G$1,városok!$A$2:$C$346,2,0))^2+(VLOOKUP($A8,városok!$A$2:$C$346,3,0)-VLOOKUP(G$1,városok!$A$2:$C$346,3,0))^2)/1000,0)</f>
        <v>75</v>
      </c>
      <c r="H8">
        <f ca="1">ROUND(SQRT((VLOOKUP($A8,városok!$A$2:$C$346,2,0)-VLOOKUP(H$1,városok!$A$2:$C$346,2,0))^2+(VLOOKUP($A8,városok!$A$2:$C$346,3,0)-VLOOKUP(H$1,városok!$A$2:$C$346,3,0))^2)/1000,0)</f>
        <v>105</v>
      </c>
      <c r="I8">
        <f ca="1">ROUND(SQRT((VLOOKUP($A8,városok!$A$2:$C$346,2,0)-VLOOKUP(I$1,városok!$A$2:$C$346,2,0))^2+(VLOOKUP($A8,városok!$A$2:$C$346,3,0)-VLOOKUP(I$1,városok!$A$2:$C$346,3,0))^2)/1000,0)</f>
        <v>162</v>
      </c>
      <c r="J8">
        <f ca="1">ROUND(SQRT((VLOOKUP($A8,városok!$A$2:$C$346,2,0)-VLOOKUP(J$1,városok!$A$2:$C$346,2,0))^2+(VLOOKUP($A8,városok!$A$2:$C$346,3,0)-VLOOKUP(J$1,városok!$A$2:$C$346,3,0))^2)/1000,0)</f>
        <v>177</v>
      </c>
      <c r="K8">
        <f ca="1">ROUND(SQRT((VLOOKUP($A8,városok!$A$2:$C$346,2,0)-VLOOKUP(K$1,városok!$A$2:$C$346,2,0))^2+(VLOOKUP($A8,városok!$A$2:$C$346,3,0)-VLOOKUP(K$1,városok!$A$2:$C$346,3,0))^2)/1000,0)</f>
        <v>130</v>
      </c>
      <c r="L8">
        <f ca="1">ROUND(SQRT((VLOOKUP($A8,városok!$A$2:$C$346,2,0)-VLOOKUP(L$1,városok!$A$2:$C$346,2,0))^2+(VLOOKUP($A8,városok!$A$2:$C$346,3,0)-VLOOKUP(L$1,városok!$A$2:$C$346,3,0))^2)/1000,0)</f>
        <v>229</v>
      </c>
      <c r="M8">
        <f ca="1">ROUND(SQRT((VLOOKUP($A8,városok!$A$2:$C$346,2,0)-VLOOKUP(M$1,városok!$A$2:$C$346,2,0))^2+(VLOOKUP($A8,városok!$A$2:$C$346,3,0)-VLOOKUP(M$1,városok!$A$2:$C$346,3,0))^2)/1000,0)</f>
        <v>223</v>
      </c>
      <c r="N8">
        <f ca="1">ROUND(SQRT((VLOOKUP($A8,városok!$A$2:$C$346,2,0)-VLOOKUP(N$1,városok!$A$2:$C$346,2,0))^2+(VLOOKUP($A8,városok!$A$2:$C$346,3,0)-VLOOKUP(N$1,városok!$A$2:$C$346,3,0))^2)/1000,0)</f>
        <v>213</v>
      </c>
      <c r="O8">
        <f ca="1">ROUND(SQRT((VLOOKUP($A8,városok!$A$2:$C$346,2,0)-VLOOKUP(O$1,városok!$A$2:$C$346,2,0))^2+(VLOOKUP($A8,városok!$A$2:$C$346,3,0)-VLOOKUP(O$1,városok!$A$2:$C$346,3,0))^2)/1000,0)</f>
        <v>289</v>
      </c>
      <c r="P8">
        <f ca="1">ROUND(SQRT((VLOOKUP($A8,városok!$A$2:$C$346,2,0)-VLOOKUP(P$1,városok!$A$2:$C$346,2,0))^2+(VLOOKUP($A8,városok!$A$2:$C$346,3,0)-VLOOKUP(P$1,városok!$A$2:$C$346,3,0))^2)/1000,0)</f>
        <v>289</v>
      </c>
      <c r="Q8">
        <f ca="1">ROUND(SQRT((VLOOKUP($A8,városok!$A$2:$C$346,2,0)-VLOOKUP(Q$1,városok!$A$2:$C$346,2,0))^2+(VLOOKUP($A8,városok!$A$2:$C$346,3,0)-VLOOKUP(Q$1,városok!$A$2:$C$346,3,0))^2)/1000,0)</f>
        <v>104</v>
      </c>
      <c r="R8">
        <f ca="1">ROUND(SQRT((VLOOKUP($A8,városok!$A$2:$C$346,2,0)-VLOOKUP(R$1,városok!$A$2:$C$346,2,0))^2+(VLOOKUP($A8,városok!$A$2:$C$346,3,0)-VLOOKUP(R$1,városok!$A$2:$C$346,3,0))^2)/1000,0)</f>
        <v>120</v>
      </c>
      <c r="S8">
        <f ca="1">ROUND(SQRT((VLOOKUP($A8,városok!$A$2:$C$346,2,0)-VLOOKUP(S$1,városok!$A$2:$C$346,2,0))^2+(VLOOKUP($A8,városok!$A$2:$C$346,3,0)-VLOOKUP(S$1,városok!$A$2:$C$346,3,0))^2)/1000,0)</f>
        <v>96</v>
      </c>
      <c r="T8">
        <f ca="1">ROUND(SQRT((VLOOKUP($A8,városok!$A$2:$C$346,2,0)-VLOOKUP(T$1,városok!$A$2:$C$346,2,0))^2+(VLOOKUP($A8,városok!$A$2:$C$346,3,0)-VLOOKUP(T$1,városok!$A$2:$C$346,3,0))^2)/1000,0)</f>
        <v>110</v>
      </c>
      <c r="U8">
        <f ca="1">ROUND(SQRT((VLOOKUP($A8,városok!$A$2:$C$346,2,0)-VLOOKUP(U$1,városok!$A$2:$C$346,2,0))^2+(VLOOKUP($A8,városok!$A$2:$C$346,3,0)-VLOOKUP(U$1,városok!$A$2:$C$346,3,0))^2)/1000,0)</f>
        <v>49</v>
      </c>
      <c r="V8">
        <f ca="1">ROUND(SQRT((VLOOKUP($A8,városok!$A$2:$C$346,2,0)-VLOOKUP(V$1,városok!$A$2:$C$346,2,0))^2+(VLOOKUP($A8,városok!$A$2:$C$346,3,0)-VLOOKUP(V$1,városok!$A$2:$C$346,3,0))^2)/1000,0)</f>
        <v>79</v>
      </c>
      <c r="W8">
        <f ca="1">ROUND(SQRT((VLOOKUP($A8,városok!$A$2:$C$346,2,0)-VLOOKUP(W$1,városok!$A$2:$C$346,2,0))^2+(VLOOKUP($A8,városok!$A$2:$C$346,3,0)-VLOOKUP(W$1,városok!$A$2:$C$346,3,0))^2)/1000,0)</f>
        <v>48</v>
      </c>
      <c r="X8">
        <f ca="1">ROUND(SQRT((VLOOKUP($A8,városok!$A$2:$C$346,2,0)-VLOOKUP(X$1,városok!$A$2:$C$346,2,0))^2+(VLOOKUP($A8,városok!$A$2:$C$346,3,0)-VLOOKUP(X$1,városok!$A$2:$C$346,3,0))^2)/1000,0)</f>
        <v>98</v>
      </c>
      <c r="Y8">
        <f ca="1">ROUND(SQRT((VLOOKUP($A8,városok!$A$2:$C$346,2,0)-VLOOKUP(Y$1,városok!$A$2:$C$346,2,0))^2+(VLOOKUP($A8,városok!$A$2:$C$346,3,0)-VLOOKUP(Y$1,városok!$A$2:$C$346,3,0))^2)/1000,0)</f>
        <v>164</v>
      </c>
      <c r="Z8">
        <f ca="1">ROUND(SQRT((VLOOKUP($A8,városok!$A$2:$C$346,2,0)-VLOOKUP(Z$1,városok!$A$2:$C$346,2,0))^2+(VLOOKUP($A8,városok!$A$2:$C$346,3,0)-VLOOKUP(Z$1,városok!$A$2:$C$346,3,0))^2)/1000,0)</f>
        <v>180</v>
      </c>
      <c r="AA8">
        <f ca="1">ROUND(SQRT((VLOOKUP($A8,városok!$A$2:$C$346,2,0)-VLOOKUP(AA$1,városok!$A$2:$C$346,2,0))^2+(VLOOKUP($A8,városok!$A$2:$C$346,3,0)-VLOOKUP(AA$1,városok!$A$2:$C$346,3,0))^2)/1000,0)</f>
        <v>223</v>
      </c>
      <c r="AB8">
        <f ca="1">ROUND(SQRT((VLOOKUP($A8,városok!$A$2:$C$346,2,0)-VLOOKUP(AB$1,városok!$A$2:$C$346,2,0))^2+(VLOOKUP($A8,városok!$A$2:$C$346,3,0)-VLOOKUP(AB$1,városok!$A$2:$C$346,3,0))^2)/1000,0)</f>
        <v>230</v>
      </c>
      <c r="AC8">
        <f ca="1">ROUND(SQRT((VLOOKUP($A8,városok!$A$2:$C$346,2,0)-VLOOKUP(AC$1,városok!$A$2:$C$346,2,0))^2+(VLOOKUP($A8,városok!$A$2:$C$346,3,0)-VLOOKUP(AC$1,városok!$A$2:$C$346,3,0))^2)/1000,0)</f>
        <v>210</v>
      </c>
      <c r="AD8">
        <f ca="1">ROUND(SQRT((VLOOKUP($A8,városok!$A$2:$C$346,2,0)-VLOOKUP(AD$1,városok!$A$2:$C$346,2,0))^2+(VLOOKUP($A8,városok!$A$2:$C$346,3,0)-VLOOKUP(AD$1,városok!$A$2:$C$346,3,0))^2)/1000,0)</f>
        <v>194</v>
      </c>
      <c r="AE8">
        <f ca="1">ROUND(SQRT((VLOOKUP($A8,városok!$A$2:$C$346,2,0)-VLOOKUP(AE$1,városok!$A$2:$C$346,2,0))^2+(VLOOKUP($A8,városok!$A$2:$C$346,3,0)-VLOOKUP(AE$1,városok!$A$2:$C$346,3,0))^2)/1000,0)</f>
        <v>187</v>
      </c>
      <c r="AF8">
        <f ca="1">ROUND(SQRT((VLOOKUP($A8,városok!$A$2:$C$346,2,0)-VLOOKUP(AF$1,városok!$A$2:$C$346,2,0))^2+(VLOOKUP($A8,városok!$A$2:$C$346,3,0)-VLOOKUP(AF$1,városok!$A$2:$C$346,3,0))^2)/1000,0)</f>
        <v>186</v>
      </c>
      <c r="AG8">
        <f ca="1">ROUND(SQRT((VLOOKUP($A8,városok!$A$2:$C$346,2,0)-VLOOKUP(AG$1,városok!$A$2:$C$346,2,0))^2+(VLOOKUP($A8,városok!$A$2:$C$346,3,0)-VLOOKUP(AG$1,városok!$A$2:$C$346,3,0))^2)/1000,0)</f>
        <v>157</v>
      </c>
      <c r="AH8">
        <f ca="1">ROUND(SQRT((VLOOKUP($A8,városok!$A$2:$C$346,2,0)-VLOOKUP(AH$1,városok!$A$2:$C$346,2,0))^2+(VLOOKUP($A8,városok!$A$2:$C$346,3,0)-VLOOKUP(AH$1,városok!$A$2:$C$346,3,0))^2)/1000,0)</f>
        <v>137</v>
      </c>
      <c r="AI8">
        <f ca="1">ROUND(SQRT((VLOOKUP($A8,városok!$A$2:$C$346,2,0)-VLOOKUP(AI$1,városok!$A$2:$C$346,2,0))^2+(VLOOKUP($A8,városok!$A$2:$C$346,3,0)-VLOOKUP(AI$1,városok!$A$2:$C$346,3,0))^2)/1000,0)</f>
        <v>186</v>
      </c>
      <c r="AJ8">
        <f ca="1">ROUND(SQRT((VLOOKUP($A8,városok!$A$2:$C$346,2,0)-VLOOKUP(AJ$1,városok!$A$2:$C$346,2,0))^2+(VLOOKUP($A8,városok!$A$2:$C$346,3,0)-VLOOKUP(AJ$1,városok!$A$2:$C$346,3,0))^2)/1000,0)</f>
        <v>145</v>
      </c>
      <c r="AK8">
        <f ca="1">ROUND(SQRT((VLOOKUP($A8,városok!$A$2:$C$346,2,0)-VLOOKUP(AK$1,városok!$A$2:$C$346,2,0))^2+(VLOOKUP($A8,városok!$A$2:$C$346,3,0)-VLOOKUP(AK$1,városok!$A$2:$C$346,3,0))^2)/1000,0)</f>
        <v>174</v>
      </c>
      <c r="AL8">
        <f ca="1">ROUND(SQRT((VLOOKUP($A8,városok!$A$2:$C$346,2,0)-VLOOKUP(AL$1,városok!$A$2:$C$346,2,0))^2+(VLOOKUP($A8,városok!$A$2:$C$346,3,0)-VLOOKUP(AL$1,városok!$A$2:$C$346,3,0))^2)/1000,0)</f>
        <v>156</v>
      </c>
      <c r="AM8">
        <f ca="1">ROUND(SQRT((VLOOKUP($A8,városok!$A$2:$C$346,2,0)-VLOOKUP(AM$1,városok!$A$2:$C$346,2,0))^2+(VLOOKUP($A8,városok!$A$2:$C$346,3,0)-VLOOKUP(AM$1,városok!$A$2:$C$346,3,0))^2)/1000,0)</f>
        <v>117</v>
      </c>
      <c r="AN8">
        <f ca="1">ROUND(SQRT((VLOOKUP($A8,városok!$A$2:$C$346,2,0)-VLOOKUP(AN$1,városok!$A$2:$C$346,2,0))^2+(VLOOKUP($A8,városok!$A$2:$C$346,3,0)-VLOOKUP(AN$1,városok!$A$2:$C$346,3,0))^2)/1000,0)</f>
        <v>141</v>
      </c>
      <c r="AO8">
        <f ca="1">ROUND(SQRT((VLOOKUP($A8,városok!$A$2:$C$346,2,0)-VLOOKUP(AO$1,városok!$A$2:$C$346,2,0))^2+(VLOOKUP($A8,városok!$A$2:$C$346,3,0)-VLOOKUP(AO$1,városok!$A$2:$C$346,3,0))^2)/1000,0)</f>
        <v>150</v>
      </c>
      <c r="AP8">
        <f ca="1">ROUND(SQRT((VLOOKUP($A8,városok!$A$2:$C$346,2,0)-VLOOKUP(AP$1,városok!$A$2:$C$346,2,0))^2+(VLOOKUP($A8,városok!$A$2:$C$346,3,0)-VLOOKUP(AP$1,városok!$A$2:$C$346,3,0))^2)/1000,0)</f>
        <v>133</v>
      </c>
      <c r="AQ8">
        <f ca="1">ROUND(SQRT((VLOOKUP($A8,városok!$A$2:$C$346,2,0)-VLOOKUP(AQ$1,városok!$A$2:$C$346,2,0))^2+(VLOOKUP($A8,városok!$A$2:$C$346,3,0)-VLOOKUP(AQ$1,városok!$A$2:$C$346,3,0))^2)/1000,0)</f>
        <v>123</v>
      </c>
      <c r="AR8">
        <f ca="1">ROUND(SQRT((VLOOKUP($A8,városok!$A$2:$C$346,2,0)-VLOOKUP(AR$1,városok!$A$2:$C$346,2,0))^2+(VLOOKUP($A8,városok!$A$2:$C$346,3,0)-VLOOKUP(AR$1,városok!$A$2:$C$346,3,0))^2)/1000,0)</f>
        <v>164</v>
      </c>
      <c r="AS8">
        <f ca="1">ROUND(SQRT((VLOOKUP($A8,városok!$A$2:$C$346,2,0)-VLOOKUP(AS$1,városok!$A$2:$C$346,2,0))^2+(VLOOKUP($A8,városok!$A$2:$C$346,3,0)-VLOOKUP(AS$1,városok!$A$2:$C$346,3,0))^2)/1000,0)</f>
        <v>187</v>
      </c>
      <c r="AT8">
        <f ca="1">ROUND(SQRT((VLOOKUP($A8,városok!$A$2:$C$346,2,0)-VLOOKUP(AT$1,városok!$A$2:$C$346,2,0))^2+(VLOOKUP($A8,városok!$A$2:$C$346,3,0)-VLOOKUP(AT$1,városok!$A$2:$C$346,3,0))^2)/1000,0)</f>
        <v>106</v>
      </c>
      <c r="AU8">
        <f ca="1">ROUND(SQRT((VLOOKUP($A8,városok!$A$2:$C$346,2,0)-VLOOKUP(AU$1,városok!$A$2:$C$346,2,0))^2+(VLOOKUP($A8,városok!$A$2:$C$346,3,0)-VLOOKUP(AU$1,városok!$A$2:$C$346,3,0))^2)/1000,0)</f>
        <v>104</v>
      </c>
      <c r="AV8">
        <f ca="1">ROUND(SQRT((VLOOKUP($A8,városok!$A$2:$C$346,2,0)-VLOOKUP(AV$1,városok!$A$2:$C$346,2,0))^2+(VLOOKUP($A8,városok!$A$2:$C$346,3,0)-VLOOKUP(AV$1,városok!$A$2:$C$346,3,0))^2)/1000,0)</f>
        <v>98</v>
      </c>
      <c r="AW8">
        <f ca="1">ROUND(SQRT((VLOOKUP($A8,városok!$A$2:$C$346,2,0)-VLOOKUP(AW$1,városok!$A$2:$C$346,2,0))^2+(VLOOKUP($A8,városok!$A$2:$C$346,3,0)-VLOOKUP(AW$1,városok!$A$2:$C$346,3,0))^2)/1000,0)</f>
        <v>97</v>
      </c>
      <c r="AX8">
        <f ca="1">ROUND(SQRT((VLOOKUP($A8,városok!$A$2:$C$346,2,0)-VLOOKUP(AX$1,városok!$A$2:$C$346,2,0))^2+(VLOOKUP($A8,városok!$A$2:$C$346,3,0)-VLOOKUP(AX$1,városok!$A$2:$C$346,3,0))^2)/1000,0)</f>
        <v>83</v>
      </c>
      <c r="AY8">
        <f ca="1">ROUND(SQRT((VLOOKUP($A8,városok!$A$2:$C$346,2,0)-VLOOKUP(AY$1,városok!$A$2:$C$346,2,0))^2+(VLOOKUP($A8,városok!$A$2:$C$346,3,0)-VLOOKUP(AY$1,városok!$A$2:$C$346,3,0))^2)/1000,0)</f>
        <v>129</v>
      </c>
      <c r="AZ8">
        <f ca="1">ROUND(SQRT((VLOOKUP($A8,városok!$A$2:$C$346,2,0)-VLOOKUP(AZ$1,városok!$A$2:$C$346,2,0))^2+(VLOOKUP($A8,városok!$A$2:$C$346,3,0)-VLOOKUP(AZ$1,városok!$A$2:$C$346,3,0))^2)/1000,0)</f>
        <v>140</v>
      </c>
      <c r="BA8">
        <f ca="1">ROUND(SQRT((VLOOKUP($A8,városok!$A$2:$C$346,2,0)-VLOOKUP(BA$1,városok!$A$2:$C$346,2,0))^2+(VLOOKUP($A8,városok!$A$2:$C$346,3,0)-VLOOKUP(BA$1,városok!$A$2:$C$346,3,0))^2)/1000,0)</f>
        <v>102</v>
      </c>
      <c r="BB8">
        <f ca="1">ROUND(SQRT((VLOOKUP($A8,városok!$A$2:$C$346,2,0)-VLOOKUP(BB$1,városok!$A$2:$C$346,2,0))^2+(VLOOKUP($A8,városok!$A$2:$C$346,3,0)-VLOOKUP(BB$1,városok!$A$2:$C$346,3,0))^2)/1000,0)</f>
        <v>79</v>
      </c>
      <c r="BC8">
        <f ca="1">ROUND(SQRT((VLOOKUP($A8,városok!$A$2:$C$346,2,0)-VLOOKUP(BC$1,városok!$A$2:$C$346,2,0))^2+(VLOOKUP($A8,városok!$A$2:$C$346,3,0)-VLOOKUP(BC$1,városok!$A$2:$C$346,3,0))^2)/1000,0)</f>
        <v>93</v>
      </c>
      <c r="BD8">
        <f ca="1">ROUND(SQRT((VLOOKUP($A8,városok!$A$2:$C$346,2,0)-VLOOKUP(BD$1,városok!$A$2:$C$346,2,0))^2+(VLOOKUP($A8,városok!$A$2:$C$346,3,0)-VLOOKUP(BD$1,városok!$A$2:$C$346,3,0))^2)/1000,0)</f>
        <v>82</v>
      </c>
      <c r="BE8">
        <f ca="1">ROUND(SQRT((VLOOKUP($A8,városok!$A$2:$C$346,2,0)-VLOOKUP(BE$1,városok!$A$2:$C$346,2,0))^2+(VLOOKUP($A8,városok!$A$2:$C$346,3,0)-VLOOKUP(BE$1,városok!$A$2:$C$346,3,0))^2)/1000,0)</f>
        <v>315</v>
      </c>
      <c r="BF8">
        <f ca="1">ROUND(SQRT((VLOOKUP($A8,városok!$A$2:$C$346,2,0)-VLOOKUP(BF$1,városok!$A$2:$C$346,2,0))^2+(VLOOKUP($A8,városok!$A$2:$C$346,3,0)-VLOOKUP(BF$1,városok!$A$2:$C$346,3,0))^2)/1000,0)</f>
        <v>300</v>
      </c>
      <c r="BG8">
        <f ca="1">ROUND(SQRT((VLOOKUP($A8,városok!$A$2:$C$346,2,0)-VLOOKUP(BG$1,városok!$A$2:$C$346,2,0))^2+(VLOOKUP($A8,városok!$A$2:$C$346,3,0)-VLOOKUP(BG$1,városok!$A$2:$C$346,3,0))^2)/1000,0)</f>
        <v>259</v>
      </c>
      <c r="BH8">
        <f ca="1">ROUND(SQRT((VLOOKUP($A8,városok!$A$2:$C$346,2,0)-VLOOKUP(BH$1,városok!$A$2:$C$346,2,0))^2+(VLOOKUP($A8,városok!$A$2:$C$346,3,0)-VLOOKUP(BH$1,városok!$A$2:$C$346,3,0))^2)/1000,0)</f>
        <v>258</v>
      </c>
      <c r="BI8">
        <f ca="1">ROUND(SQRT((VLOOKUP($A8,városok!$A$2:$C$346,2,0)-VLOOKUP(BI$1,városok!$A$2:$C$346,2,0))^2+(VLOOKUP($A8,városok!$A$2:$C$346,3,0)-VLOOKUP(BI$1,városok!$A$2:$C$346,3,0))^2)/1000,0)</f>
        <v>31</v>
      </c>
      <c r="BJ8">
        <f ca="1">ROUND(SQRT((VLOOKUP($A8,városok!$A$2:$C$346,2,0)-VLOOKUP(BJ$1,városok!$A$2:$C$346,2,0))^2+(VLOOKUP($A8,városok!$A$2:$C$346,3,0)-VLOOKUP(BJ$1,városok!$A$2:$C$346,3,0))^2)/1000,0)</f>
        <v>48</v>
      </c>
      <c r="BK8">
        <f ca="1">ROUND(SQRT((VLOOKUP($A8,városok!$A$2:$C$346,2,0)-VLOOKUP(BK$1,városok!$A$2:$C$346,2,0))^2+(VLOOKUP($A8,városok!$A$2:$C$346,3,0)-VLOOKUP(BK$1,városok!$A$2:$C$346,3,0))^2)/1000,0)</f>
        <v>29</v>
      </c>
      <c r="BL8">
        <f ca="1">ROUND(SQRT((VLOOKUP($A8,városok!$A$2:$C$346,2,0)-VLOOKUP(BL$1,városok!$A$2:$C$346,2,0))^2+(VLOOKUP($A8,városok!$A$2:$C$346,3,0)-VLOOKUP(BL$1,városok!$A$2:$C$346,3,0))^2)/1000,0)</f>
        <v>189</v>
      </c>
      <c r="BM8">
        <f ca="1">ROUND(SQRT((VLOOKUP($A8,városok!$A$2:$C$346,2,0)-VLOOKUP(BM$1,városok!$A$2:$C$346,2,0))^2+(VLOOKUP($A8,városok!$A$2:$C$346,3,0)-VLOOKUP(BM$1,városok!$A$2:$C$346,3,0))^2)/1000,0)</f>
        <v>176</v>
      </c>
      <c r="BN8">
        <f ca="1">ROUND(SQRT((VLOOKUP($A8,városok!$A$2:$C$346,2,0)-VLOOKUP(BN$1,városok!$A$2:$C$346,2,0))^2+(VLOOKUP($A8,városok!$A$2:$C$346,3,0)-VLOOKUP(BN$1,városok!$A$2:$C$346,3,0))^2)/1000,0)</f>
        <v>196</v>
      </c>
      <c r="BO8">
        <f ca="1">ROUND(SQRT((VLOOKUP($A8,városok!$A$2:$C$346,2,0)-VLOOKUP(BO$1,városok!$A$2:$C$346,2,0))^2+(VLOOKUP($A8,városok!$A$2:$C$346,3,0)-VLOOKUP(BO$1,városok!$A$2:$C$346,3,0))^2)/1000,0)</f>
        <v>93</v>
      </c>
      <c r="BP8">
        <f ca="1">ROUND(SQRT((VLOOKUP($A8,városok!$A$2:$C$346,2,0)-VLOOKUP(BP$1,városok!$A$2:$C$346,2,0))^2+(VLOOKUP($A8,városok!$A$2:$C$346,3,0)-VLOOKUP(BP$1,városok!$A$2:$C$346,3,0))^2)/1000,0)</f>
        <v>87</v>
      </c>
      <c r="BQ8">
        <f ca="1">ROUND(SQRT((VLOOKUP($A8,városok!$A$2:$C$346,2,0)-VLOOKUP(BQ$1,városok!$A$2:$C$346,2,0))^2+(VLOOKUP($A8,városok!$A$2:$C$346,3,0)-VLOOKUP(BQ$1,városok!$A$2:$C$346,3,0))^2)/1000,0)</f>
        <v>103</v>
      </c>
      <c r="BR8">
        <f ca="1">ROUND(SQRT((VLOOKUP($A8,városok!$A$2:$C$346,2,0)-VLOOKUP(BR$1,városok!$A$2:$C$346,2,0))^2+(VLOOKUP($A8,városok!$A$2:$C$346,3,0)-VLOOKUP(BR$1,városok!$A$2:$C$346,3,0))^2)/1000,0)</f>
        <v>135</v>
      </c>
      <c r="BS8">
        <f ca="1">ROUND(SQRT((VLOOKUP($A8,városok!$A$2:$C$346,2,0)-VLOOKUP(BS$1,városok!$A$2:$C$346,2,0))^2+(VLOOKUP($A8,városok!$A$2:$C$346,3,0)-VLOOKUP(BS$1,városok!$A$2:$C$346,3,0))^2)/1000,0)</f>
        <v>153</v>
      </c>
      <c r="BT8">
        <f ca="1">ROUND(SQRT((VLOOKUP($A8,városok!$A$2:$C$346,2,0)-VLOOKUP(BT$1,városok!$A$2:$C$346,2,0))^2+(VLOOKUP($A8,városok!$A$2:$C$346,3,0)-VLOOKUP(BT$1,városok!$A$2:$C$346,3,0))^2)/1000,0)</f>
        <v>167</v>
      </c>
    </row>
    <row r="9" spans="1:72" x14ac:dyDescent="0.2">
      <c r="A9" t="str">
        <f>városok!A9</f>
        <v>Kecel</v>
      </c>
      <c r="B9">
        <f ca="1">ROUND(SQRT((VLOOKUP($A9,városok!$A$2:$C$346,2,0)-VLOOKUP(B$1,városok!$A$2:$C$346,2,0))^2+(VLOOKUP($A9,városok!$A$2:$C$346,3,0)-VLOOKUP(B$1,városok!$A$2:$C$346,3,0))^2)/1000,0)</f>
        <v>44</v>
      </c>
      <c r="C9">
        <f ca="1">ROUND(SQRT((VLOOKUP($A9,városok!$A$2:$C$346,2,0)-VLOOKUP(C$1,városok!$A$2:$C$346,2,0))^2+(VLOOKUP($A9,városok!$A$2:$C$346,3,0)-VLOOKUP(C$1,városok!$A$2:$C$346,3,0))^2)/1000,0)</f>
        <v>21</v>
      </c>
      <c r="D9">
        <f ca="1">ROUND(SQRT((VLOOKUP($A9,városok!$A$2:$C$346,2,0)-VLOOKUP(D$1,városok!$A$2:$C$346,2,0))^2+(VLOOKUP($A9,városok!$A$2:$C$346,3,0)-VLOOKUP(D$1,városok!$A$2:$C$346,3,0))^2)/1000,0)</f>
        <v>54</v>
      </c>
      <c r="E9">
        <f ca="1">ROUND(SQRT((VLOOKUP($A9,városok!$A$2:$C$346,2,0)-VLOOKUP(E$1,városok!$A$2:$C$346,2,0))^2+(VLOOKUP($A9,városok!$A$2:$C$346,3,0)-VLOOKUP(E$1,városok!$A$2:$C$346,3,0))^2)/1000,0)</f>
        <v>85</v>
      </c>
      <c r="F9">
        <f ca="1">ROUND(SQRT((VLOOKUP($A9,városok!$A$2:$C$346,2,0)-VLOOKUP(F$1,városok!$A$2:$C$346,2,0))^2+(VLOOKUP($A9,városok!$A$2:$C$346,3,0)-VLOOKUP(F$1,városok!$A$2:$C$346,3,0))^2)/1000,0)</f>
        <v>74</v>
      </c>
      <c r="G9">
        <f ca="1">ROUND(SQRT((VLOOKUP($A9,városok!$A$2:$C$346,2,0)-VLOOKUP(G$1,városok!$A$2:$C$346,2,0))^2+(VLOOKUP($A9,városok!$A$2:$C$346,3,0)-VLOOKUP(G$1,városok!$A$2:$C$346,3,0))^2)/1000,0)</f>
        <v>92</v>
      </c>
      <c r="H9">
        <f ca="1">ROUND(SQRT((VLOOKUP($A9,városok!$A$2:$C$346,2,0)-VLOOKUP(H$1,városok!$A$2:$C$346,2,0))^2+(VLOOKUP($A9,városok!$A$2:$C$346,3,0)-VLOOKUP(H$1,városok!$A$2:$C$346,3,0))^2)/1000,0)</f>
        <v>124</v>
      </c>
      <c r="I9">
        <f ca="1">ROUND(SQRT((VLOOKUP($A9,városok!$A$2:$C$346,2,0)-VLOOKUP(I$1,városok!$A$2:$C$346,2,0))^2+(VLOOKUP($A9,városok!$A$2:$C$346,3,0)-VLOOKUP(I$1,városok!$A$2:$C$346,3,0))^2)/1000,0)</f>
        <v>141</v>
      </c>
      <c r="J9">
        <f ca="1">ROUND(SQRT((VLOOKUP($A9,városok!$A$2:$C$346,2,0)-VLOOKUP(J$1,városok!$A$2:$C$346,2,0))^2+(VLOOKUP($A9,városok!$A$2:$C$346,3,0)-VLOOKUP(J$1,városok!$A$2:$C$346,3,0))^2)/1000,0)</f>
        <v>156</v>
      </c>
      <c r="K9">
        <f ca="1">ROUND(SQRT((VLOOKUP($A9,városok!$A$2:$C$346,2,0)-VLOOKUP(K$1,városok!$A$2:$C$346,2,0))^2+(VLOOKUP($A9,városok!$A$2:$C$346,3,0)-VLOOKUP(K$1,városok!$A$2:$C$346,3,0))^2)/1000,0)</f>
        <v>109</v>
      </c>
      <c r="L9">
        <f ca="1">ROUND(SQRT((VLOOKUP($A9,városok!$A$2:$C$346,2,0)-VLOOKUP(L$1,városok!$A$2:$C$346,2,0))^2+(VLOOKUP($A9,városok!$A$2:$C$346,3,0)-VLOOKUP(L$1,városok!$A$2:$C$346,3,0))^2)/1000,0)</f>
        <v>219</v>
      </c>
      <c r="M9">
        <f ca="1">ROUND(SQRT((VLOOKUP($A9,városok!$A$2:$C$346,2,0)-VLOOKUP(M$1,városok!$A$2:$C$346,2,0))^2+(VLOOKUP($A9,városok!$A$2:$C$346,3,0)-VLOOKUP(M$1,városok!$A$2:$C$346,3,0))^2)/1000,0)</f>
        <v>211</v>
      </c>
      <c r="N9">
        <f ca="1">ROUND(SQRT((VLOOKUP($A9,városok!$A$2:$C$346,2,0)-VLOOKUP(N$1,városok!$A$2:$C$346,2,0))^2+(VLOOKUP($A9,városok!$A$2:$C$346,3,0)-VLOOKUP(N$1,városok!$A$2:$C$346,3,0))^2)/1000,0)</f>
        <v>204</v>
      </c>
      <c r="O9">
        <f ca="1">ROUND(SQRT((VLOOKUP($A9,városok!$A$2:$C$346,2,0)-VLOOKUP(O$1,városok!$A$2:$C$346,2,0))^2+(VLOOKUP($A9,városok!$A$2:$C$346,3,0)-VLOOKUP(O$1,városok!$A$2:$C$346,3,0))^2)/1000,0)</f>
        <v>276</v>
      </c>
      <c r="P9">
        <f ca="1">ROUND(SQRT((VLOOKUP($A9,városok!$A$2:$C$346,2,0)-VLOOKUP(P$1,városok!$A$2:$C$346,2,0))^2+(VLOOKUP($A9,városok!$A$2:$C$346,3,0)-VLOOKUP(P$1,városok!$A$2:$C$346,3,0))^2)/1000,0)</f>
        <v>276</v>
      </c>
      <c r="Q9">
        <f ca="1">ROUND(SQRT((VLOOKUP($A9,városok!$A$2:$C$346,2,0)-VLOOKUP(Q$1,városok!$A$2:$C$346,2,0))^2+(VLOOKUP($A9,városok!$A$2:$C$346,3,0)-VLOOKUP(Q$1,városok!$A$2:$C$346,3,0))^2)/1000,0)</f>
        <v>83</v>
      </c>
      <c r="R9">
        <f ca="1">ROUND(SQRT((VLOOKUP($A9,városok!$A$2:$C$346,2,0)-VLOOKUP(R$1,városok!$A$2:$C$346,2,0))^2+(VLOOKUP($A9,városok!$A$2:$C$346,3,0)-VLOOKUP(R$1,városok!$A$2:$C$346,3,0))^2)/1000,0)</f>
        <v>101</v>
      </c>
      <c r="S9">
        <f ca="1">ROUND(SQRT((VLOOKUP($A9,városok!$A$2:$C$346,2,0)-VLOOKUP(S$1,városok!$A$2:$C$346,2,0))^2+(VLOOKUP($A9,városok!$A$2:$C$346,3,0)-VLOOKUP(S$1,városok!$A$2:$C$346,3,0))^2)/1000,0)</f>
        <v>77</v>
      </c>
      <c r="T9">
        <f ca="1">ROUND(SQRT((VLOOKUP($A9,városok!$A$2:$C$346,2,0)-VLOOKUP(T$1,városok!$A$2:$C$346,2,0))^2+(VLOOKUP($A9,városok!$A$2:$C$346,3,0)-VLOOKUP(T$1,városok!$A$2:$C$346,3,0))^2)/1000,0)</f>
        <v>117</v>
      </c>
      <c r="U9">
        <f ca="1">ROUND(SQRT((VLOOKUP($A9,városok!$A$2:$C$346,2,0)-VLOOKUP(U$1,városok!$A$2:$C$346,2,0))^2+(VLOOKUP($A9,városok!$A$2:$C$346,3,0)-VLOOKUP(U$1,városok!$A$2:$C$346,3,0))^2)/1000,0)</f>
        <v>54</v>
      </c>
      <c r="V9">
        <f ca="1">ROUND(SQRT((VLOOKUP($A9,városok!$A$2:$C$346,2,0)-VLOOKUP(V$1,városok!$A$2:$C$346,2,0))^2+(VLOOKUP($A9,városok!$A$2:$C$346,3,0)-VLOOKUP(V$1,városok!$A$2:$C$346,3,0))^2)/1000,0)</f>
        <v>93</v>
      </c>
      <c r="W9">
        <f ca="1">ROUND(SQRT((VLOOKUP($A9,városok!$A$2:$C$346,2,0)-VLOOKUP(W$1,városok!$A$2:$C$346,2,0))^2+(VLOOKUP($A9,városok!$A$2:$C$346,3,0)-VLOOKUP(W$1,városok!$A$2:$C$346,3,0))^2)/1000,0)</f>
        <v>62</v>
      </c>
      <c r="X9">
        <f ca="1">ROUND(SQRT((VLOOKUP($A9,városok!$A$2:$C$346,2,0)-VLOOKUP(X$1,városok!$A$2:$C$346,2,0))^2+(VLOOKUP($A9,városok!$A$2:$C$346,3,0)-VLOOKUP(X$1,városok!$A$2:$C$346,3,0))^2)/1000,0)</f>
        <v>110</v>
      </c>
      <c r="Y9">
        <f ca="1">ROUND(SQRT((VLOOKUP($A9,városok!$A$2:$C$346,2,0)-VLOOKUP(Y$1,városok!$A$2:$C$346,2,0))^2+(VLOOKUP($A9,városok!$A$2:$C$346,3,0)-VLOOKUP(Y$1,városok!$A$2:$C$346,3,0))^2)/1000,0)</f>
        <v>178</v>
      </c>
      <c r="Z9">
        <f ca="1">ROUND(SQRT((VLOOKUP($A9,városok!$A$2:$C$346,2,0)-VLOOKUP(Z$1,városok!$A$2:$C$346,2,0))^2+(VLOOKUP($A9,városok!$A$2:$C$346,3,0)-VLOOKUP(Z$1,városok!$A$2:$C$346,3,0))^2)/1000,0)</f>
        <v>195</v>
      </c>
      <c r="AA9">
        <f ca="1">ROUND(SQRT((VLOOKUP($A9,városok!$A$2:$C$346,2,0)-VLOOKUP(AA$1,városok!$A$2:$C$346,2,0))^2+(VLOOKUP($A9,városok!$A$2:$C$346,3,0)-VLOOKUP(AA$1,városok!$A$2:$C$346,3,0))^2)/1000,0)</f>
        <v>240</v>
      </c>
      <c r="AB9">
        <f ca="1">ROUND(SQRT((VLOOKUP($A9,városok!$A$2:$C$346,2,0)-VLOOKUP(AB$1,városok!$A$2:$C$346,2,0))^2+(VLOOKUP($A9,városok!$A$2:$C$346,3,0)-VLOOKUP(AB$1,városok!$A$2:$C$346,3,0))^2)/1000,0)</f>
        <v>213</v>
      </c>
      <c r="AC9">
        <f ca="1">ROUND(SQRT((VLOOKUP($A9,városok!$A$2:$C$346,2,0)-VLOOKUP(AC$1,városok!$A$2:$C$346,2,0))^2+(VLOOKUP($A9,városok!$A$2:$C$346,3,0)-VLOOKUP(AC$1,városok!$A$2:$C$346,3,0))^2)/1000,0)</f>
        <v>193</v>
      </c>
      <c r="AD9">
        <f ca="1">ROUND(SQRT((VLOOKUP($A9,városok!$A$2:$C$346,2,0)-VLOOKUP(AD$1,városok!$A$2:$C$346,2,0))^2+(VLOOKUP($A9,városok!$A$2:$C$346,3,0)-VLOOKUP(AD$1,városok!$A$2:$C$346,3,0))^2)/1000,0)</f>
        <v>177</v>
      </c>
      <c r="AE9">
        <f ca="1">ROUND(SQRT((VLOOKUP($A9,városok!$A$2:$C$346,2,0)-VLOOKUP(AE$1,városok!$A$2:$C$346,2,0))^2+(VLOOKUP($A9,városok!$A$2:$C$346,3,0)-VLOOKUP(AE$1,városok!$A$2:$C$346,3,0))^2)/1000,0)</f>
        <v>169</v>
      </c>
      <c r="AF9">
        <f ca="1">ROUND(SQRT((VLOOKUP($A9,városok!$A$2:$C$346,2,0)-VLOOKUP(AF$1,városok!$A$2:$C$346,2,0))^2+(VLOOKUP($A9,városok!$A$2:$C$346,3,0)-VLOOKUP(AF$1,városok!$A$2:$C$346,3,0))^2)/1000,0)</f>
        <v>175</v>
      </c>
      <c r="AG9">
        <f ca="1">ROUND(SQRT((VLOOKUP($A9,városok!$A$2:$C$346,2,0)-VLOOKUP(AG$1,városok!$A$2:$C$346,2,0))^2+(VLOOKUP($A9,városok!$A$2:$C$346,3,0)-VLOOKUP(AG$1,városok!$A$2:$C$346,3,0))^2)/1000,0)</f>
        <v>149</v>
      </c>
      <c r="AH9">
        <f ca="1">ROUND(SQRT((VLOOKUP($A9,városok!$A$2:$C$346,2,0)-VLOOKUP(AH$1,városok!$A$2:$C$346,2,0))^2+(VLOOKUP($A9,városok!$A$2:$C$346,3,0)-VLOOKUP(AH$1,városok!$A$2:$C$346,3,0))^2)/1000,0)</f>
        <v>131</v>
      </c>
      <c r="AI9">
        <f ca="1">ROUND(SQRT((VLOOKUP($A9,városok!$A$2:$C$346,2,0)-VLOOKUP(AI$1,városok!$A$2:$C$346,2,0))^2+(VLOOKUP($A9,városok!$A$2:$C$346,3,0)-VLOOKUP(AI$1,városok!$A$2:$C$346,3,0))^2)/1000,0)</f>
        <v>178</v>
      </c>
      <c r="AJ9">
        <f ca="1">ROUND(SQRT((VLOOKUP($A9,városok!$A$2:$C$346,2,0)-VLOOKUP(AJ$1,városok!$A$2:$C$346,2,0))^2+(VLOOKUP($A9,városok!$A$2:$C$346,3,0)-VLOOKUP(AJ$1,városok!$A$2:$C$346,3,0))^2)/1000,0)</f>
        <v>136</v>
      </c>
      <c r="AK9">
        <f ca="1">ROUND(SQRT((VLOOKUP($A9,városok!$A$2:$C$346,2,0)-VLOOKUP(AK$1,városok!$A$2:$C$346,2,0))^2+(VLOOKUP($A9,városok!$A$2:$C$346,3,0)-VLOOKUP(AK$1,városok!$A$2:$C$346,3,0))^2)/1000,0)</f>
        <v>156</v>
      </c>
      <c r="AL9">
        <f ca="1">ROUND(SQRT((VLOOKUP($A9,városok!$A$2:$C$346,2,0)-VLOOKUP(AL$1,városok!$A$2:$C$346,2,0))^2+(VLOOKUP($A9,városok!$A$2:$C$346,3,0)-VLOOKUP(AL$1,városok!$A$2:$C$346,3,0))^2)/1000,0)</f>
        <v>141</v>
      </c>
      <c r="AM9">
        <f ca="1">ROUND(SQRT((VLOOKUP($A9,városok!$A$2:$C$346,2,0)-VLOOKUP(AM$1,városok!$A$2:$C$346,2,0))^2+(VLOOKUP($A9,városok!$A$2:$C$346,3,0)-VLOOKUP(AM$1,városok!$A$2:$C$346,3,0))^2)/1000,0)</f>
        <v>102</v>
      </c>
      <c r="AN9">
        <f ca="1">ROUND(SQRT((VLOOKUP($A9,városok!$A$2:$C$346,2,0)-VLOOKUP(AN$1,városok!$A$2:$C$346,2,0))^2+(VLOOKUP($A9,városok!$A$2:$C$346,3,0)-VLOOKUP(AN$1,városok!$A$2:$C$346,3,0))^2)/1000,0)</f>
        <v>146</v>
      </c>
      <c r="AO9">
        <f ca="1">ROUND(SQRT((VLOOKUP($A9,városok!$A$2:$C$346,2,0)-VLOOKUP(AO$1,városok!$A$2:$C$346,2,0))^2+(VLOOKUP($A9,városok!$A$2:$C$346,3,0)-VLOOKUP(AO$1,városok!$A$2:$C$346,3,0))^2)/1000,0)</f>
        <v>160</v>
      </c>
      <c r="AP9">
        <f ca="1">ROUND(SQRT((VLOOKUP($A9,városok!$A$2:$C$346,2,0)-VLOOKUP(AP$1,városok!$A$2:$C$346,2,0))^2+(VLOOKUP($A9,városok!$A$2:$C$346,3,0)-VLOOKUP(AP$1,városok!$A$2:$C$346,3,0))^2)/1000,0)</f>
        <v>142</v>
      </c>
      <c r="AQ9">
        <f ca="1">ROUND(SQRT((VLOOKUP($A9,városok!$A$2:$C$346,2,0)-VLOOKUP(AQ$1,városok!$A$2:$C$346,2,0))^2+(VLOOKUP($A9,városok!$A$2:$C$346,3,0)-VLOOKUP(AQ$1,városok!$A$2:$C$346,3,0))^2)/1000,0)</f>
        <v>132</v>
      </c>
      <c r="AR9">
        <f ca="1">ROUND(SQRT((VLOOKUP($A9,városok!$A$2:$C$346,2,0)-VLOOKUP(AR$1,városok!$A$2:$C$346,2,0))^2+(VLOOKUP($A9,városok!$A$2:$C$346,3,0)-VLOOKUP(AR$1,városok!$A$2:$C$346,3,0))^2)/1000,0)</f>
        <v>159</v>
      </c>
      <c r="AS9">
        <f ca="1">ROUND(SQRT((VLOOKUP($A9,városok!$A$2:$C$346,2,0)-VLOOKUP(AS$1,városok!$A$2:$C$346,2,0))^2+(VLOOKUP($A9,városok!$A$2:$C$346,3,0)-VLOOKUP(AS$1,városok!$A$2:$C$346,3,0))^2)/1000,0)</f>
        <v>181</v>
      </c>
      <c r="AT9">
        <f ca="1">ROUND(SQRT((VLOOKUP($A9,városok!$A$2:$C$346,2,0)-VLOOKUP(AT$1,városok!$A$2:$C$346,2,0))^2+(VLOOKUP($A9,városok!$A$2:$C$346,3,0)-VLOOKUP(AT$1,városok!$A$2:$C$346,3,0))^2)/1000,0)</f>
        <v>110</v>
      </c>
      <c r="AU9">
        <f ca="1">ROUND(SQRT((VLOOKUP($A9,városok!$A$2:$C$346,2,0)-VLOOKUP(AU$1,városok!$A$2:$C$346,2,0))^2+(VLOOKUP($A9,városok!$A$2:$C$346,3,0)-VLOOKUP(AU$1,városok!$A$2:$C$346,3,0))^2)/1000,0)</f>
        <v>106</v>
      </c>
      <c r="AV9">
        <f ca="1">ROUND(SQRT((VLOOKUP($A9,városok!$A$2:$C$346,2,0)-VLOOKUP(AV$1,városok!$A$2:$C$346,2,0))^2+(VLOOKUP($A9,városok!$A$2:$C$346,3,0)-VLOOKUP(AV$1,városok!$A$2:$C$346,3,0))^2)/1000,0)</f>
        <v>101</v>
      </c>
      <c r="AW9">
        <f ca="1">ROUND(SQRT((VLOOKUP($A9,városok!$A$2:$C$346,2,0)-VLOOKUP(AW$1,városok!$A$2:$C$346,2,0))^2+(VLOOKUP($A9,városok!$A$2:$C$346,3,0)-VLOOKUP(AW$1,városok!$A$2:$C$346,3,0))^2)/1000,0)</f>
        <v>100</v>
      </c>
      <c r="AX9">
        <f ca="1">ROUND(SQRT((VLOOKUP($A9,városok!$A$2:$C$346,2,0)-VLOOKUP(AX$1,városok!$A$2:$C$346,2,0))^2+(VLOOKUP($A9,városok!$A$2:$C$346,3,0)-VLOOKUP(AX$1,városok!$A$2:$C$346,3,0))^2)/1000,0)</f>
        <v>69</v>
      </c>
      <c r="AY9">
        <f ca="1">ROUND(SQRT((VLOOKUP($A9,városok!$A$2:$C$346,2,0)-VLOOKUP(AY$1,városok!$A$2:$C$346,2,0))^2+(VLOOKUP($A9,városok!$A$2:$C$346,3,0)-VLOOKUP(AY$1,városok!$A$2:$C$346,3,0))^2)/1000,0)</f>
        <v>129</v>
      </c>
      <c r="AZ9">
        <f ca="1">ROUND(SQRT((VLOOKUP($A9,városok!$A$2:$C$346,2,0)-VLOOKUP(AZ$1,városok!$A$2:$C$346,2,0))^2+(VLOOKUP($A9,városok!$A$2:$C$346,3,0)-VLOOKUP(AZ$1,városok!$A$2:$C$346,3,0))^2)/1000,0)</f>
        <v>142</v>
      </c>
      <c r="BA9">
        <f ca="1">ROUND(SQRT((VLOOKUP($A9,városok!$A$2:$C$346,2,0)-VLOOKUP(BA$1,városok!$A$2:$C$346,2,0))^2+(VLOOKUP($A9,városok!$A$2:$C$346,3,0)-VLOOKUP(BA$1,városok!$A$2:$C$346,3,0))^2)/1000,0)</f>
        <v>122</v>
      </c>
      <c r="BB9">
        <f ca="1">ROUND(SQRT((VLOOKUP($A9,városok!$A$2:$C$346,2,0)-VLOOKUP(BB$1,városok!$A$2:$C$346,2,0))^2+(VLOOKUP($A9,városok!$A$2:$C$346,3,0)-VLOOKUP(BB$1,városok!$A$2:$C$346,3,0))^2)/1000,0)</f>
        <v>100</v>
      </c>
      <c r="BC9">
        <f ca="1">ROUND(SQRT((VLOOKUP($A9,városok!$A$2:$C$346,2,0)-VLOOKUP(BC$1,városok!$A$2:$C$346,2,0))^2+(VLOOKUP($A9,városok!$A$2:$C$346,3,0)-VLOOKUP(BC$1,városok!$A$2:$C$346,3,0))^2)/1000,0)</f>
        <v>113</v>
      </c>
      <c r="BD9">
        <f ca="1">ROUND(SQRT((VLOOKUP($A9,városok!$A$2:$C$346,2,0)-VLOOKUP(BD$1,városok!$A$2:$C$346,2,0))^2+(VLOOKUP($A9,városok!$A$2:$C$346,3,0)-VLOOKUP(BD$1,városok!$A$2:$C$346,3,0))^2)/1000,0)</f>
        <v>100</v>
      </c>
      <c r="BE9">
        <f ca="1">ROUND(SQRT((VLOOKUP($A9,városok!$A$2:$C$346,2,0)-VLOOKUP(BE$1,városok!$A$2:$C$346,2,0))^2+(VLOOKUP($A9,városok!$A$2:$C$346,3,0)-VLOOKUP(BE$1,városok!$A$2:$C$346,3,0))^2)/1000,0)</f>
        <v>297</v>
      </c>
      <c r="BF9">
        <f ca="1">ROUND(SQRT((VLOOKUP($A9,városok!$A$2:$C$346,2,0)-VLOOKUP(BF$1,városok!$A$2:$C$346,2,0))^2+(VLOOKUP($A9,városok!$A$2:$C$346,3,0)-VLOOKUP(BF$1,városok!$A$2:$C$346,3,0))^2)/1000,0)</f>
        <v>285</v>
      </c>
      <c r="BG9">
        <f ca="1">ROUND(SQRT((VLOOKUP($A9,városok!$A$2:$C$346,2,0)-VLOOKUP(BG$1,városok!$A$2:$C$346,2,0))^2+(VLOOKUP($A9,városok!$A$2:$C$346,3,0)-VLOOKUP(BG$1,városok!$A$2:$C$346,3,0))^2)/1000,0)</f>
        <v>244</v>
      </c>
      <c r="BH9">
        <f ca="1">ROUND(SQRT((VLOOKUP($A9,városok!$A$2:$C$346,2,0)-VLOOKUP(BH$1,városok!$A$2:$C$346,2,0))^2+(VLOOKUP($A9,városok!$A$2:$C$346,3,0)-VLOOKUP(BH$1,városok!$A$2:$C$346,3,0))^2)/1000,0)</f>
        <v>244</v>
      </c>
      <c r="BI9">
        <f ca="1">ROUND(SQRT((VLOOKUP($A9,városok!$A$2:$C$346,2,0)-VLOOKUP(BI$1,városok!$A$2:$C$346,2,0))^2+(VLOOKUP($A9,városok!$A$2:$C$346,3,0)-VLOOKUP(BI$1,városok!$A$2:$C$346,3,0))^2)/1000,0)</f>
        <v>50</v>
      </c>
      <c r="BJ9">
        <f ca="1">ROUND(SQRT((VLOOKUP($A9,városok!$A$2:$C$346,2,0)-VLOOKUP(BJ$1,városok!$A$2:$C$346,2,0))^2+(VLOOKUP($A9,városok!$A$2:$C$346,3,0)-VLOOKUP(BJ$1,városok!$A$2:$C$346,3,0))^2)/1000,0)</f>
        <v>66</v>
      </c>
      <c r="BK9">
        <f ca="1">ROUND(SQRT((VLOOKUP($A9,városok!$A$2:$C$346,2,0)-VLOOKUP(BK$1,városok!$A$2:$C$346,2,0))^2+(VLOOKUP($A9,városok!$A$2:$C$346,3,0)-VLOOKUP(BK$1,városok!$A$2:$C$346,3,0))^2)/1000,0)</f>
        <v>46</v>
      </c>
      <c r="BL9">
        <f ca="1">ROUND(SQRT((VLOOKUP($A9,városok!$A$2:$C$346,2,0)-VLOOKUP(BL$1,városok!$A$2:$C$346,2,0))^2+(VLOOKUP($A9,városok!$A$2:$C$346,3,0)-VLOOKUP(BL$1,városok!$A$2:$C$346,3,0))^2)/1000,0)</f>
        <v>209</v>
      </c>
      <c r="BM9">
        <f ca="1">ROUND(SQRT((VLOOKUP($A9,városok!$A$2:$C$346,2,0)-VLOOKUP(BM$1,városok!$A$2:$C$346,2,0))^2+(VLOOKUP($A9,városok!$A$2:$C$346,3,0)-VLOOKUP(BM$1,városok!$A$2:$C$346,3,0))^2)/1000,0)</f>
        <v>194</v>
      </c>
      <c r="BN9">
        <f ca="1">ROUND(SQRT((VLOOKUP($A9,városok!$A$2:$C$346,2,0)-VLOOKUP(BN$1,városok!$A$2:$C$346,2,0))^2+(VLOOKUP($A9,városok!$A$2:$C$346,3,0)-VLOOKUP(BN$1,városok!$A$2:$C$346,3,0))^2)/1000,0)</f>
        <v>215</v>
      </c>
      <c r="BO9">
        <f ca="1">ROUND(SQRT((VLOOKUP($A9,városok!$A$2:$C$346,2,0)-VLOOKUP(BO$1,városok!$A$2:$C$346,2,0))^2+(VLOOKUP($A9,városok!$A$2:$C$346,3,0)-VLOOKUP(BO$1,városok!$A$2:$C$346,3,0))^2)/1000,0)</f>
        <v>110</v>
      </c>
      <c r="BP9">
        <f ca="1">ROUND(SQRT((VLOOKUP($A9,városok!$A$2:$C$346,2,0)-VLOOKUP(BP$1,városok!$A$2:$C$346,2,0))^2+(VLOOKUP($A9,városok!$A$2:$C$346,3,0)-VLOOKUP(BP$1,városok!$A$2:$C$346,3,0))^2)/1000,0)</f>
        <v>104</v>
      </c>
      <c r="BQ9">
        <f ca="1">ROUND(SQRT((VLOOKUP($A9,városok!$A$2:$C$346,2,0)-VLOOKUP(BQ$1,városok!$A$2:$C$346,2,0))^2+(VLOOKUP($A9,városok!$A$2:$C$346,3,0)-VLOOKUP(BQ$1,városok!$A$2:$C$346,3,0))^2)/1000,0)</f>
        <v>120</v>
      </c>
      <c r="BR9">
        <f ca="1">ROUND(SQRT((VLOOKUP($A9,városok!$A$2:$C$346,2,0)-VLOOKUP(BR$1,városok!$A$2:$C$346,2,0))^2+(VLOOKUP($A9,városok!$A$2:$C$346,3,0)-VLOOKUP(BR$1,városok!$A$2:$C$346,3,0))^2)/1000,0)</f>
        <v>155</v>
      </c>
      <c r="BS9">
        <f ca="1">ROUND(SQRT((VLOOKUP($A9,városok!$A$2:$C$346,2,0)-VLOOKUP(BS$1,városok!$A$2:$C$346,2,0))^2+(VLOOKUP($A9,városok!$A$2:$C$346,3,0)-VLOOKUP(BS$1,városok!$A$2:$C$346,3,0))^2)/1000,0)</f>
        <v>173</v>
      </c>
      <c r="BT9">
        <f ca="1">ROUND(SQRT((VLOOKUP($A9,városok!$A$2:$C$346,2,0)-VLOOKUP(BT$1,városok!$A$2:$C$346,2,0))^2+(VLOOKUP($A9,városok!$A$2:$C$346,3,0)-VLOOKUP(BT$1,városok!$A$2:$C$346,3,0))^2)/1000,0)</f>
        <v>187</v>
      </c>
    </row>
    <row r="10" spans="1:72" x14ac:dyDescent="0.2">
      <c r="A10" t="str">
        <f>városok!A10</f>
        <v>Kecskemét</v>
      </c>
      <c r="B10">
        <f ca="1">ROUND(SQRT((VLOOKUP($A10,városok!$A$2:$C$346,2,0)-VLOOKUP(B$1,városok!$A$2:$C$346,2,0))^2+(VLOOKUP($A10,városok!$A$2:$C$346,3,0)-VLOOKUP(B$1,városok!$A$2:$C$346,3,0))^2)/1000,0)</f>
        <v>98</v>
      </c>
      <c r="C10">
        <f ca="1">ROUND(SQRT((VLOOKUP($A10,városok!$A$2:$C$346,2,0)-VLOOKUP(C$1,városok!$A$2:$C$346,2,0))^2+(VLOOKUP($A10,városok!$A$2:$C$346,3,0)-VLOOKUP(C$1,városok!$A$2:$C$346,3,0))^2)/1000,0)</f>
        <v>69</v>
      </c>
      <c r="D10">
        <f ca="1">ROUND(SQRT((VLOOKUP($A10,városok!$A$2:$C$346,2,0)-VLOOKUP(D$1,városok!$A$2:$C$346,2,0))^2+(VLOOKUP($A10,városok!$A$2:$C$346,3,0)-VLOOKUP(D$1,városok!$A$2:$C$346,3,0))^2)/1000,0)</f>
        <v>0</v>
      </c>
      <c r="E10">
        <f ca="1">ROUND(SQRT((VLOOKUP($A10,városok!$A$2:$C$346,2,0)-VLOOKUP(E$1,városok!$A$2:$C$346,2,0))^2+(VLOOKUP($A10,városok!$A$2:$C$346,3,0)-VLOOKUP(E$1,városok!$A$2:$C$346,3,0))^2)/1000,0)</f>
        <v>136</v>
      </c>
      <c r="F10">
        <f ca="1">ROUND(SQRT((VLOOKUP($A10,városok!$A$2:$C$346,2,0)-VLOOKUP(F$1,városok!$A$2:$C$346,2,0))^2+(VLOOKUP($A10,városok!$A$2:$C$346,3,0)-VLOOKUP(F$1,városok!$A$2:$C$346,3,0))^2)/1000,0)</f>
        <v>128</v>
      </c>
      <c r="G10">
        <f ca="1">ROUND(SQRT((VLOOKUP($A10,városok!$A$2:$C$346,2,0)-VLOOKUP(G$1,városok!$A$2:$C$346,2,0))^2+(VLOOKUP($A10,városok!$A$2:$C$346,3,0)-VLOOKUP(G$1,városok!$A$2:$C$346,3,0))^2)/1000,0)</f>
        <v>144</v>
      </c>
      <c r="H10">
        <f ca="1">ROUND(SQRT((VLOOKUP($A10,városok!$A$2:$C$346,2,0)-VLOOKUP(H$1,városok!$A$2:$C$346,2,0))^2+(VLOOKUP($A10,városok!$A$2:$C$346,3,0)-VLOOKUP(H$1,városok!$A$2:$C$346,3,0))^2)/1000,0)</f>
        <v>174</v>
      </c>
      <c r="I10">
        <f ca="1">ROUND(SQRT((VLOOKUP($A10,városok!$A$2:$C$346,2,0)-VLOOKUP(I$1,városok!$A$2:$C$346,2,0))^2+(VLOOKUP($A10,városok!$A$2:$C$346,3,0)-VLOOKUP(I$1,városok!$A$2:$C$346,3,0))^2)/1000,0)</f>
        <v>109</v>
      </c>
      <c r="J10">
        <f ca="1">ROUND(SQRT((VLOOKUP($A10,városok!$A$2:$C$346,2,0)-VLOOKUP(J$1,városok!$A$2:$C$346,2,0))^2+(VLOOKUP($A10,városok!$A$2:$C$346,3,0)-VLOOKUP(J$1,városok!$A$2:$C$346,3,0))^2)/1000,0)</f>
        <v>124</v>
      </c>
      <c r="K10">
        <f ca="1">ROUND(SQRT((VLOOKUP($A10,városok!$A$2:$C$346,2,0)-VLOOKUP(K$1,városok!$A$2:$C$346,2,0))^2+(VLOOKUP($A10,városok!$A$2:$C$346,3,0)-VLOOKUP(K$1,városok!$A$2:$C$346,3,0))^2)/1000,0)</f>
        <v>84</v>
      </c>
      <c r="L10">
        <f ca="1">ROUND(SQRT((VLOOKUP($A10,városok!$A$2:$C$346,2,0)-VLOOKUP(L$1,városok!$A$2:$C$346,2,0))^2+(VLOOKUP($A10,városok!$A$2:$C$346,3,0)-VLOOKUP(L$1,városok!$A$2:$C$346,3,0))^2)/1000,0)</f>
        <v>166</v>
      </c>
      <c r="M10">
        <f ca="1">ROUND(SQRT((VLOOKUP($A10,városok!$A$2:$C$346,2,0)-VLOOKUP(M$1,városok!$A$2:$C$346,2,0))^2+(VLOOKUP($A10,városok!$A$2:$C$346,3,0)-VLOOKUP(M$1,városok!$A$2:$C$346,3,0))^2)/1000,0)</f>
        <v>157</v>
      </c>
      <c r="N10">
        <f ca="1">ROUND(SQRT((VLOOKUP($A10,városok!$A$2:$C$346,2,0)-VLOOKUP(N$1,városok!$A$2:$C$346,2,0))^2+(VLOOKUP($A10,városok!$A$2:$C$346,3,0)-VLOOKUP(N$1,városok!$A$2:$C$346,3,0))^2)/1000,0)</f>
        <v>153</v>
      </c>
      <c r="O10">
        <f ca="1">ROUND(SQRT((VLOOKUP($A10,városok!$A$2:$C$346,2,0)-VLOOKUP(O$1,városok!$A$2:$C$346,2,0))^2+(VLOOKUP($A10,városok!$A$2:$C$346,3,0)-VLOOKUP(O$1,városok!$A$2:$C$346,3,0))^2)/1000,0)</f>
        <v>221</v>
      </c>
      <c r="P10">
        <f ca="1">ROUND(SQRT((VLOOKUP($A10,városok!$A$2:$C$346,2,0)-VLOOKUP(P$1,városok!$A$2:$C$346,2,0))^2+(VLOOKUP($A10,városok!$A$2:$C$346,3,0)-VLOOKUP(P$1,városok!$A$2:$C$346,3,0))^2)/1000,0)</f>
        <v>222</v>
      </c>
      <c r="Q10">
        <f ca="1">ROUND(SQRT((VLOOKUP($A10,városok!$A$2:$C$346,2,0)-VLOOKUP(Q$1,városok!$A$2:$C$346,2,0))^2+(VLOOKUP($A10,városok!$A$2:$C$346,3,0)-VLOOKUP(Q$1,városok!$A$2:$C$346,3,0))^2)/1000,0)</f>
        <v>73</v>
      </c>
      <c r="R10">
        <f ca="1">ROUND(SQRT((VLOOKUP($A10,városok!$A$2:$C$346,2,0)-VLOOKUP(R$1,városok!$A$2:$C$346,2,0))^2+(VLOOKUP($A10,városok!$A$2:$C$346,3,0)-VLOOKUP(R$1,városok!$A$2:$C$346,3,0))^2)/1000,0)</f>
        <v>97</v>
      </c>
      <c r="S10">
        <f ca="1">ROUND(SQRT((VLOOKUP($A10,városok!$A$2:$C$346,2,0)-VLOOKUP(S$1,városok!$A$2:$C$346,2,0))^2+(VLOOKUP($A10,városok!$A$2:$C$346,3,0)-VLOOKUP(S$1,városok!$A$2:$C$346,3,0))^2)/1000,0)</f>
        <v>82</v>
      </c>
      <c r="T10">
        <f ca="1">ROUND(SQRT((VLOOKUP($A10,városok!$A$2:$C$346,2,0)-VLOOKUP(T$1,városok!$A$2:$C$346,2,0))^2+(VLOOKUP($A10,városok!$A$2:$C$346,3,0)-VLOOKUP(T$1,városok!$A$2:$C$346,3,0))^2)/1000,0)</f>
        <v>103</v>
      </c>
      <c r="U10">
        <f ca="1">ROUND(SQRT((VLOOKUP($A10,városok!$A$2:$C$346,2,0)-VLOOKUP(U$1,városok!$A$2:$C$346,2,0))^2+(VLOOKUP($A10,városok!$A$2:$C$346,3,0)-VLOOKUP(U$1,városok!$A$2:$C$346,3,0))^2)/1000,0)</f>
        <v>58</v>
      </c>
      <c r="V10">
        <f ca="1">ROUND(SQRT((VLOOKUP($A10,városok!$A$2:$C$346,2,0)-VLOOKUP(V$1,városok!$A$2:$C$346,2,0))^2+(VLOOKUP($A10,városok!$A$2:$C$346,3,0)-VLOOKUP(V$1,városok!$A$2:$C$346,3,0))^2)/1000,0)</f>
        <v>107</v>
      </c>
      <c r="W10">
        <f ca="1">ROUND(SQRT((VLOOKUP($A10,városok!$A$2:$C$346,2,0)-VLOOKUP(W$1,városok!$A$2:$C$346,2,0))^2+(VLOOKUP($A10,városok!$A$2:$C$346,3,0)-VLOOKUP(W$1,városok!$A$2:$C$346,3,0))^2)/1000,0)</f>
        <v>81</v>
      </c>
      <c r="X10">
        <f ca="1">ROUND(SQRT((VLOOKUP($A10,városok!$A$2:$C$346,2,0)-VLOOKUP(X$1,városok!$A$2:$C$346,2,0))^2+(VLOOKUP($A10,városok!$A$2:$C$346,3,0)-VLOOKUP(X$1,városok!$A$2:$C$346,3,0))^2)/1000,0)</f>
        <v>112</v>
      </c>
      <c r="Y10">
        <f ca="1">ROUND(SQRT((VLOOKUP($A10,városok!$A$2:$C$346,2,0)-VLOOKUP(Y$1,városok!$A$2:$C$346,2,0))^2+(VLOOKUP($A10,városok!$A$2:$C$346,3,0)-VLOOKUP(Y$1,városok!$A$2:$C$346,3,0))^2)/1000,0)</f>
        <v>178</v>
      </c>
      <c r="Z10">
        <f ca="1">ROUND(SQRT((VLOOKUP($A10,városok!$A$2:$C$346,2,0)-VLOOKUP(Z$1,városok!$A$2:$C$346,2,0))^2+(VLOOKUP($A10,városok!$A$2:$C$346,3,0)-VLOOKUP(Z$1,városok!$A$2:$C$346,3,0))^2)/1000,0)</f>
        <v>197</v>
      </c>
      <c r="AA10">
        <f ca="1">ROUND(SQRT((VLOOKUP($A10,városok!$A$2:$C$346,2,0)-VLOOKUP(AA$1,városok!$A$2:$C$346,2,0))^2+(VLOOKUP($A10,városok!$A$2:$C$346,3,0)-VLOOKUP(AA$1,városok!$A$2:$C$346,3,0))^2)/1000,0)</f>
        <v>250</v>
      </c>
      <c r="AB10">
        <f ca="1">ROUND(SQRT((VLOOKUP($A10,városok!$A$2:$C$346,2,0)-VLOOKUP(AB$1,városok!$A$2:$C$346,2,0))^2+(VLOOKUP($A10,városok!$A$2:$C$346,3,0)-VLOOKUP(AB$1,városok!$A$2:$C$346,3,0))^2)/1000,0)</f>
        <v>162</v>
      </c>
      <c r="AC10">
        <f ca="1">ROUND(SQRT((VLOOKUP($A10,városok!$A$2:$C$346,2,0)-VLOOKUP(AC$1,városok!$A$2:$C$346,2,0))^2+(VLOOKUP($A10,városok!$A$2:$C$346,3,0)-VLOOKUP(AC$1,városok!$A$2:$C$346,3,0))^2)/1000,0)</f>
        <v>142</v>
      </c>
      <c r="AD10">
        <f ca="1">ROUND(SQRT((VLOOKUP($A10,városok!$A$2:$C$346,2,0)-VLOOKUP(AD$1,városok!$A$2:$C$346,2,0))^2+(VLOOKUP($A10,városok!$A$2:$C$346,3,0)-VLOOKUP(AD$1,városok!$A$2:$C$346,3,0))^2)/1000,0)</f>
        <v>125</v>
      </c>
      <c r="AE10">
        <f ca="1">ROUND(SQRT((VLOOKUP($A10,városok!$A$2:$C$346,2,0)-VLOOKUP(AE$1,városok!$A$2:$C$346,2,0))^2+(VLOOKUP($A10,városok!$A$2:$C$346,3,0)-VLOOKUP(AE$1,városok!$A$2:$C$346,3,0))^2)/1000,0)</f>
        <v>120</v>
      </c>
      <c r="AF10">
        <f ca="1">ROUND(SQRT((VLOOKUP($A10,városok!$A$2:$C$346,2,0)-VLOOKUP(AF$1,városok!$A$2:$C$346,2,0))^2+(VLOOKUP($A10,városok!$A$2:$C$346,3,0)-VLOOKUP(AF$1,városok!$A$2:$C$346,3,0))^2)/1000,0)</f>
        <v>122</v>
      </c>
      <c r="AG10">
        <f ca="1">ROUND(SQRT((VLOOKUP($A10,városok!$A$2:$C$346,2,0)-VLOOKUP(AG$1,városok!$A$2:$C$346,2,0))^2+(VLOOKUP($A10,városok!$A$2:$C$346,3,0)-VLOOKUP(AG$1,városok!$A$2:$C$346,3,0))^2)/1000,0)</f>
        <v>99</v>
      </c>
      <c r="AH10">
        <f ca="1">ROUND(SQRT((VLOOKUP($A10,városok!$A$2:$C$346,2,0)-VLOOKUP(AH$1,városok!$A$2:$C$346,2,0))^2+(VLOOKUP($A10,városok!$A$2:$C$346,3,0)-VLOOKUP(AH$1,városok!$A$2:$C$346,3,0))^2)/1000,0)</f>
        <v>84</v>
      </c>
      <c r="AI10">
        <f ca="1">ROUND(SQRT((VLOOKUP($A10,városok!$A$2:$C$346,2,0)-VLOOKUP(AI$1,városok!$A$2:$C$346,2,0))^2+(VLOOKUP($A10,városok!$A$2:$C$346,3,0)-VLOOKUP(AI$1,városok!$A$2:$C$346,3,0))^2)/1000,0)</f>
        <v>127</v>
      </c>
      <c r="AJ10">
        <f ca="1">ROUND(SQRT((VLOOKUP($A10,városok!$A$2:$C$346,2,0)-VLOOKUP(AJ$1,városok!$A$2:$C$346,2,0))^2+(VLOOKUP($A10,városok!$A$2:$C$346,3,0)-VLOOKUP(AJ$1,városok!$A$2:$C$346,3,0))^2)/1000,0)</f>
        <v>85</v>
      </c>
      <c r="AK10">
        <f ca="1">ROUND(SQRT((VLOOKUP($A10,városok!$A$2:$C$346,2,0)-VLOOKUP(AK$1,városok!$A$2:$C$346,2,0))^2+(VLOOKUP($A10,városok!$A$2:$C$346,3,0)-VLOOKUP(AK$1,városok!$A$2:$C$346,3,0))^2)/1000,0)</f>
        <v>106</v>
      </c>
      <c r="AL10">
        <f ca="1">ROUND(SQRT((VLOOKUP($A10,városok!$A$2:$C$346,2,0)-VLOOKUP(AL$1,városok!$A$2:$C$346,2,0))^2+(VLOOKUP($A10,városok!$A$2:$C$346,3,0)-VLOOKUP(AL$1,városok!$A$2:$C$346,3,0))^2)/1000,0)</f>
        <v>88</v>
      </c>
      <c r="AM10">
        <f ca="1">ROUND(SQRT((VLOOKUP($A10,városok!$A$2:$C$346,2,0)-VLOOKUP(AM$1,városok!$A$2:$C$346,2,0))^2+(VLOOKUP($A10,városok!$A$2:$C$346,3,0)-VLOOKUP(AM$1,városok!$A$2:$C$346,3,0))^2)/1000,0)</f>
        <v>48</v>
      </c>
      <c r="AN10">
        <f ca="1">ROUND(SQRT((VLOOKUP($A10,városok!$A$2:$C$346,2,0)-VLOOKUP(AN$1,városok!$A$2:$C$346,2,0))^2+(VLOOKUP($A10,városok!$A$2:$C$346,3,0)-VLOOKUP(AN$1,városok!$A$2:$C$346,3,0))^2)/1000,0)</f>
        <v>121</v>
      </c>
      <c r="AO10">
        <f ca="1">ROUND(SQRT((VLOOKUP($A10,városok!$A$2:$C$346,2,0)-VLOOKUP(AO$1,városok!$A$2:$C$346,2,0))^2+(VLOOKUP($A10,városok!$A$2:$C$346,3,0)-VLOOKUP(AO$1,városok!$A$2:$C$346,3,0))^2)/1000,0)</f>
        <v>150</v>
      </c>
      <c r="AP10">
        <f ca="1">ROUND(SQRT((VLOOKUP($A10,városok!$A$2:$C$346,2,0)-VLOOKUP(AP$1,városok!$A$2:$C$346,2,0))^2+(VLOOKUP($A10,városok!$A$2:$C$346,3,0)-VLOOKUP(AP$1,városok!$A$2:$C$346,3,0))^2)/1000,0)</f>
        <v>131</v>
      </c>
      <c r="AQ10">
        <f ca="1">ROUND(SQRT((VLOOKUP($A10,városok!$A$2:$C$346,2,0)-VLOOKUP(AQ$1,városok!$A$2:$C$346,2,0))^2+(VLOOKUP($A10,városok!$A$2:$C$346,3,0)-VLOOKUP(AQ$1,városok!$A$2:$C$346,3,0))^2)/1000,0)</f>
        <v>122</v>
      </c>
      <c r="AR10">
        <f ca="1">ROUND(SQRT((VLOOKUP($A10,városok!$A$2:$C$346,2,0)-VLOOKUP(AR$1,városok!$A$2:$C$346,2,0))^2+(VLOOKUP($A10,városok!$A$2:$C$346,3,0)-VLOOKUP(AR$1,városok!$A$2:$C$346,3,0))^2)/1000,0)</f>
        <v>113</v>
      </c>
      <c r="AS10">
        <f ca="1">ROUND(SQRT((VLOOKUP($A10,városok!$A$2:$C$346,2,0)-VLOOKUP(AS$1,városok!$A$2:$C$346,2,0))^2+(VLOOKUP($A10,városok!$A$2:$C$346,3,0)-VLOOKUP(AS$1,városok!$A$2:$C$346,3,0))^2)/1000,0)</f>
        <v>134</v>
      </c>
      <c r="AT10">
        <f ca="1">ROUND(SQRT((VLOOKUP($A10,városok!$A$2:$C$346,2,0)-VLOOKUP(AT$1,városok!$A$2:$C$346,2,0))^2+(VLOOKUP($A10,városok!$A$2:$C$346,3,0)-VLOOKUP(AT$1,városok!$A$2:$C$346,3,0))^2)/1000,0)</f>
        <v>91</v>
      </c>
      <c r="AU10">
        <f ca="1">ROUND(SQRT((VLOOKUP($A10,városok!$A$2:$C$346,2,0)-VLOOKUP(AU$1,városok!$A$2:$C$346,2,0))^2+(VLOOKUP($A10,városok!$A$2:$C$346,3,0)-VLOOKUP(AU$1,városok!$A$2:$C$346,3,0))^2)/1000,0)</f>
        <v>82</v>
      </c>
      <c r="AV10">
        <f ca="1">ROUND(SQRT((VLOOKUP($A10,városok!$A$2:$C$346,2,0)-VLOOKUP(AV$1,városok!$A$2:$C$346,2,0))^2+(VLOOKUP($A10,városok!$A$2:$C$346,3,0)-VLOOKUP(AV$1,városok!$A$2:$C$346,3,0))^2)/1000,0)</f>
        <v>79</v>
      </c>
      <c r="AW10">
        <f ca="1">ROUND(SQRT((VLOOKUP($A10,városok!$A$2:$C$346,2,0)-VLOOKUP(AW$1,városok!$A$2:$C$346,2,0))^2+(VLOOKUP($A10,városok!$A$2:$C$346,3,0)-VLOOKUP(AW$1,városok!$A$2:$C$346,3,0))^2)/1000,0)</f>
        <v>80</v>
      </c>
      <c r="AX10">
        <f ca="1">ROUND(SQRT((VLOOKUP($A10,városok!$A$2:$C$346,2,0)-VLOOKUP(AX$1,városok!$A$2:$C$346,2,0))^2+(VLOOKUP($A10,városok!$A$2:$C$346,3,0)-VLOOKUP(AX$1,városok!$A$2:$C$346,3,0))^2)/1000,0)</f>
        <v>15</v>
      </c>
      <c r="AY10">
        <f ca="1">ROUND(SQRT((VLOOKUP($A10,városok!$A$2:$C$346,2,0)-VLOOKUP(AY$1,városok!$A$2:$C$346,2,0))^2+(VLOOKUP($A10,városok!$A$2:$C$346,3,0)-VLOOKUP(AY$1,városok!$A$2:$C$346,3,0))^2)/1000,0)</f>
        <v>98</v>
      </c>
      <c r="AZ10">
        <f ca="1">ROUND(SQRT((VLOOKUP($A10,városok!$A$2:$C$346,2,0)-VLOOKUP(AZ$1,városok!$A$2:$C$346,2,0))^2+(VLOOKUP($A10,városok!$A$2:$C$346,3,0)-VLOOKUP(AZ$1,városok!$A$2:$C$346,3,0))^2)/1000,0)</f>
        <v>112</v>
      </c>
      <c r="BA10">
        <f ca="1">ROUND(SQRT((VLOOKUP($A10,városok!$A$2:$C$346,2,0)-VLOOKUP(BA$1,városok!$A$2:$C$346,2,0))^2+(VLOOKUP($A10,városok!$A$2:$C$346,3,0)-VLOOKUP(BA$1,városok!$A$2:$C$346,3,0))^2)/1000,0)</f>
        <v>152</v>
      </c>
      <c r="BB10">
        <f ca="1">ROUND(SQRT((VLOOKUP($A10,városok!$A$2:$C$346,2,0)-VLOOKUP(BB$1,városok!$A$2:$C$346,2,0))^2+(VLOOKUP($A10,városok!$A$2:$C$346,3,0)-VLOOKUP(BB$1,városok!$A$2:$C$346,3,0))^2)/1000,0)</f>
        <v>140</v>
      </c>
      <c r="BC10">
        <f ca="1">ROUND(SQRT((VLOOKUP($A10,városok!$A$2:$C$346,2,0)-VLOOKUP(BC$1,városok!$A$2:$C$346,2,0))^2+(VLOOKUP($A10,városok!$A$2:$C$346,3,0)-VLOOKUP(BC$1,városok!$A$2:$C$346,3,0))^2)/1000,0)</f>
        <v>157</v>
      </c>
      <c r="BD10">
        <f ca="1">ROUND(SQRT((VLOOKUP($A10,városok!$A$2:$C$346,2,0)-VLOOKUP(BD$1,városok!$A$2:$C$346,2,0))^2+(VLOOKUP($A10,városok!$A$2:$C$346,3,0)-VLOOKUP(BD$1,városok!$A$2:$C$346,3,0))^2)/1000,0)</f>
        <v>124</v>
      </c>
      <c r="BE10">
        <f ca="1">ROUND(SQRT((VLOOKUP($A10,városok!$A$2:$C$346,2,0)-VLOOKUP(BE$1,városok!$A$2:$C$346,2,0))^2+(VLOOKUP($A10,városok!$A$2:$C$346,3,0)-VLOOKUP(BE$1,városok!$A$2:$C$346,3,0))^2)/1000,0)</f>
        <v>248</v>
      </c>
      <c r="BF10">
        <f ca="1">ROUND(SQRT((VLOOKUP($A10,városok!$A$2:$C$346,2,0)-VLOOKUP(BF$1,városok!$A$2:$C$346,2,0))^2+(VLOOKUP($A10,városok!$A$2:$C$346,3,0)-VLOOKUP(BF$1,városok!$A$2:$C$346,3,0))^2)/1000,0)</f>
        <v>231</v>
      </c>
      <c r="BG10">
        <f ca="1">ROUND(SQRT((VLOOKUP($A10,városok!$A$2:$C$346,2,0)-VLOOKUP(BG$1,városok!$A$2:$C$346,2,0))^2+(VLOOKUP($A10,városok!$A$2:$C$346,3,0)-VLOOKUP(BG$1,városok!$A$2:$C$346,3,0))^2)/1000,0)</f>
        <v>190</v>
      </c>
      <c r="BH10">
        <f ca="1">ROUND(SQRT((VLOOKUP($A10,városok!$A$2:$C$346,2,0)-VLOOKUP(BH$1,városok!$A$2:$C$346,2,0))^2+(VLOOKUP($A10,városok!$A$2:$C$346,3,0)-VLOOKUP(BH$1,városok!$A$2:$C$346,3,0))^2)/1000,0)</f>
        <v>190</v>
      </c>
      <c r="BI10">
        <f ca="1">ROUND(SQRT((VLOOKUP($A10,városok!$A$2:$C$346,2,0)-VLOOKUP(BI$1,városok!$A$2:$C$346,2,0))^2+(VLOOKUP($A10,városok!$A$2:$C$346,3,0)-VLOOKUP(BI$1,városok!$A$2:$C$346,3,0))^2)/1000,0)</f>
        <v>100</v>
      </c>
      <c r="BJ10">
        <f ca="1">ROUND(SQRT((VLOOKUP($A10,városok!$A$2:$C$346,2,0)-VLOOKUP(BJ$1,városok!$A$2:$C$346,2,0))^2+(VLOOKUP($A10,városok!$A$2:$C$346,3,0)-VLOOKUP(BJ$1,városok!$A$2:$C$346,3,0))^2)/1000,0)</f>
        <v>117</v>
      </c>
      <c r="BK10">
        <f ca="1">ROUND(SQRT((VLOOKUP($A10,városok!$A$2:$C$346,2,0)-VLOOKUP(BK$1,városok!$A$2:$C$346,2,0))^2+(VLOOKUP($A10,városok!$A$2:$C$346,3,0)-VLOOKUP(BK$1,városok!$A$2:$C$346,3,0))^2)/1000,0)</f>
        <v>98</v>
      </c>
      <c r="BL10">
        <f ca="1">ROUND(SQRT((VLOOKUP($A10,városok!$A$2:$C$346,2,0)-VLOOKUP(BL$1,városok!$A$2:$C$346,2,0))^2+(VLOOKUP($A10,városok!$A$2:$C$346,3,0)-VLOOKUP(BL$1,városok!$A$2:$C$346,3,0))^2)/1000,0)</f>
        <v>235</v>
      </c>
      <c r="BM10">
        <f ca="1">ROUND(SQRT((VLOOKUP($A10,városok!$A$2:$C$346,2,0)-VLOOKUP(BM$1,városok!$A$2:$C$346,2,0))^2+(VLOOKUP($A10,városok!$A$2:$C$346,3,0)-VLOOKUP(BM$1,városok!$A$2:$C$346,3,0))^2)/1000,0)</f>
        <v>213</v>
      </c>
      <c r="BN10">
        <f ca="1">ROUND(SQRT((VLOOKUP($A10,városok!$A$2:$C$346,2,0)-VLOOKUP(BN$1,városok!$A$2:$C$346,2,0))^2+(VLOOKUP($A10,városok!$A$2:$C$346,3,0)-VLOOKUP(BN$1,városok!$A$2:$C$346,3,0))^2)/1000,0)</f>
        <v>236</v>
      </c>
      <c r="BO10">
        <f ca="1">ROUND(SQRT((VLOOKUP($A10,városok!$A$2:$C$346,2,0)-VLOOKUP(BO$1,városok!$A$2:$C$346,2,0))^2+(VLOOKUP($A10,városok!$A$2:$C$346,3,0)-VLOOKUP(BO$1,városok!$A$2:$C$346,3,0))^2)/1000,0)</f>
        <v>128</v>
      </c>
      <c r="BP10">
        <f ca="1">ROUND(SQRT((VLOOKUP($A10,városok!$A$2:$C$346,2,0)-VLOOKUP(BP$1,városok!$A$2:$C$346,2,0))^2+(VLOOKUP($A10,városok!$A$2:$C$346,3,0)-VLOOKUP(BP$1,városok!$A$2:$C$346,3,0))^2)/1000,0)</f>
        <v>121</v>
      </c>
      <c r="BQ10">
        <f ca="1">ROUND(SQRT((VLOOKUP($A10,városok!$A$2:$C$346,2,0)-VLOOKUP(BQ$1,városok!$A$2:$C$346,2,0))^2+(VLOOKUP($A10,városok!$A$2:$C$346,3,0)-VLOOKUP(BQ$1,városok!$A$2:$C$346,3,0))^2)/1000,0)</f>
        <v>137</v>
      </c>
      <c r="BR10">
        <f ca="1">ROUND(SQRT((VLOOKUP($A10,városok!$A$2:$C$346,2,0)-VLOOKUP(BR$1,városok!$A$2:$C$346,2,0))^2+(VLOOKUP($A10,városok!$A$2:$C$346,3,0)-VLOOKUP(BR$1,városok!$A$2:$C$346,3,0))^2)/1000,0)</f>
        <v>186</v>
      </c>
      <c r="BS10">
        <f ca="1">ROUND(SQRT((VLOOKUP($A10,városok!$A$2:$C$346,2,0)-VLOOKUP(BS$1,városok!$A$2:$C$346,2,0))^2+(VLOOKUP($A10,városok!$A$2:$C$346,3,0)-VLOOKUP(BS$1,városok!$A$2:$C$346,3,0))^2)/1000,0)</f>
        <v>213</v>
      </c>
      <c r="BT10">
        <f ca="1">ROUND(SQRT((VLOOKUP($A10,városok!$A$2:$C$346,2,0)-VLOOKUP(BT$1,városok!$A$2:$C$346,2,0))^2+(VLOOKUP($A10,városok!$A$2:$C$346,3,0)-VLOOKUP(BT$1,városok!$A$2:$C$346,3,0))^2)/1000,0)</f>
        <v>217</v>
      </c>
    </row>
    <row r="11" spans="1:72" x14ac:dyDescent="0.2">
      <c r="A11" t="str">
        <f>városok!A11</f>
        <v>Kerekegyháza</v>
      </c>
      <c r="B11">
        <f ca="1">ROUND(SQRT((VLOOKUP($A11,városok!$A$2:$C$346,2,0)-VLOOKUP(B$1,városok!$A$2:$C$346,2,0))^2+(VLOOKUP($A11,városok!$A$2:$C$346,3,0)-VLOOKUP(B$1,városok!$A$2:$C$346,3,0))^2)/1000,0)</f>
        <v>93</v>
      </c>
      <c r="C11">
        <f ca="1">ROUND(SQRT((VLOOKUP($A11,városok!$A$2:$C$346,2,0)-VLOOKUP(C$1,városok!$A$2:$C$346,2,0))^2+(VLOOKUP($A11,városok!$A$2:$C$346,3,0)-VLOOKUP(C$1,városok!$A$2:$C$346,3,0))^2)/1000,0)</f>
        <v>59</v>
      </c>
      <c r="D11">
        <f ca="1">ROUND(SQRT((VLOOKUP($A11,városok!$A$2:$C$346,2,0)-VLOOKUP(D$1,városok!$A$2:$C$346,2,0))^2+(VLOOKUP($A11,városok!$A$2:$C$346,3,0)-VLOOKUP(D$1,városok!$A$2:$C$346,3,0))^2)/1000,0)</f>
        <v>17</v>
      </c>
      <c r="E11">
        <f ca="1">ROUND(SQRT((VLOOKUP($A11,városok!$A$2:$C$346,2,0)-VLOOKUP(E$1,városok!$A$2:$C$346,2,0))^2+(VLOOKUP($A11,városok!$A$2:$C$346,3,0)-VLOOKUP(E$1,városok!$A$2:$C$346,3,0))^2)/1000,0)</f>
        <v>125</v>
      </c>
      <c r="F11">
        <f ca="1">ROUND(SQRT((VLOOKUP($A11,városok!$A$2:$C$346,2,0)-VLOOKUP(F$1,városok!$A$2:$C$346,2,0))^2+(VLOOKUP($A11,városok!$A$2:$C$346,3,0)-VLOOKUP(F$1,városok!$A$2:$C$346,3,0))^2)/1000,0)</f>
        <v>121</v>
      </c>
      <c r="G11">
        <f ca="1">ROUND(SQRT((VLOOKUP($A11,városok!$A$2:$C$346,2,0)-VLOOKUP(G$1,városok!$A$2:$C$346,2,0))^2+(VLOOKUP($A11,városok!$A$2:$C$346,3,0)-VLOOKUP(G$1,városok!$A$2:$C$346,3,0))^2)/1000,0)</f>
        <v>134</v>
      </c>
      <c r="H11">
        <f ca="1">ROUND(SQRT((VLOOKUP($A11,városok!$A$2:$C$346,2,0)-VLOOKUP(H$1,városok!$A$2:$C$346,2,0))^2+(VLOOKUP($A11,városok!$A$2:$C$346,3,0)-VLOOKUP(H$1,városok!$A$2:$C$346,3,0))^2)/1000,0)</f>
        <v>162</v>
      </c>
      <c r="I11">
        <f ca="1">ROUND(SQRT((VLOOKUP($A11,városok!$A$2:$C$346,2,0)-VLOOKUP(I$1,városok!$A$2:$C$346,2,0))^2+(VLOOKUP($A11,városok!$A$2:$C$346,3,0)-VLOOKUP(I$1,városok!$A$2:$C$346,3,0))^2)/1000,0)</f>
        <v>126</v>
      </c>
      <c r="J11">
        <f ca="1">ROUND(SQRT((VLOOKUP($A11,városok!$A$2:$C$346,2,0)-VLOOKUP(J$1,városok!$A$2:$C$346,2,0))^2+(VLOOKUP($A11,városok!$A$2:$C$346,3,0)-VLOOKUP(J$1,városok!$A$2:$C$346,3,0))^2)/1000,0)</f>
        <v>141</v>
      </c>
      <c r="K11">
        <f ca="1">ROUND(SQRT((VLOOKUP($A11,városok!$A$2:$C$346,2,0)-VLOOKUP(K$1,városok!$A$2:$C$346,2,0))^2+(VLOOKUP($A11,városok!$A$2:$C$346,3,0)-VLOOKUP(K$1,városok!$A$2:$C$346,3,0))^2)/1000,0)</f>
        <v>100</v>
      </c>
      <c r="L11">
        <f ca="1">ROUND(SQRT((VLOOKUP($A11,városok!$A$2:$C$346,2,0)-VLOOKUP(L$1,városok!$A$2:$C$346,2,0))^2+(VLOOKUP($A11,városok!$A$2:$C$346,3,0)-VLOOKUP(L$1,városok!$A$2:$C$346,3,0))^2)/1000,0)</f>
        <v>170</v>
      </c>
      <c r="M11">
        <f ca="1">ROUND(SQRT((VLOOKUP($A11,városok!$A$2:$C$346,2,0)-VLOOKUP(M$1,városok!$A$2:$C$346,2,0))^2+(VLOOKUP($A11,városok!$A$2:$C$346,3,0)-VLOOKUP(M$1,városok!$A$2:$C$346,3,0))^2)/1000,0)</f>
        <v>163</v>
      </c>
      <c r="N11">
        <f ca="1">ROUND(SQRT((VLOOKUP($A11,városok!$A$2:$C$346,2,0)-VLOOKUP(N$1,városok!$A$2:$C$346,2,0))^2+(VLOOKUP($A11,városok!$A$2:$C$346,3,0)-VLOOKUP(N$1,városok!$A$2:$C$346,3,0))^2)/1000,0)</f>
        <v>156</v>
      </c>
      <c r="O11">
        <f ca="1">ROUND(SQRT((VLOOKUP($A11,városok!$A$2:$C$346,2,0)-VLOOKUP(O$1,városok!$A$2:$C$346,2,0))^2+(VLOOKUP($A11,városok!$A$2:$C$346,3,0)-VLOOKUP(O$1,városok!$A$2:$C$346,3,0))^2)/1000,0)</f>
        <v>230</v>
      </c>
      <c r="P11">
        <f ca="1">ROUND(SQRT((VLOOKUP($A11,városok!$A$2:$C$346,2,0)-VLOOKUP(P$1,városok!$A$2:$C$346,2,0))^2+(VLOOKUP($A11,városok!$A$2:$C$346,3,0)-VLOOKUP(P$1,városok!$A$2:$C$346,3,0))^2)/1000,0)</f>
        <v>230</v>
      </c>
      <c r="Q11">
        <f ca="1">ROUND(SQRT((VLOOKUP($A11,városok!$A$2:$C$346,2,0)-VLOOKUP(Q$1,városok!$A$2:$C$346,2,0))^2+(VLOOKUP($A11,városok!$A$2:$C$346,3,0)-VLOOKUP(Q$1,városok!$A$2:$C$346,3,0))^2)/1000,0)</f>
        <v>87</v>
      </c>
      <c r="R11">
        <f ca="1">ROUND(SQRT((VLOOKUP($A11,városok!$A$2:$C$346,2,0)-VLOOKUP(R$1,városok!$A$2:$C$346,2,0))^2+(VLOOKUP($A11,városok!$A$2:$C$346,3,0)-VLOOKUP(R$1,városok!$A$2:$C$346,3,0))^2)/1000,0)</f>
        <v>111</v>
      </c>
      <c r="S11">
        <f ca="1">ROUND(SQRT((VLOOKUP($A11,városok!$A$2:$C$346,2,0)-VLOOKUP(S$1,városok!$A$2:$C$346,2,0))^2+(VLOOKUP($A11,városok!$A$2:$C$346,3,0)-VLOOKUP(S$1,városok!$A$2:$C$346,3,0))^2)/1000,0)</f>
        <v>93</v>
      </c>
      <c r="T11">
        <f ca="1">ROUND(SQRT((VLOOKUP($A11,városok!$A$2:$C$346,2,0)-VLOOKUP(T$1,városok!$A$2:$C$346,2,0))^2+(VLOOKUP($A11,városok!$A$2:$C$346,3,0)-VLOOKUP(T$1,városok!$A$2:$C$346,3,0))^2)/1000,0)</f>
        <v>89</v>
      </c>
      <c r="U11">
        <f ca="1">ROUND(SQRT((VLOOKUP($A11,városok!$A$2:$C$346,2,0)-VLOOKUP(U$1,városok!$A$2:$C$346,2,0))^2+(VLOOKUP($A11,városok!$A$2:$C$346,3,0)-VLOOKUP(U$1,városok!$A$2:$C$346,3,0))^2)/1000,0)</f>
        <v>41</v>
      </c>
      <c r="V11">
        <f ca="1">ROUND(SQRT((VLOOKUP($A11,városok!$A$2:$C$346,2,0)-VLOOKUP(V$1,városok!$A$2:$C$346,2,0))^2+(VLOOKUP($A11,városok!$A$2:$C$346,3,0)-VLOOKUP(V$1,városok!$A$2:$C$346,3,0))^2)/1000,0)</f>
        <v>90</v>
      </c>
      <c r="W11">
        <f ca="1">ROUND(SQRT((VLOOKUP($A11,városok!$A$2:$C$346,2,0)-VLOOKUP(W$1,városok!$A$2:$C$346,2,0))^2+(VLOOKUP($A11,városok!$A$2:$C$346,3,0)-VLOOKUP(W$1,városok!$A$2:$C$346,3,0))^2)/1000,0)</f>
        <v>65</v>
      </c>
      <c r="X11">
        <f ca="1">ROUND(SQRT((VLOOKUP($A11,városok!$A$2:$C$346,2,0)-VLOOKUP(X$1,városok!$A$2:$C$346,2,0))^2+(VLOOKUP($A11,városok!$A$2:$C$346,3,0)-VLOOKUP(X$1,városok!$A$2:$C$346,3,0))^2)/1000,0)</f>
        <v>96</v>
      </c>
      <c r="Y11">
        <f ca="1">ROUND(SQRT((VLOOKUP($A11,városok!$A$2:$C$346,2,0)-VLOOKUP(Y$1,városok!$A$2:$C$346,2,0))^2+(VLOOKUP($A11,városok!$A$2:$C$346,3,0)-VLOOKUP(Y$1,városok!$A$2:$C$346,3,0))^2)/1000,0)</f>
        <v>162</v>
      </c>
      <c r="Z11">
        <f ca="1">ROUND(SQRT((VLOOKUP($A11,városok!$A$2:$C$346,2,0)-VLOOKUP(Z$1,városok!$A$2:$C$346,2,0))^2+(VLOOKUP($A11,városok!$A$2:$C$346,3,0)-VLOOKUP(Z$1,városok!$A$2:$C$346,3,0))^2)/1000,0)</f>
        <v>181</v>
      </c>
      <c r="AA11">
        <f ca="1">ROUND(SQRT((VLOOKUP($A11,városok!$A$2:$C$346,2,0)-VLOOKUP(AA$1,városok!$A$2:$C$346,2,0))^2+(VLOOKUP($A11,városok!$A$2:$C$346,3,0)-VLOOKUP(AA$1,városok!$A$2:$C$346,3,0))^2)/1000,0)</f>
        <v>234</v>
      </c>
      <c r="AB11">
        <f ca="1">ROUND(SQRT((VLOOKUP($A11,városok!$A$2:$C$346,2,0)-VLOOKUP(AB$1,városok!$A$2:$C$346,2,0))^2+(VLOOKUP($A11,városok!$A$2:$C$346,3,0)-VLOOKUP(AB$1,városok!$A$2:$C$346,3,0))^2)/1000,0)</f>
        <v>176</v>
      </c>
      <c r="AC11">
        <f ca="1">ROUND(SQRT((VLOOKUP($A11,városok!$A$2:$C$346,2,0)-VLOOKUP(AC$1,városok!$A$2:$C$346,2,0))^2+(VLOOKUP($A11,városok!$A$2:$C$346,3,0)-VLOOKUP(AC$1,városok!$A$2:$C$346,3,0))^2)/1000,0)</f>
        <v>156</v>
      </c>
      <c r="AD11">
        <f ca="1">ROUND(SQRT((VLOOKUP($A11,városok!$A$2:$C$346,2,0)-VLOOKUP(AD$1,városok!$A$2:$C$346,2,0))^2+(VLOOKUP($A11,városok!$A$2:$C$346,3,0)-VLOOKUP(AD$1,városok!$A$2:$C$346,3,0))^2)/1000,0)</f>
        <v>139</v>
      </c>
      <c r="AE11">
        <f ca="1">ROUND(SQRT((VLOOKUP($A11,városok!$A$2:$C$346,2,0)-VLOOKUP(AE$1,városok!$A$2:$C$346,2,0))^2+(VLOOKUP($A11,városok!$A$2:$C$346,3,0)-VLOOKUP(AE$1,városok!$A$2:$C$346,3,0))^2)/1000,0)</f>
        <v>134</v>
      </c>
      <c r="AF11">
        <f ca="1">ROUND(SQRT((VLOOKUP($A11,városok!$A$2:$C$346,2,0)-VLOOKUP(AF$1,városok!$A$2:$C$346,2,0))^2+(VLOOKUP($A11,városok!$A$2:$C$346,3,0)-VLOOKUP(AF$1,városok!$A$2:$C$346,3,0))^2)/1000,0)</f>
        <v>127</v>
      </c>
      <c r="AG11">
        <f ca="1">ROUND(SQRT((VLOOKUP($A11,városok!$A$2:$C$346,2,0)-VLOOKUP(AG$1,városok!$A$2:$C$346,2,0))^2+(VLOOKUP($A11,városok!$A$2:$C$346,3,0)-VLOOKUP(AG$1,városok!$A$2:$C$346,3,0))^2)/1000,0)</f>
        <v>100</v>
      </c>
      <c r="AH11">
        <f ca="1">ROUND(SQRT((VLOOKUP($A11,városok!$A$2:$C$346,2,0)-VLOOKUP(AH$1,városok!$A$2:$C$346,2,0))^2+(VLOOKUP($A11,városok!$A$2:$C$346,3,0)-VLOOKUP(AH$1,városok!$A$2:$C$346,3,0))^2)/1000,0)</f>
        <v>83</v>
      </c>
      <c r="AI11">
        <f ca="1">ROUND(SQRT((VLOOKUP($A11,városok!$A$2:$C$346,2,0)-VLOOKUP(AI$1,városok!$A$2:$C$346,2,0))^2+(VLOOKUP($A11,városok!$A$2:$C$346,3,0)-VLOOKUP(AI$1,városok!$A$2:$C$346,3,0))^2)/1000,0)</f>
        <v>129</v>
      </c>
      <c r="AJ11">
        <f ca="1">ROUND(SQRT((VLOOKUP($A11,városok!$A$2:$C$346,2,0)-VLOOKUP(AJ$1,városok!$A$2:$C$346,2,0))^2+(VLOOKUP($A11,városok!$A$2:$C$346,3,0)-VLOOKUP(AJ$1,városok!$A$2:$C$346,3,0))^2)/1000,0)</f>
        <v>87</v>
      </c>
      <c r="AK11">
        <f ca="1">ROUND(SQRT((VLOOKUP($A11,városok!$A$2:$C$346,2,0)-VLOOKUP(AK$1,városok!$A$2:$C$346,2,0))^2+(VLOOKUP($A11,városok!$A$2:$C$346,3,0)-VLOOKUP(AK$1,városok!$A$2:$C$346,3,0))^2)/1000,0)</f>
        <v>120</v>
      </c>
      <c r="AL11">
        <f ca="1">ROUND(SQRT((VLOOKUP($A11,városok!$A$2:$C$346,2,0)-VLOOKUP(AL$1,városok!$A$2:$C$346,2,0))^2+(VLOOKUP($A11,városok!$A$2:$C$346,3,0)-VLOOKUP(AL$1,városok!$A$2:$C$346,3,0))^2)/1000,0)</f>
        <v>100</v>
      </c>
      <c r="AM11">
        <f ca="1">ROUND(SQRT((VLOOKUP($A11,városok!$A$2:$C$346,2,0)-VLOOKUP(AM$1,városok!$A$2:$C$346,2,0))^2+(VLOOKUP($A11,városok!$A$2:$C$346,3,0)-VLOOKUP(AM$1,városok!$A$2:$C$346,3,0))^2)/1000,0)</f>
        <v>60</v>
      </c>
      <c r="AN11">
        <f ca="1">ROUND(SQRT((VLOOKUP($A11,városok!$A$2:$C$346,2,0)-VLOOKUP(AN$1,városok!$A$2:$C$346,2,0))^2+(VLOOKUP($A11,városok!$A$2:$C$346,3,0)-VLOOKUP(AN$1,városok!$A$2:$C$346,3,0))^2)/1000,0)</f>
        <v>110</v>
      </c>
      <c r="AO11">
        <f ca="1">ROUND(SQRT((VLOOKUP($A11,városok!$A$2:$C$346,2,0)-VLOOKUP(AO$1,városok!$A$2:$C$346,2,0))^2+(VLOOKUP($A11,városok!$A$2:$C$346,3,0)-VLOOKUP(AO$1,városok!$A$2:$C$346,3,0))^2)/1000,0)</f>
        <v>136</v>
      </c>
      <c r="AP11">
        <f ca="1">ROUND(SQRT((VLOOKUP($A11,városok!$A$2:$C$346,2,0)-VLOOKUP(AP$1,városok!$A$2:$C$346,2,0))^2+(VLOOKUP($A11,városok!$A$2:$C$346,3,0)-VLOOKUP(AP$1,városok!$A$2:$C$346,3,0))^2)/1000,0)</f>
        <v>117</v>
      </c>
      <c r="AQ11">
        <f ca="1">ROUND(SQRT((VLOOKUP($A11,városok!$A$2:$C$346,2,0)-VLOOKUP(AQ$1,városok!$A$2:$C$346,2,0))^2+(VLOOKUP($A11,városok!$A$2:$C$346,3,0)-VLOOKUP(AQ$1,városok!$A$2:$C$346,3,0))^2)/1000,0)</f>
        <v>107</v>
      </c>
      <c r="AR11">
        <f ca="1">ROUND(SQRT((VLOOKUP($A11,városok!$A$2:$C$346,2,0)-VLOOKUP(AR$1,városok!$A$2:$C$346,2,0))^2+(VLOOKUP($A11,városok!$A$2:$C$346,3,0)-VLOOKUP(AR$1,városok!$A$2:$C$346,3,0))^2)/1000,0)</f>
        <v>111</v>
      </c>
      <c r="AS11">
        <f ca="1">ROUND(SQRT((VLOOKUP($A11,városok!$A$2:$C$346,2,0)-VLOOKUP(AS$1,városok!$A$2:$C$346,2,0))^2+(VLOOKUP($A11,városok!$A$2:$C$346,3,0)-VLOOKUP(AS$1,városok!$A$2:$C$346,3,0))^2)/1000,0)</f>
        <v>133</v>
      </c>
      <c r="AT11">
        <f ca="1">ROUND(SQRT((VLOOKUP($A11,városok!$A$2:$C$346,2,0)-VLOOKUP(AT$1,városok!$A$2:$C$346,2,0))^2+(VLOOKUP($A11,városok!$A$2:$C$346,3,0)-VLOOKUP(AT$1,városok!$A$2:$C$346,3,0))^2)/1000,0)</f>
        <v>78</v>
      </c>
      <c r="AU11">
        <f ca="1">ROUND(SQRT((VLOOKUP($A11,városok!$A$2:$C$346,2,0)-VLOOKUP(AU$1,városok!$A$2:$C$346,2,0))^2+(VLOOKUP($A11,városok!$A$2:$C$346,3,0)-VLOOKUP(AU$1,városok!$A$2:$C$346,3,0))^2)/1000,0)</f>
        <v>70</v>
      </c>
      <c r="AV11">
        <f ca="1">ROUND(SQRT((VLOOKUP($A11,városok!$A$2:$C$346,2,0)-VLOOKUP(AV$1,városok!$A$2:$C$346,2,0))^2+(VLOOKUP($A11,városok!$A$2:$C$346,3,0)-VLOOKUP(AV$1,városok!$A$2:$C$346,3,0))^2)/1000,0)</f>
        <v>66</v>
      </c>
      <c r="AW11">
        <f ca="1">ROUND(SQRT((VLOOKUP($A11,városok!$A$2:$C$346,2,0)-VLOOKUP(AW$1,városok!$A$2:$C$346,2,0))^2+(VLOOKUP($A11,városok!$A$2:$C$346,3,0)-VLOOKUP(AW$1,városok!$A$2:$C$346,3,0))^2)/1000,0)</f>
        <v>67</v>
      </c>
      <c r="AX11">
        <f ca="1">ROUND(SQRT((VLOOKUP($A11,városok!$A$2:$C$346,2,0)-VLOOKUP(AX$1,városok!$A$2:$C$346,2,0))^2+(VLOOKUP($A11,városok!$A$2:$C$346,3,0)-VLOOKUP(AX$1,városok!$A$2:$C$346,3,0))^2)/1000,0)</f>
        <v>25</v>
      </c>
      <c r="AY11">
        <f ca="1">ROUND(SQRT((VLOOKUP($A11,városok!$A$2:$C$346,2,0)-VLOOKUP(AY$1,városok!$A$2:$C$346,2,0))^2+(VLOOKUP($A11,városok!$A$2:$C$346,3,0)-VLOOKUP(AY$1,városok!$A$2:$C$346,3,0))^2)/1000,0)</f>
        <v>89</v>
      </c>
      <c r="AZ11">
        <f ca="1">ROUND(SQRT((VLOOKUP($A11,városok!$A$2:$C$346,2,0)-VLOOKUP(AZ$1,városok!$A$2:$C$346,2,0))^2+(VLOOKUP($A11,városok!$A$2:$C$346,3,0)-VLOOKUP(AZ$1,városok!$A$2:$C$346,3,0))^2)/1000,0)</f>
        <v>102</v>
      </c>
      <c r="BA11">
        <f ca="1">ROUND(SQRT((VLOOKUP($A11,városok!$A$2:$C$346,2,0)-VLOOKUP(BA$1,városok!$A$2:$C$346,2,0))^2+(VLOOKUP($A11,városok!$A$2:$C$346,3,0)-VLOOKUP(BA$1,városok!$A$2:$C$346,3,0))^2)/1000,0)</f>
        <v>136</v>
      </c>
      <c r="BB11">
        <f ca="1">ROUND(SQRT((VLOOKUP($A11,városok!$A$2:$C$346,2,0)-VLOOKUP(BB$1,városok!$A$2:$C$346,2,0))^2+(VLOOKUP($A11,városok!$A$2:$C$346,3,0)-VLOOKUP(BB$1,városok!$A$2:$C$346,3,0))^2)/1000,0)</f>
        <v>125</v>
      </c>
      <c r="BC11">
        <f ca="1">ROUND(SQRT((VLOOKUP($A11,városok!$A$2:$C$346,2,0)-VLOOKUP(BC$1,városok!$A$2:$C$346,2,0))^2+(VLOOKUP($A11,városok!$A$2:$C$346,3,0)-VLOOKUP(BC$1,városok!$A$2:$C$346,3,0))^2)/1000,0)</f>
        <v>144</v>
      </c>
      <c r="BD11">
        <f ca="1">ROUND(SQRT((VLOOKUP($A11,városok!$A$2:$C$346,2,0)-VLOOKUP(BD$1,városok!$A$2:$C$346,2,0))^2+(VLOOKUP($A11,városok!$A$2:$C$346,3,0)-VLOOKUP(BD$1,városok!$A$2:$C$346,3,0))^2)/1000,0)</f>
        <v>108</v>
      </c>
      <c r="BE11">
        <f ca="1">ROUND(SQRT((VLOOKUP($A11,városok!$A$2:$C$346,2,0)-VLOOKUP(BE$1,városok!$A$2:$C$346,2,0))^2+(VLOOKUP($A11,városok!$A$2:$C$346,3,0)-VLOOKUP(BE$1,városok!$A$2:$C$346,3,0))^2)/1000,0)</f>
        <v>261</v>
      </c>
      <c r="BF11">
        <f ca="1">ROUND(SQRT((VLOOKUP($A11,városok!$A$2:$C$346,2,0)-VLOOKUP(BF$1,városok!$A$2:$C$346,2,0))^2+(VLOOKUP($A11,városok!$A$2:$C$346,3,0)-VLOOKUP(BF$1,városok!$A$2:$C$346,3,0))^2)/1000,0)</f>
        <v>242</v>
      </c>
      <c r="BG11">
        <f ca="1">ROUND(SQRT((VLOOKUP($A11,városok!$A$2:$C$346,2,0)-VLOOKUP(BG$1,városok!$A$2:$C$346,2,0))^2+(VLOOKUP($A11,városok!$A$2:$C$346,3,0)-VLOOKUP(BG$1,városok!$A$2:$C$346,3,0))^2)/1000,0)</f>
        <v>200</v>
      </c>
      <c r="BH11">
        <f ca="1">ROUND(SQRT((VLOOKUP($A11,városok!$A$2:$C$346,2,0)-VLOOKUP(BH$1,városok!$A$2:$C$346,2,0))^2+(VLOOKUP($A11,városok!$A$2:$C$346,3,0)-VLOOKUP(BH$1,városok!$A$2:$C$346,3,0))^2)/1000,0)</f>
        <v>199</v>
      </c>
      <c r="BI11">
        <f ca="1">ROUND(SQRT((VLOOKUP($A11,városok!$A$2:$C$346,2,0)-VLOOKUP(BI$1,városok!$A$2:$C$346,2,0))^2+(VLOOKUP($A11,városok!$A$2:$C$346,3,0)-VLOOKUP(BI$1,városok!$A$2:$C$346,3,0))^2)/1000,0)</f>
        <v>89</v>
      </c>
      <c r="BJ11">
        <f ca="1">ROUND(SQRT((VLOOKUP($A11,városok!$A$2:$C$346,2,0)-VLOOKUP(BJ$1,városok!$A$2:$C$346,2,0))^2+(VLOOKUP($A11,városok!$A$2:$C$346,3,0)-VLOOKUP(BJ$1,városok!$A$2:$C$346,3,0))^2)/1000,0)</f>
        <v>107</v>
      </c>
      <c r="BK11">
        <f ca="1">ROUND(SQRT((VLOOKUP($A11,városok!$A$2:$C$346,2,0)-VLOOKUP(BK$1,városok!$A$2:$C$346,2,0))^2+(VLOOKUP($A11,városok!$A$2:$C$346,3,0)-VLOOKUP(BK$1,városok!$A$2:$C$346,3,0))^2)/1000,0)</f>
        <v>88</v>
      </c>
      <c r="BL11">
        <f ca="1">ROUND(SQRT((VLOOKUP($A11,városok!$A$2:$C$346,2,0)-VLOOKUP(BL$1,városok!$A$2:$C$346,2,0))^2+(VLOOKUP($A11,városok!$A$2:$C$346,3,0)-VLOOKUP(BL$1,városok!$A$2:$C$346,3,0))^2)/1000,0)</f>
        <v>219</v>
      </c>
      <c r="BM11">
        <f ca="1">ROUND(SQRT((VLOOKUP($A11,városok!$A$2:$C$346,2,0)-VLOOKUP(BM$1,városok!$A$2:$C$346,2,0))^2+(VLOOKUP($A11,városok!$A$2:$C$346,3,0)-VLOOKUP(BM$1,városok!$A$2:$C$346,3,0))^2)/1000,0)</f>
        <v>196</v>
      </c>
      <c r="BN11">
        <f ca="1">ROUND(SQRT((VLOOKUP($A11,városok!$A$2:$C$346,2,0)-VLOOKUP(BN$1,városok!$A$2:$C$346,2,0))^2+(VLOOKUP($A11,városok!$A$2:$C$346,3,0)-VLOOKUP(BN$1,városok!$A$2:$C$346,3,0))^2)/1000,0)</f>
        <v>219</v>
      </c>
      <c r="BO11">
        <f ca="1">ROUND(SQRT((VLOOKUP($A11,városok!$A$2:$C$346,2,0)-VLOOKUP(BO$1,városok!$A$2:$C$346,2,0))^2+(VLOOKUP($A11,városok!$A$2:$C$346,3,0)-VLOOKUP(BO$1,városok!$A$2:$C$346,3,0))^2)/1000,0)</f>
        <v>112</v>
      </c>
      <c r="BP11">
        <f ca="1">ROUND(SQRT((VLOOKUP($A11,városok!$A$2:$C$346,2,0)-VLOOKUP(BP$1,városok!$A$2:$C$346,2,0))^2+(VLOOKUP($A11,városok!$A$2:$C$346,3,0)-VLOOKUP(BP$1,városok!$A$2:$C$346,3,0))^2)/1000,0)</f>
        <v>105</v>
      </c>
      <c r="BQ11">
        <f ca="1">ROUND(SQRT((VLOOKUP($A11,városok!$A$2:$C$346,2,0)-VLOOKUP(BQ$1,városok!$A$2:$C$346,2,0))^2+(VLOOKUP($A11,városok!$A$2:$C$346,3,0)-VLOOKUP(BQ$1,városok!$A$2:$C$346,3,0))^2)/1000,0)</f>
        <v>120</v>
      </c>
      <c r="BR11">
        <f ca="1">ROUND(SQRT((VLOOKUP($A11,városok!$A$2:$C$346,2,0)-VLOOKUP(BR$1,városok!$A$2:$C$346,2,0))^2+(VLOOKUP($A11,városok!$A$2:$C$346,3,0)-VLOOKUP(BR$1,városok!$A$2:$C$346,3,0))^2)/1000,0)</f>
        <v>170</v>
      </c>
      <c r="BS11">
        <f ca="1">ROUND(SQRT((VLOOKUP($A11,városok!$A$2:$C$346,2,0)-VLOOKUP(BS$1,városok!$A$2:$C$346,2,0))^2+(VLOOKUP($A11,városok!$A$2:$C$346,3,0)-VLOOKUP(BS$1,városok!$A$2:$C$346,3,0))^2)/1000,0)</f>
        <v>197</v>
      </c>
      <c r="BT11">
        <f ca="1">ROUND(SQRT((VLOOKUP($A11,városok!$A$2:$C$346,2,0)-VLOOKUP(BT$1,városok!$A$2:$C$346,2,0))^2+(VLOOKUP($A11,városok!$A$2:$C$346,3,0)-VLOOKUP(BT$1,városok!$A$2:$C$346,3,0))^2)/1000,0)</f>
        <v>201</v>
      </c>
    </row>
    <row r="12" spans="1:72" x14ac:dyDescent="0.2">
      <c r="A12" t="str">
        <f>városok!A12</f>
        <v>Kiskőrös</v>
      </c>
      <c r="B12">
        <f ca="1">ROUND(SQRT((VLOOKUP($A12,városok!$A$2:$C$346,2,0)-VLOOKUP(B$1,városok!$A$2:$C$346,2,0))^2+(VLOOKUP($A12,városok!$A$2:$C$346,3,0)-VLOOKUP(B$1,városok!$A$2:$C$346,3,0))^2)/1000,0)</f>
        <v>39</v>
      </c>
      <c r="C12">
        <f ca="1">ROUND(SQRT((VLOOKUP($A12,városok!$A$2:$C$346,2,0)-VLOOKUP(C$1,városok!$A$2:$C$346,2,0))^2+(VLOOKUP($A12,városok!$A$2:$C$346,3,0)-VLOOKUP(C$1,városok!$A$2:$C$346,3,0))^2)/1000,0)</f>
        <v>15</v>
      </c>
      <c r="D12">
        <f ca="1">ROUND(SQRT((VLOOKUP($A12,városok!$A$2:$C$346,2,0)-VLOOKUP(D$1,városok!$A$2:$C$346,2,0))^2+(VLOOKUP($A12,városok!$A$2:$C$346,3,0)-VLOOKUP(D$1,városok!$A$2:$C$346,3,0))^2)/1000,0)</f>
        <v>60</v>
      </c>
      <c r="E12">
        <f ca="1">ROUND(SQRT((VLOOKUP($A12,városok!$A$2:$C$346,2,0)-VLOOKUP(E$1,városok!$A$2:$C$346,2,0))^2+(VLOOKUP($A12,városok!$A$2:$C$346,3,0)-VLOOKUP(E$1,városok!$A$2:$C$346,3,0))^2)/1000,0)</f>
        <v>79</v>
      </c>
      <c r="F12">
        <f ca="1">ROUND(SQRT((VLOOKUP($A12,városok!$A$2:$C$346,2,0)-VLOOKUP(F$1,városok!$A$2:$C$346,2,0))^2+(VLOOKUP($A12,városok!$A$2:$C$346,3,0)-VLOOKUP(F$1,városok!$A$2:$C$346,3,0))^2)/1000,0)</f>
        <v>69</v>
      </c>
      <c r="G12">
        <f ca="1">ROUND(SQRT((VLOOKUP($A12,városok!$A$2:$C$346,2,0)-VLOOKUP(G$1,városok!$A$2:$C$346,2,0))^2+(VLOOKUP($A12,városok!$A$2:$C$346,3,0)-VLOOKUP(G$1,városok!$A$2:$C$346,3,0))^2)/1000,0)</f>
        <v>86</v>
      </c>
      <c r="H12">
        <f ca="1">ROUND(SQRT((VLOOKUP($A12,városok!$A$2:$C$346,2,0)-VLOOKUP(H$1,városok!$A$2:$C$346,2,0))^2+(VLOOKUP($A12,városok!$A$2:$C$346,3,0)-VLOOKUP(H$1,városok!$A$2:$C$346,3,0))^2)/1000,0)</f>
        <v>118</v>
      </c>
      <c r="I12">
        <f ca="1">ROUND(SQRT((VLOOKUP($A12,városok!$A$2:$C$346,2,0)-VLOOKUP(I$1,városok!$A$2:$C$346,2,0))^2+(VLOOKUP($A12,városok!$A$2:$C$346,3,0)-VLOOKUP(I$1,városok!$A$2:$C$346,3,0))^2)/1000,0)</f>
        <v>147</v>
      </c>
      <c r="J12">
        <f ca="1">ROUND(SQRT((VLOOKUP($A12,városok!$A$2:$C$346,2,0)-VLOOKUP(J$1,városok!$A$2:$C$346,2,0))^2+(VLOOKUP($A12,városok!$A$2:$C$346,3,0)-VLOOKUP(J$1,városok!$A$2:$C$346,3,0))^2)/1000,0)</f>
        <v>162</v>
      </c>
      <c r="K12">
        <f ca="1">ROUND(SQRT((VLOOKUP($A12,városok!$A$2:$C$346,2,0)-VLOOKUP(K$1,városok!$A$2:$C$346,2,0))^2+(VLOOKUP($A12,városok!$A$2:$C$346,3,0)-VLOOKUP(K$1,városok!$A$2:$C$346,3,0))^2)/1000,0)</f>
        <v>115</v>
      </c>
      <c r="L12">
        <f ca="1">ROUND(SQRT((VLOOKUP($A12,városok!$A$2:$C$346,2,0)-VLOOKUP(L$1,városok!$A$2:$C$346,2,0))^2+(VLOOKUP($A12,városok!$A$2:$C$346,3,0)-VLOOKUP(L$1,városok!$A$2:$C$346,3,0))^2)/1000,0)</f>
        <v>224</v>
      </c>
      <c r="M12">
        <f ca="1">ROUND(SQRT((VLOOKUP($A12,városok!$A$2:$C$346,2,0)-VLOOKUP(M$1,városok!$A$2:$C$346,2,0))^2+(VLOOKUP($A12,városok!$A$2:$C$346,3,0)-VLOOKUP(M$1,városok!$A$2:$C$346,3,0))^2)/1000,0)</f>
        <v>216</v>
      </c>
      <c r="N12">
        <f ca="1">ROUND(SQRT((VLOOKUP($A12,városok!$A$2:$C$346,2,0)-VLOOKUP(N$1,városok!$A$2:$C$346,2,0))^2+(VLOOKUP($A12,városok!$A$2:$C$346,3,0)-VLOOKUP(N$1,városok!$A$2:$C$346,3,0))^2)/1000,0)</f>
        <v>209</v>
      </c>
      <c r="O12">
        <f ca="1">ROUND(SQRT((VLOOKUP($A12,városok!$A$2:$C$346,2,0)-VLOOKUP(O$1,városok!$A$2:$C$346,2,0))^2+(VLOOKUP($A12,városok!$A$2:$C$346,3,0)-VLOOKUP(O$1,városok!$A$2:$C$346,3,0))^2)/1000,0)</f>
        <v>281</v>
      </c>
      <c r="P12">
        <f ca="1">ROUND(SQRT((VLOOKUP($A12,városok!$A$2:$C$346,2,0)-VLOOKUP(P$1,városok!$A$2:$C$346,2,0))^2+(VLOOKUP($A12,városok!$A$2:$C$346,3,0)-VLOOKUP(P$1,városok!$A$2:$C$346,3,0))^2)/1000,0)</f>
        <v>281</v>
      </c>
      <c r="Q12">
        <f ca="1">ROUND(SQRT((VLOOKUP($A12,városok!$A$2:$C$346,2,0)-VLOOKUP(Q$1,városok!$A$2:$C$346,2,0))^2+(VLOOKUP($A12,városok!$A$2:$C$346,3,0)-VLOOKUP(Q$1,városok!$A$2:$C$346,3,0))^2)/1000,0)</f>
        <v>89</v>
      </c>
      <c r="R12">
        <f ca="1">ROUND(SQRT((VLOOKUP($A12,városok!$A$2:$C$346,2,0)-VLOOKUP(R$1,városok!$A$2:$C$346,2,0))^2+(VLOOKUP($A12,városok!$A$2:$C$346,3,0)-VLOOKUP(R$1,városok!$A$2:$C$346,3,0))^2)/1000,0)</f>
        <v>105</v>
      </c>
      <c r="S12">
        <f ca="1">ROUND(SQRT((VLOOKUP($A12,városok!$A$2:$C$346,2,0)-VLOOKUP(S$1,városok!$A$2:$C$346,2,0))^2+(VLOOKUP($A12,városok!$A$2:$C$346,3,0)-VLOOKUP(S$1,városok!$A$2:$C$346,3,0))^2)/1000,0)</f>
        <v>81</v>
      </c>
      <c r="T12">
        <f ca="1">ROUND(SQRT((VLOOKUP($A12,városok!$A$2:$C$346,2,0)-VLOOKUP(T$1,városok!$A$2:$C$346,2,0))^2+(VLOOKUP($A12,városok!$A$2:$C$346,3,0)-VLOOKUP(T$1,városok!$A$2:$C$346,3,0))^2)/1000,0)</f>
        <v>117</v>
      </c>
      <c r="U12">
        <f ca="1">ROUND(SQRT((VLOOKUP($A12,városok!$A$2:$C$346,2,0)-VLOOKUP(U$1,városok!$A$2:$C$346,2,0))^2+(VLOOKUP($A12,városok!$A$2:$C$346,3,0)-VLOOKUP(U$1,városok!$A$2:$C$346,3,0))^2)/1000,0)</f>
        <v>54</v>
      </c>
      <c r="V12">
        <f ca="1">ROUND(SQRT((VLOOKUP($A12,városok!$A$2:$C$346,2,0)-VLOOKUP(V$1,városok!$A$2:$C$346,2,0))^2+(VLOOKUP($A12,városok!$A$2:$C$346,3,0)-VLOOKUP(V$1,városok!$A$2:$C$346,3,0))^2)/1000,0)</f>
        <v>91</v>
      </c>
      <c r="W12">
        <f ca="1">ROUND(SQRT((VLOOKUP($A12,városok!$A$2:$C$346,2,0)-VLOOKUP(W$1,városok!$A$2:$C$346,2,0))^2+(VLOOKUP($A12,városok!$A$2:$C$346,3,0)-VLOOKUP(W$1,városok!$A$2:$C$346,3,0))^2)/1000,0)</f>
        <v>60</v>
      </c>
      <c r="X12">
        <f ca="1">ROUND(SQRT((VLOOKUP($A12,városok!$A$2:$C$346,2,0)-VLOOKUP(X$1,városok!$A$2:$C$346,2,0))^2+(VLOOKUP($A12,városok!$A$2:$C$346,3,0)-VLOOKUP(X$1,városok!$A$2:$C$346,3,0))^2)/1000,0)</f>
        <v>109</v>
      </c>
      <c r="Y12">
        <f ca="1">ROUND(SQRT((VLOOKUP($A12,városok!$A$2:$C$346,2,0)-VLOOKUP(Y$1,városok!$A$2:$C$346,2,0))^2+(VLOOKUP($A12,városok!$A$2:$C$346,3,0)-VLOOKUP(Y$1,városok!$A$2:$C$346,3,0))^2)/1000,0)</f>
        <v>176</v>
      </c>
      <c r="Z12">
        <f ca="1">ROUND(SQRT((VLOOKUP($A12,városok!$A$2:$C$346,2,0)-VLOOKUP(Z$1,városok!$A$2:$C$346,2,0))^2+(VLOOKUP($A12,városok!$A$2:$C$346,3,0)-VLOOKUP(Z$1,városok!$A$2:$C$346,3,0))^2)/1000,0)</f>
        <v>192</v>
      </c>
      <c r="AA12">
        <f ca="1">ROUND(SQRT((VLOOKUP($A12,városok!$A$2:$C$346,2,0)-VLOOKUP(AA$1,városok!$A$2:$C$346,2,0))^2+(VLOOKUP($A12,városok!$A$2:$C$346,3,0)-VLOOKUP(AA$1,városok!$A$2:$C$346,3,0))^2)/1000,0)</f>
        <v>236</v>
      </c>
      <c r="AB12">
        <f ca="1">ROUND(SQRT((VLOOKUP($A12,városok!$A$2:$C$346,2,0)-VLOOKUP(AB$1,városok!$A$2:$C$346,2,0))^2+(VLOOKUP($A12,városok!$A$2:$C$346,3,0)-VLOOKUP(AB$1,városok!$A$2:$C$346,3,0))^2)/1000,0)</f>
        <v>219</v>
      </c>
      <c r="AC12">
        <f ca="1">ROUND(SQRT((VLOOKUP($A12,városok!$A$2:$C$346,2,0)-VLOOKUP(AC$1,városok!$A$2:$C$346,2,0))^2+(VLOOKUP($A12,városok!$A$2:$C$346,3,0)-VLOOKUP(AC$1,városok!$A$2:$C$346,3,0))^2)/1000,0)</f>
        <v>199</v>
      </c>
      <c r="AD12">
        <f ca="1">ROUND(SQRT((VLOOKUP($A12,városok!$A$2:$C$346,2,0)-VLOOKUP(AD$1,városok!$A$2:$C$346,2,0))^2+(VLOOKUP($A12,városok!$A$2:$C$346,3,0)-VLOOKUP(AD$1,városok!$A$2:$C$346,3,0))^2)/1000,0)</f>
        <v>183</v>
      </c>
      <c r="AE12">
        <f ca="1">ROUND(SQRT((VLOOKUP($A12,városok!$A$2:$C$346,2,0)-VLOOKUP(AE$1,városok!$A$2:$C$346,2,0))^2+(VLOOKUP($A12,városok!$A$2:$C$346,3,0)-VLOOKUP(AE$1,városok!$A$2:$C$346,3,0))^2)/1000,0)</f>
        <v>175</v>
      </c>
      <c r="AF12">
        <f ca="1">ROUND(SQRT((VLOOKUP($A12,városok!$A$2:$C$346,2,0)-VLOOKUP(AF$1,városok!$A$2:$C$346,2,0))^2+(VLOOKUP($A12,városok!$A$2:$C$346,3,0)-VLOOKUP(AF$1,városok!$A$2:$C$346,3,0))^2)/1000,0)</f>
        <v>180</v>
      </c>
      <c r="AG12">
        <f ca="1">ROUND(SQRT((VLOOKUP($A12,városok!$A$2:$C$346,2,0)-VLOOKUP(AG$1,városok!$A$2:$C$346,2,0))^2+(VLOOKUP($A12,városok!$A$2:$C$346,3,0)-VLOOKUP(AG$1,városok!$A$2:$C$346,3,0))^2)/1000,0)</f>
        <v>153</v>
      </c>
      <c r="AH12">
        <f ca="1">ROUND(SQRT((VLOOKUP($A12,városok!$A$2:$C$346,2,0)-VLOOKUP(AH$1,városok!$A$2:$C$346,2,0))^2+(VLOOKUP($A12,városok!$A$2:$C$346,3,0)-VLOOKUP(AH$1,városok!$A$2:$C$346,3,0))^2)/1000,0)</f>
        <v>135</v>
      </c>
      <c r="AI12">
        <f ca="1">ROUND(SQRT((VLOOKUP($A12,városok!$A$2:$C$346,2,0)-VLOOKUP(AI$1,városok!$A$2:$C$346,2,0))^2+(VLOOKUP($A12,városok!$A$2:$C$346,3,0)-VLOOKUP(AI$1,városok!$A$2:$C$346,3,0))^2)/1000,0)</f>
        <v>182</v>
      </c>
      <c r="AJ12">
        <f ca="1">ROUND(SQRT((VLOOKUP($A12,városok!$A$2:$C$346,2,0)-VLOOKUP(AJ$1,városok!$A$2:$C$346,2,0))^2+(VLOOKUP($A12,városok!$A$2:$C$346,3,0)-VLOOKUP(AJ$1,városok!$A$2:$C$346,3,0))^2)/1000,0)</f>
        <v>140</v>
      </c>
      <c r="AK12">
        <f ca="1">ROUND(SQRT((VLOOKUP($A12,városok!$A$2:$C$346,2,0)-VLOOKUP(AK$1,városok!$A$2:$C$346,2,0))^2+(VLOOKUP($A12,városok!$A$2:$C$346,3,0)-VLOOKUP(AK$1,városok!$A$2:$C$346,3,0))^2)/1000,0)</f>
        <v>162</v>
      </c>
      <c r="AL12">
        <f ca="1">ROUND(SQRT((VLOOKUP($A12,városok!$A$2:$C$346,2,0)-VLOOKUP(AL$1,városok!$A$2:$C$346,2,0))^2+(VLOOKUP($A12,városok!$A$2:$C$346,3,0)-VLOOKUP(AL$1,városok!$A$2:$C$346,3,0))^2)/1000,0)</f>
        <v>146</v>
      </c>
      <c r="AM12">
        <f ca="1">ROUND(SQRT((VLOOKUP($A12,városok!$A$2:$C$346,2,0)-VLOOKUP(AM$1,városok!$A$2:$C$346,2,0))^2+(VLOOKUP($A12,városok!$A$2:$C$346,3,0)-VLOOKUP(AM$1,városok!$A$2:$C$346,3,0))^2)/1000,0)</f>
        <v>107</v>
      </c>
      <c r="AN12">
        <f ca="1">ROUND(SQRT((VLOOKUP($A12,városok!$A$2:$C$346,2,0)-VLOOKUP(AN$1,városok!$A$2:$C$346,2,0))^2+(VLOOKUP($A12,városok!$A$2:$C$346,3,0)-VLOOKUP(AN$1,városok!$A$2:$C$346,3,0))^2)/1000,0)</f>
        <v>146</v>
      </c>
      <c r="AO12">
        <f ca="1">ROUND(SQRT((VLOOKUP($A12,városok!$A$2:$C$346,2,0)-VLOOKUP(AO$1,városok!$A$2:$C$346,2,0))^2+(VLOOKUP($A12,városok!$A$2:$C$346,3,0)-VLOOKUP(AO$1,városok!$A$2:$C$346,3,0))^2)/1000,0)</f>
        <v>159</v>
      </c>
      <c r="AP12">
        <f ca="1">ROUND(SQRT((VLOOKUP($A12,városok!$A$2:$C$346,2,0)-VLOOKUP(AP$1,városok!$A$2:$C$346,2,0))^2+(VLOOKUP($A12,városok!$A$2:$C$346,3,0)-VLOOKUP(AP$1,városok!$A$2:$C$346,3,0))^2)/1000,0)</f>
        <v>142</v>
      </c>
      <c r="AQ12">
        <f ca="1">ROUND(SQRT((VLOOKUP($A12,városok!$A$2:$C$346,2,0)-VLOOKUP(AQ$1,városok!$A$2:$C$346,2,0))^2+(VLOOKUP($A12,városok!$A$2:$C$346,3,0)-VLOOKUP(AQ$1,városok!$A$2:$C$346,3,0))^2)/1000,0)</f>
        <v>132</v>
      </c>
      <c r="AR12">
        <f ca="1">ROUND(SQRT((VLOOKUP($A12,városok!$A$2:$C$346,2,0)-VLOOKUP(AR$1,városok!$A$2:$C$346,2,0))^2+(VLOOKUP($A12,városok!$A$2:$C$346,3,0)-VLOOKUP(AR$1,városok!$A$2:$C$346,3,0))^2)/1000,0)</f>
        <v>162</v>
      </c>
      <c r="AS12">
        <f ca="1">ROUND(SQRT((VLOOKUP($A12,városok!$A$2:$C$346,2,0)-VLOOKUP(AS$1,városok!$A$2:$C$346,2,0))^2+(VLOOKUP($A12,városok!$A$2:$C$346,3,0)-VLOOKUP(AS$1,városok!$A$2:$C$346,3,0))^2)/1000,0)</f>
        <v>185</v>
      </c>
      <c r="AT12">
        <f ca="1">ROUND(SQRT((VLOOKUP($A12,városok!$A$2:$C$346,2,0)-VLOOKUP(AT$1,városok!$A$2:$C$346,2,0))^2+(VLOOKUP($A12,városok!$A$2:$C$346,3,0)-VLOOKUP(AT$1,városok!$A$2:$C$346,3,0))^2)/1000,0)</f>
        <v>111</v>
      </c>
      <c r="AU12">
        <f ca="1">ROUND(SQRT((VLOOKUP($A12,városok!$A$2:$C$346,2,0)-VLOOKUP(AU$1,városok!$A$2:$C$346,2,0))^2+(VLOOKUP($A12,városok!$A$2:$C$346,3,0)-VLOOKUP(AU$1,városok!$A$2:$C$346,3,0))^2)/1000,0)</f>
        <v>107</v>
      </c>
      <c r="AV12">
        <f ca="1">ROUND(SQRT((VLOOKUP($A12,városok!$A$2:$C$346,2,0)-VLOOKUP(AV$1,városok!$A$2:$C$346,2,0))^2+(VLOOKUP($A12,városok!$A$2:$C$346,3,0)-VLOOKUP(AV$1,városok!$A$2:$C$346,3,0))^2)/1000,0)</f>
        <v>102</v>
      </c>
      <c r="AW12">
        <f ca="1">ROUND(SQRT((VLOOKUP($A12,városok!$A$2:$C$346,2,0)-VLOOKUP(AW$1,városok!$A$2:$C$346,2,0))^2+(VLOOKUP($A12,városok!$A$2:$C$346,3,0)-VLOOKUP(AW$1,városok!$A$2:$C$346,3,0))^2)/1000,0)</f>
        <v>101</v>
      </c>
      <c r="AX12">
        <f ca="1">ROUND(SQRT((VLOOKUP($A12,városok!$A$2:$C$346,2,0)-VLOOKUP(AX$1,városok!$A$2:$C$346,2,0))^2+(VLOOKUP($A12,városok!$A$2:$C$346,3,0)-VLOOKUP(AX$1,városok!$A$2:$C$346,3,0))^2)/1000,0)</f>
        <v>74</v>
      </c>
      <c r="AY12">
        <f ca="1">ROUND(SQRT((VLOOKUP($A12,városok!$A$2:$C$346,2,0)-VLOOKUP(AY$1,városok!$A$2:$C$346,2,0))^2+(VLOOKUP($A12,városok!$A$2:$C$346,3,0)-VLOOKUP(AY$1,városok!$A$2:$C$346,3,0))^2)/1000,0)</f>
        <v>131</v>
      </c>
      <c r="AZ12">
        <f ca="1">ROUND(SQRT((VLOOKUP($A12,városok!$A$2:$C$346,2,0)-VLOOKUP(AZ$1,városok!$A$2:$C$346,2,0))^2+(VLOOKUP($A12,városok!$A$2:$C$346,3,0)-VLOOKUP(AZ$1,városok!$A$2:$C$346,3,0))^2)/1000,0)</f>
        <v>143</v>
      </c>
      <c r="BA12">
        <f ca="1">ROUND(SQRT((VLOOKUP($A12,városok!$A$2:$C$346,2,0)-VLOOKUP(BA$1,városok!$A$2:$C$346,2,0))^2+(VLOOKUP($A12,városok!$A$2:$C$346,3,0)-VLOOKUP(BA$1,városok!$A$2:$C$346,3,0))^2)/1000,0)</f>
        <v>117</v>
      </c>
      <c r="BB12">
        <f ca="1">ROUND(SQRT((VLOOKUP($A12,városok!$A$2:$C$346,2,0)-VLOOKUP(BB$1,városok!$A$2:$C$346,2,0))^2+(VLOOKUP($A12,városok!$A$2:$C$346,3,0)-VLOOKUP(BB$1,városok!$A$2:$C$346,3,0))^2)/1000,0)</f>
        <v>95</v>
      </c>
      <c r="BC12">
        <f ca="1">ROUND(SQRT((VLOOKUP($A12,városok!$A$2:$C$346,2,0)-VLOOKUP(BC$1,városok!$A$2:$C$346,2,0))^2+(VLOOKUP($A12,városok!$A$2:$C$346,3,0)-VLOOKUP(BC$1,városok!$A$2:$C$346,3,0))^2)/1000,0)</f>
        <v>107</v>
      </c>
      <c r="BD12">
        <f ca="1">ROUND(SQRT((VLOOKUP($A12,városok!$A$2:$C$346,2,0)-VLOOKUP(BD$1,városok!$A$2:$C$346,2,0))^2+(VLOOKUP($A12,városok!$A$2:$C$346,3,0)-VLOOKUP(BD$1,városok!$A$2:$C$346,3,0))^2)/1000,0)</f>
        <v>96</v>
      </c>
      <c r="BE12">
        <f ca="1">ROUND(SQRT((VLOOKUP($A12,városok!$A$2:$C$346,2,0)-VLOOKUP(BE$1,városok!$A$2:$C$346,2,0))^2+(VLOOKUP($A12,városok!$A$2:$C$346,3,0)-VLOOKUP(BE$1,városok!$A$2:$C$346,3,0))^2)/1000,0)</f>
        <v>304</v>
      </c>
      <c r="BF12">
        <f ca="1">ROUND(SQRT((VLOOKUP($A12,városok!$A$2:$C$346,2,0)-VLOOKUP(BF$1,városok!$A$2:$C$346,2,0))^2+(VLOOKUP($A12,városok!$A$2:$C$346,3,0)-VLOOKUP(BF$1,városok!$A$2:$C$346,3,0))^2)/1000,0)</f>
        <v>291</v>
      </c>
      <c r="BG12">
        <f ca="1">ROUND(SQRT((VLOOKUP($A12,városok!$A$2:$C$346,2,0)-VLOOKUP(BG$1,városok!$A$2:$C$346,2,0))^2+(VLOOKUP($A12,városok!$A$2:$C$346,3,0)-VLOOKUP(BG$1,városok!$A$2:$C$346,3,0))^2)/1000,0)</f>
        <v>250</v>
      </c>
      <c r="BH12">
        <f ca="1">ROUND(SQRT((VLOOKUP($A12,városok!$A$2:$C$346,2,0)-VLOOKUP(BH$1,városok!$A$2:$C$346,2,0))^2+(VLOOKUP($A12,városok!$A$2:$C$346,3,0)-VLOOKUP(BH$1,városok!$A$2:$C$346,3,0))^2)/1000,0)</f>
        <v>250</v>
      </c>
      <c r="BI12">
        <f ca="1">ROUND(SQRT((VLOOKUP($A12,városok!$A$2:$C$346,2,0)-VLOOKUP(BI$1,városok!$A$2:$C$346,2,0))^2+(VLOOKUP($A12,városok!$A$2:$C$346,3,0)-VLOOKUP(BI$1,városok!$A$2:$C$346,3,0))^2)/1000,0)</f>
        <v>44</v>
      </c>
      <c r="BJ12">
        <f ca="1">ROUND(SQRT((VLOOKUP($A12,városok!$A$2:$C$346,2,0)-VLOOKUP(BJ$1,városok!$A$2:$C$346,2,0))^2+(VLOOKUP($A12,városok!$A$2:$C$346,3,0)-VLOOKUP(BJ$1,városok!$A$2:$C$346,3,0))^2)/1000,0)</f>
        <v>60</v>
      </c>
      <c r="BK12">
        <f ca="1">ROUND(SQRT((VLOOKUP($A12,városok!$A$2:$C$346,2,0)-VLOOKUP(BK$1,városok!$A$2:$C$346,2,0))^2+(VLOOKUP($A12,városok!$A$2:$C$346,3,0)-VLOOKUP(BK$1,városok!$A$2:$C$346,3,0))^2)/1000,0)</f>
        <v>40</v>
      </c>
      <c r="BL12">
        <f ca="1">ROUND(SQRT((VLOOKUP($A12,városok!$A$2:$C$346,2,0)-VLOOKUP(BL$1,városok!$A$2:$C$346,2,0))^2+(VLOOKUP($A12,városok!$A$2:$C$346,3,0)-VLOOKUP(BL$1,városok!$A$2:$C$346,3,0))^2)/1000,0)</f>
        <v>204</v>
      </c>
      <c r="BM12">
        <f ca="1">ROUND(SQRT((VLOOKUP($A12,városok!$A$2:$C$346,2,0)-VLOOKUP(BM$1,városok!$A$2:$C$346,2,0))^2+(VLOOKUP($A12,városok!$A$2:$C$346,3,0)-VLOOKUP(BM$1,városok!$A$2:$C$346,3,0))^2)/1000,0)</f>
        <v>190</v>
      </c>
      <c r="BN12">
        <f ca="1">ROUND(SQRT((VLOOKUP($A12,városok!$A$2:$C$346,2,0)-VLOOKUP(BN$1,városok!$A$2:$C$346,2,0))^2+(VLOOKUP($A12,városok!$A$2:$C$346,3,0)-VLOOKUP(BN$1,városok!$A$2:$C$346,3,0))^2)/1000,0)</f>
        <v>211</v>
      </c>
      <c r="BO12">
        <f ca="1">ROUND(SQRT((VLOOKUP($A12,városok!$A$2:$C$346,2,0)-VLOOKUP(BO$1,városok!$A$2:$C$346,2,0))^2+(VLOOKUP($A12,városok!$A$2:$C$346,3,0)-VLOOKUP(BO$1,városok!$A$2:$C$346,3,0))^2)/1000,0)</f>
        <v>106</v>
      </c>
      <c r="BP12">
        <f ca="1">ROUND(SQRT((VLOOKUP($A12,városok!$A$2:$C$346,2,0)-VLOOKUP(BP$1,városok!$A$2:$C$346,2,0))^2+(VLOOKUP($A12,városok!$A$2:$C$346,3,0)-VLOOKUP(BP$1,városok!$A$2:$C$346,3,0))^2)/1000,0)</f>
        <v>100</v>
      </c>
      <c r="BQ12">
        <f ca="1">ROUND(SQRT((VLOOKUP($A12,városok!$A$2:$C$346,2,0)-VLOOKUP(BQ$1,városok!$A$2:$C$346,2,0))^2+(VLOOKUP($A12,városok!$A$2:$C$346,3,0)-VLOOKUP(BQ$1,városok!$A$2:$C$346,3,0))^2)/1000,0)</f>
        <v>116</v>
      </c>
      <c r="BR12">
        <f ca="1">ROUND(SQRT((VLOOKUP($A12,városok!$A$2:$C$346,2,0)-VLOOKUP(BR$1,városok!$A$2:$C$346,2,0))^2+(VLOOKUP($A12,városok!$A$2:$C$346,3,0)-VLOOKUP(BR$1,városok!$A$2:$C$346,3,0))^2)/1000,0)</f>
        <v>150</v>
      </c>
      <c r="BS12">
        <f ca="1">ROUND(SQRT((VLOOKUP($A12,városok!$A$2:$C$346,2,0)-VLOOKUP(BS$1,városok!$A$2:$C$346,2,0))^2+(VLOOKUP($A12,városok!$A$2:$C$346,3,0)-VLOOKUP(BS$1,városok!$A$2:$C$346,3,0))^2)/1000,0)</f>
        <v>168</v>
      </c>
      <c r="BT12">
        <f ca="1">ROUND(SQRT((VLOOKUP($A12,városok!$A$2:$C$346,2,0)-VLOOKUP(BT$1,városok!$A$2:$C$346,2,0))^2+(VLOOKUP($A12,városok!$A$2:$C$346,3,0)-VLOOKUP(BT$1,városok!$A$2:$C$346,3,0))^2)/1000,0)</f>
        <v>182</v>
      </c>
    </row>
    <row r="13" spans="1:72" x14ac:dyDescent="0.2">
      <c r="A13" t="str">
        <f>városok!A13</f>
        <v>Kiskunfélegyháza</v>
      </c>
      <c r="B13">
        <f ca="1">ROUND(SQRT((VLOOKUP($A13,városok!$A$2:$C$346,2,0)-VLOOKUP(B$1,városok!$A$2:$C$346,2,0))^2+(VLOOKUP($A13,városok!$A$2:$C$346,3,0)-VLOOKUP(B$1,városok!$A$2:$C$346,3,0))^2)/1000,0)</f>
        <v>90</v>
      </c>
      <c r="C13">
        <f ca="1">ROUND(SQRT((VLOOKUP($A13,városok!$A$2:$C$346,2,0)-VLOOKUP(C$1,városok!$A$2:$C$346,2,0))^2+(VLOOKUP($A13,városok!$A$2:$C$346,3,0)-VLOOKUP(C$1,városok!$A$2:$C$346,3,0))^2)/1000,0)</f>
        <v>69</v>
      </c>
      <c r="D13">
        <f ca="1">ROUND(SQRT((VLOOKUP($A13,városok!$A$2:$C$346,2,0)-VLOOKUP(D$1,városok!$A$2:$C$346,2,0))^2+(VLOOKUP($A13,városok!$A$2:$C$346,3,0)-VLOOKUP(D$1,városok!$A$2:$C$346,3,0))^2)/1000,0)</f>
        <v>25</v>
      </c>
      <c r="E13">
        <f ca="1">ROUND(SQRT((VLOOKUP($A13,városok!$A$2:$C$346,2,0)-VLOOKUP(E$1,városok!$A$2:$C$346,2,0))^2+(VLOOKUP($A13,városok!$A$2:$C$346,3,0)-VLOOKUP(E$1,városok!$A$2:$C$346,3,0))^2)/1000,0)</f>
        <v>135</v>
      </c>
      <c r="F13">
        <f ca="1">ROUND(SQRT((VLOOKUP($A13,városok!$A$2:$C$346,2,0)-VLOOKUP(F$1,városok!$A$2:$C$346,2,0))^2+(VLOOKUP($A13,városok!$A$2:$C$346,3,0)-VLOOKUP(F$1,városok!$A$2:$C$346,3,0))^2)/1000,0)</f>
        <v>120</v>
      </c>
      <c r="G13">
        <f ca="1">ROUND(SQRT((VLOOKUP($A13,városok!$A$2:$C$346,2,0)-VLOOKUP(G$1,városok!$A$2:$C$346,2,0))^2+(VLOOKUP($A13,városok!$A$2:$C$346,3,0)-VLOOKUP(G$1,városok!$A$2:$C$346,3,0))^2)/1000,0)</f>
        <v>141</v>
      </c>
      <c r="H13">
        <f ca="1">ROUND(SQRT((VLOOKUP($A13,városok!$A$2:$C$346,2,0)-VLOOKUP(H$1,városok!$A$2:$C$346,2,0))^2+(VLOOKUP($A13,városok!$A$2:$C$346,3,0)-VLOOKUP(H$1,városok!$A$2:$C$346,3,0))^2)/1000,0)</f>
        <v>174</v>
      </c>
      <c r="I13">
        <f ca="1">ROUND(SQRT((VLOOKUP($A13,városok!$A$2:$C$346,2,0)-VLOOKUP(I$1,városok!$A$2:$C$346,2,0))^2+(VLOOKUP($A13,városok!$A$2:$C$346,3,0)-VLOOKUP(I$1,városok!$A$2:$C$346,3,0))^2)/1000,0)</f>
        <v>95</v>
      </c>
      <c r="J13">
        <f ca="1">ROUND(SQRT((VLOOKUP($A13,városok!$A$2:$C$346,2,0)-VLOOKUP(J$1,városok!$A$2:$C$346,2,0))^2+(VLOOKUP($A13,városok!$A$2:$C$346,3,0)-VLOOKUP(J$1,városok!$A$2:$C$346,3,0))^2)/1000,0)</f>
        <v>110</v>
      </c>
      <c r="K13">
        <f ca="1">ROUND(SQRT((VLOOKUP($A13,városok!$A$2:$C$346,2,0)-VLOOKUP(K$1,városok!$A$2:$C$346,2,0))^2+(VLOOKUP($A13,városok!$A$2:$C$346,3,0)-VLOOKUP(K$1,városok!$A$2:$C$346,3,0))^2)/1000,0)</f>
        <v>65</v>
      </c>
      <c r="L13">
        <f ca="1">ROUND(SQRT((VLOOKUP($A13,városok!$A$2:$C$346,2,0)-VLOOKUP(L$1,városok!$A$2:$C$346,2,0))^2+(VLOOKUP($A13,városok!$A$2:$C$346,3,0)-VLOOKUP(L$1,városok!$A$2:$C$346,3,0))^2)/1000,0)</f>
        <v>182</v>
      </c>
      <c r="M13">
        <f ca="1">ROUND(SQRT((VLOOKUP($A13,városok!$A$2:$C$346,2,0)-VLOOKUP(M$1,városok!$A$2:$C$346,2,0))^2+(VLOOKUP($A13,városok!$A$2:$C$346,3,0)-VLOOKUP(M$1,városok!$A$2:$C$346,3,0))^2)/1000,0)</f>
        <v>171</v>
      </c>
      <c r="N13">
        <f ca="1">ROUND(SQRT((VLOOKUP($A13,városok!$A$2:$C$346,2,0)-VLOOKUP(N$1,városok!$A$2:$C$346,2,0))^2+(VLOOKUP($A13,városok!$A$2:$C$346,3,0)-VLOOKUP(N$1,városok!$A$2:$C$346,3,0))^2)/1000,0)</f>
        <v>171</v>
      </c>
      <c r="O13">
        <f ca="1">ROUND(SQRT((VLOOKUP($A13,városok!$A$2:$C$346,2,0)-VLOOKUP(O$1,városok!$A$2:$C$346,2,0))^2+(VLOOKUP($A13,városok!$A$2:$C$346,3,0)-VLOOKUP(O$1,városok!$A$2:$C$346,3,0))^2)/1000,0)</f>
        <v>232</v>
      </c>
      <c r="P13">
        <f ca="1">ROUND(SQRT((VLOOKUP($A13,városok!$A$2:$C$346,2,0)-VLOOKUP(P$1,városok!$A$2:$C$346,2,0))^2+(VLOOKUP($A13,városok!$A$2:$C$346,3,0)-VLOOKUP(P$1,városok!$A$2:$C$346,3,0))^2)/1000,0)</f>
        <v>232</v>
      </c>
      <c r="Q13">
        <f ca="1">ROUND(SQRT((VLOOKUP($A13,városok!$A$2:$C$346,2,0)-VLOOKUP(Q$1,városok!$A$2:$C$346,2,0))^2+(VLOOKUP($A13,városok!$A$2:$C$346,3,0)-VLOOKUP(Q$1,városok!$A$2:$C$346,3,0))^2)/1000,0)</f>
        <v>49</v>
      </c>
      <c r="R13">
        <f ca="1">ROUND(SQRT((VLOOKUP($A13,városok!$A$2:$C$346,2,0)-VLOOKUP(R$1,városok!$A$2:$C$346,2,0))^2+(VLOOKUP($A13,városok!$A$2:$C$346,3,0)-VLOOKUP(R$1,városok!$A$2:$C$346,3,0))^2)/1000,0)</f>
        <v>73</v>
      </c>
      <c r="S13">
        <f ca="1">ROUND(SQRT((VLOOKUP($A13,városok!$A$2:$C$346,2,0)-VLOOKUP(S$1,városok!$A$2:$C$346,2,0))^2+(VLOOKUP($A13,városok!$A$2:$C$346,3,0)-VLOOKUP(S$1,városok!$A$2:$C$346,3,0))^2)/1000,0)</f>
        <v>57</v>
      </c>
      <c r="T13">
        <f ca="1">ROUND(SQRT((VLOOKUP($A13,városok!$A$2:$C$346,2,0)-VLOOKUP(T$1,városok!$A$2:$C$346,2,0))^2+(VLOOKUP($A13,városok!$A$2:$C$346,3,0)-VLOOKUP(T$1,városok!$A$2:$C$346,3,0))^2)/1000,0)</f>
        <v>126</v>
      </c>
      <c r="U13">
        <f ca="1">ROUND(SQRT((VLOOKUP($A13,városok!$A$2:$C$346,2,0)-VLOOKUP(U$1,városok!$A$2:$C$346,2,0))^2+(VLOOKUP($A13,városok!$A$2:$C$346,3,0)-VLOOKUP(U$1,városok!$A$2:$C$346,3,0))^2)/1000,0)</f>
        <v>75</v>
      </c>
      <c r="V13">
        <f ca="1">ROUND(SQRT((VLOOKUP($A13,városok!$A$2:$C$346,2,0)-VLOOKUP(V$1,városok!$A$2:$C$346,2,0))^2+(VLOOKUP($A13,városok!$A$2:$C$346,3,0)-VLOOKUP(V$1,városok!$A$2:$C$346,3,0))^2)/1000,0)</f>
        <v>124</v>
      </c>
      <c r="W13">
        <f ca="1">ROUND(SQRT((VLOOKUP($A13,városok!$A$2:$C$346,2,0)-VLOOKUP(W$1,városok!$A$2:$C$346,2,0))^2+(VLOOKUP($A13,városok!$A$2:$C$346,3,0)-VLOOKUP(W$1,városok!$A$2:$C$346,3,0))^2)/1000,0)</f>
        <v>95</v>
      </c>
      <c r="X13">
        <f ca="1">ROUND(SQRT((VLOOKUP($A13,városok!$A$2:$C$346,2,0)-VLOOKUP(X$1,városok!$A$2:$C$346,2,0))^2+(VLOOKUP($A13,városok!$A$2:$C$346,3,0)-VLOOKUP(X$1,városok!$A$2:$C$346,3,0))^2)/1000,0)</f>
        <v>132</v>
      </c>
      <c r="Y13">
        <f ca="1">ROUND(SQRT((VLOOKUP($A13,városok!$A$2:$C$346,2,0)-VLOOKUP(Y$1,városok!$A$2:$C$346,2,0))^2+(VLOOKUP($A13,városok!$A$2:$C$346,3,0)-VLOOKUP(Y$1,városok!$A$2:$C$346,3,0))^2)/1000,0)</f>
        <v>200</v>
      </c>
      <c r="Z13">
        <f ca="1">ROUND(SQRT((VLOOKUP($A13,városok!$A$2:$C$346,2,0)-VLOOKUP(Z$1,városok!$A$2:$C$346,2,0))^2+(VLOOKUP($A13,városok!$A$2:$C$346,3,0)-VLOOKUP(Z$1,városok!$A$2:$C$346,3,0))^2)/1000,0)</f>
        <v>218</v>
      </c>
      <c r="AA13">
        <f ca="1">ROUND(SQRT((VLOOKUP($A13,városok!$A$2:$C$346,2,0)-VLOOKUP(AA$1,városok!$A$2:$C$346,2,0))^2+(VLOOKUP($A13,városok!$A$2:$C$346,3,0)-VLOOKUP(AA$1,városok!$A$2:$C$346,3,0))^2)/1000,0)</f>
        <v>270</v>
      </c>
      <c r="AB13">
        <f ca="1">ROUND(SQRT((VLOOKUP($A13,városok!$A$2:$C$346,2,0)-VLOOKUP(AB$1,városok!$A$2:$C$346,2,0))^2+(VLOOKUP($A13,városok!$A$2:$C$346,3,0)-VLOOKUP(AB$1,városok!$A$2:$C$346,3,0))^2)/1000,0)</f>
        <v>163</v>
      </c>
      <c r="AC13">
        <f ca="1">ROUND(SQRT((VLOOKUP($A13,városok!$A$2:$C$346,2,0)-VLOOKUP(AC$1,városok!$A$2:$C$346,2,0))^2+(VLOOKUP($A13,városok!$A$2:$C$346,3,0)-VLOOKUP(AC$1,városok!$A$2:$C$346,3,0))^2)/1000,0)</f>
        <v>143</v>
      </c>
      <c r="AD13">
        <f ca="1">ROUND(SQRT((VLOOKUP($A13,városok!$A$2:$C$346,2,0)-VLOOKUP(AD$1,városok!$A$2:$C$346,2,0))^2+(VLOOKUP($A13,városok!$A$2:$C$346,3,0)-VLOOKUP(AD$1,városok!$A$2:$C$346,3,0))^2)/1000,0)</f>
        <v>128</v>
      </c>
      <c r="AE13">
        <f ca="1">ROUND(SQRT((VLOOKUP($A13,városok!$A$2:$C$346,2,0)-VLOOKUP(AE$1,városok!$A$2:$C$346,2,0))^2+(VLOOKUP($A13,városok!$A$2:$C$346,3,0)-VLOOKUP(AE$1,városok!$A$2:$C$346,3,0))^2)/1000,0)</f>
        <v>119</v>
      </c>
      <c r="AF13">
        <f ca="1">ROUND(SQRT((VLOOKUP($A13,városok!$A$2:$C$346,2,0)-VLOOKUP(AF$1,városok!$A$2:$C$346,2,0))^2+(VLOOKUP($A13,városok!$A$2:$C$346,3,0)-VLOOKUP(AF$1,városok!$A$2:$C$346,3,0))^2)/1000,0)</f>
        <v>138</v>
      </c>
      <c r="AG13">
        <f ca="1">ROUND(SQRT((VLOOKUP($A13,városok!$A$2:$C$346,2,0)-VLOOKUP(AG$1,városok!$A$2:$C$346,2,0))^2+(VLOOKUP($A13,városok!$A$2:$C$346,3,0)-VLOOKUP(AG$1,városok!$A$2:$C$346,3,0))^2)/1000,0)</f>
        <v>119</v>
      </c>
      <c r="AH13">
        <f ca="1">ROUND(SQRT((VLOOKUP($A13,városok!$A$2:$C$346,2,0)-VLOOKUP(AH$1,városok!$A$2:$C$346,2,0))^2+(VLOOKUP($A13,városok!$A$2:$C$346,3,0)-VLOOKUP(AH$1,városok!$A$2:$C$346,3,0))^2)/1000,0)</f>
        <v>107</v>
      </c>
      <c r="AI13">
        <f ca="1">ROUND(SQRT((VLOOKUP($A13,városok!$A$2:$C$346,2,0)-VLOOKUP(AI$1,városok!$A$2:$C$346,2,0))^2+(VLOOKUP($A13,városok!$A$2:$C$346,3,0)-VLOOKUP(AI$1,városok!$A$2:$C$346,3,0))^2)/1000,0)</f>
        <v>147</v>
      </c>
      <c r="AJ13">
        <f ca="1">ROUND(SQRT((VLOOKUP($A13,városok!$A$2:$C$346,2,0)-VLOOKUP(AJ$1,városok!$A$2:$C$346,2,0))^2+(VLOOKUP($A13,városok!$A$2:$C$346,3,0)-VLOOKUP(AJ$1,városok!$A$2:$C$346,3,0))^2)/1000,0)</f>
        <v>104</v>
      </c>
      <c r="AK13">
        <f ca="1">ROUND(SQRT((VLOOKUP($A13,városok!$A$2:$C$346,2,0)-VLOOKUP(AK$1,városok!$A$2:$C$346,2,0))^2+(VLOOKUP($A13,városok!$A$2:$C$346,3,0)-VLOOKUP(AK$1,városok!$A$2:$C$346,3,0))^2)/1000,0)</f>
        <v>107</v>
      </c>
      <c r="AL13">
        <f ca="1">ROUND(SQRT((VLOOKUP($A13,városok!$A$2:$C$346,2,0)-VLOOKUP(AL$1,városok!$A$2:$C$346,2,0))^2+(VLOOKUP($A13,városok!$A$2:$C$346,3,0)-VLOOKUP(AL$1,városok!$A$2:$C$346,3,0))^2)/1000,0)</f>
        <v>94</v>
      </c>
      <c r="AM13">
        <f ca="1">ROUND(SQRT((VLOOKUP($A13,városok!$A$2:$C$346,2,0)-VLOOKUP(AM$1,városok!$A$2:$C$346,2,0))^2+(VLOOKUP($A13,városok!$A$2:$C$346,3,0)-VLOOKUP(AM$1,városok!$A$2:$C$346,3,0))^2)/1000,0)</f>
        <v>58</v>
      </c>
      <c r="AN13">
        <f ca="1">ROUND(SQRT((VLOOKUP($A13,városok!$A$2:$C$346,2,0)-VLOOKUP(AN$1,városok!$A$2:$C$346,2,0))^2+(VLOOKUP($A13,városok!$A$2:$C$346,3,0)-VLOOKUP(AN$1,városok!$A$2:$C$346,3,0))^2)/1000,0)</f>
        <v>146</v>
      </c>
      <c r="AO13">
        <f ca="1">ROUND(SQRT((VLOOKUP($A13,városok!$A$2:$C$346,2,0)-VLOOKUP(AO$1,városok!$A$2:$C$346,2,0))^2+(VLOOKUP($A13,városok!$A$2:$C$346,3,0)-VLOOKUP(AO$1,városok!$A$2:$C$346,3,0))^2)/1000,0)</f>
        <v>173</v>
      </c>
      <c r="AP13">
        <f ca="1">ROUND(SQRT((VLOOKUP($A13,városok!$A$2:$C$346,2,0)-VLOOKUP(AP$1,városok!$A$2:$C$346,2,0))^2+(VLOOKUP($A13,városok!$A$2:$C$346,3,0)-VLOOKUP(AP$1,városok!$A$2:$C$346,3,0))^2)/1000,0)</f>
        <v>155</v>
      </c>
      <c r="AQ13">
        <f ca="1">ROUND(SQRT((VLOOKUP($A13,városok!$A$2:$C$346,2,0)-VLOOKUP(AQ$1,városok!$A$2:$C$346,2,0))^2+(VLOOKUP($A13,városok!$A$2:$C$346,3,0)-VLOOKUP(AQ$1,városok!$A$2:$C$346,3,0))^2)/1000,0)</f>
        <v>145</v>
      </c>
      <c r="AR13">
        <f ca="1">ROUND(SQRT((VLOOKUP($A13,városok!$A$2:$C$346,2,0)-VLOOKUP(AR$1,városok!$A$2:$C$346,2,0))^2+(VLOOKUP($A13,városok!$A$2:$C$346,3,0)-VLOOKUP(AR$1,városok!$A$2:$C$346,3,0))^2)/1000,0)</f>
        <v>135</v>
      </c>
      <c r="AS13">
        <f ca="1">ROUND(SQRT((VLOOKUP($A13,városok!$A$2:$C$346,2,0)-VLOOKUP(AS$1,városok!$A$2:$C$346,2,0))^2+(VLOOKUP($A13,városok!$A$2:$C$346,3,0)-VLOOKUP(AS$1,városok!$A$2:$C$346,3,0))^2)/1000,0)</f>
        <v>156</v>
      </c>
      <c r="AT13">
        <f ca="1">ROUND(SQRT((VLOOKUP($A13,városok!$A$2:$C$346,2,0)-VLOOKUP(AT$1,városok!$A$2:$C$346,2,0))^2+(VLOOKUP($A13,városok!$A$2:$C$346,3,0)-VLOOKUP(AT$1,városok!$A$2:$C$346,3,0))^2)/1000,0)</f>
        <v>115</v>
      </c>
      <c r="AU13">
        <f ca="1">ROUND(SQRT((VLOOKUP($A13,városok!$A$2:$C$346,2,0)-VLOOKUP(AU$1,városok!$A$2:$C$346,2,0))^2+(VLOOKUP($A13,városok!$A$2:$C$346,3,0)-VLOOKUP(AU$1,városok!$A$2:$C$346,3,0))^2)/1000,0)</f>
        <v>107</v>
      </c>
      <c r="AV13">
        <f ca="1">ROUND(SQRT((VLOOKUP($A13,városok!$A$2:$C$346,2,0)-VLOOKUP(AV$1,városok!$A$2:$C$346,2,0))^2+(VLOOKUP($A13,városok!$A$2:$C$346,3,0)-VLOOKUP(AV$1,városok!$A$2:$C$346,3,0))^2)/1000,0)</f>
        <v>103</v>
      </c>
      <c r="AW13">
        <f ca="1">ROUND(SQRT((VLOOKUP($A13,városok!$A$2:$C$346,2,0)-VLOOKUP(AW$1,városok!$A$2:$C$346,2,0))^2+(VLOOKUP($A13,városok!$A$2:$C$346,3,0)-VLOOKUP(AW$1,városok!$A$2:$C$346,3,0))^2)/1000,0)</f>
        <v>104</v>
      </c>
      <c r="AX13">
        <f ca="1">ROUND(SQRT((VLOOKUP($A13,városok!$A$2:$C$346,2,0)-VLOOKUP(AX$1,városok!$A$2:$C$346,2,0))^2+(VLOOKUP($A13,városok!$A$2:$C$346,3,0)-VLOOKUP(AX$1,városok!$A$2:$C$346,3,0))^2)/1000,0)</f>
        <v>36</v>
      </c>
      <c r="AY13">
        <f ca="1">ROUND(SQRT((VLOOKUP($A13,városok!$A$2:$C$346,2,0)-VLOOKUP(AY$1,városok!$A$2:$C$346,2,0))^2+(VLOOKUP($A13,városok!$A$2:$C$346,3,0)-VLOOKUP(AY$1,városok!$A$2:$C$346,3,0))^2)/1000,0)</f>
        <v>123</v>
      </c>
      <c r="AZ13">
        <f ca="1">ROUND(SQRT((VLOOKUP($A13,városok!$A$2:$C$346,2,0)-VLOOKUP(AZ$1,városok!$A$2:$C$346,2,0))^2+(VLOOKUP($A13,városok!$A$2:$C$346,3,0)-VLOOKUP(AZ$1,városok!$A$2:$C$346,3,0))^2)/1000,0)</f>
        <v>137</v>
      </c>
      <c r="BA13">
        <f ca="1">ROUND(SQRT((VLOOKUP($A13,városok!$A$2:$C$346,2,0)-VLOOKUP(BA$1,városok!$A$2:$C$346,2,0))^2+(VLOOKUP($A13,városok!$A$2:$C$346,3,0)-VLOOKUP(BA$1,városok!$A$2:$C$346,3,0))^2)/1000,0)</f>
        <v>164</v>
      </c>
      <c r="BB13">
        <f ca="1">ROUND(SQRT((VLOOKUP($A13,városok!$A$2:$C$346,2,0)-VLOOKUP(BB$1,városok!$A$2:$C$346,2,0))^2+(VLOOKUP($A13,városok!$A$2:$C$346,3,0)-VLOOKUP(BB$1,városok!$A$2:$C$346,3,0))^2)/1000,0)</f>
        <v>147</v>
      </c>
      <c r="BC13">
        <f ca="1">ROUND(SQRT((VLOOKUP($A13,városok!$A$2:$C$346,2,0)-VLOOKUP(BC$1,városok!$A$2:$C$346,2,0))^2+(VLOOKUP($A13,városok!$A$2:$C$346,3,0)-VLOOKUP(BC$1,városok!$A$2:$C$346,3,0))^2)/1000,0)</f>
        <v>162</v>
      </c>
      <c r="BD13">
        <f ca="1">ROUND(SQRT((VLOOKUP($A13,városok!$A$2:$C$346,2,0)-VLOOKUP(BD$1,városok!$A$2:$C$346,2,0))^2+(VLOOKUP($A13,városok!$A$2:$C$346,3,0)-VLOOKUP(BD$1,városok!$A$2:$C$346,3,0))^2)/1000,0)</f>
        <v>137</v>
      </c>
      <c r="BE13">
        <f ca="1">ROUND(SQRT((VLOOKUP($A13,városok!$A$2:$C$346,2,0)-VLOOKUP(BE$1,városok!$A$2:$C$346,2,0))^2+(VLOOKUP($A13,városok!$A$2:$C$346,3,0)-VLOOKUP(BE$1,városok!$A$2:$C$346,3,0))^2)/1000,0)</f>
        <v>248</v>
      </c>
      <c r="BF13">
        <f ca="1">ROUND(SQRT((VLOOKUP($A13,városok!$A$2:$C$346,2,0)-VLOOKUP(BF$1,városok!$A$2:$C$346,2,0))^2+(VLOOKUP($A13,városok!$A$2:$C$346,3,0)-VLOOKUP(BF$1,városok!$A$2:$C$346,3,0))^2)/1000,0)</f>
        <v>238</v>
      </c>
      <c r="BG13">
        <f ca="1">ROUND(SQRT((VLOOKUP($A13,városok!$A$2:$C$346,2,0)-VLOOKUP(BG$1,városok!$A$2:$C$346,2,0))^2+(VLOOKUP($A13,városok!$A$2:$C$346,3,0)-VLOOKUP(BG$1,városok!$A$2:$C$346,3,0))^2)/1000,0)</f>
        <v>199</v>
      </c>
      <c r="BH13">
        <f ca="1">ROUND(SQRT((VLOOKUP($A13,városok!$A$2:$C$346,2,0)-VLOOKUP(BH$1,városok!$A$2:$C$346,2,0))^2+(VLOOKUP($A13,városok!$A$2:$C$346,3,0)-VLOOKUP(BH$1,városok!$A$2:$C$346,3,0))^2)/1000,0)</f>
        <v>199</v>
      </c>
      <c r="BI13">
        <f ca="1">ROUND(SQRT((VLOOKUP($A13,városok!$A$2:$C$346,2,0)-VLOOKUP(BI$1,városok!$A$2:$C$346,2,0))^2+(VLOOKUP($A13,városok!$A$2:$C$346,3,0)-VLOOKUP(BI$1,városok!$A$2:$C$346,3,0))^2)/1000,0)</f>
        <v>100</v>
      </c>
      <c r="BJ13">
        <f ca="1">ROUND(SQRT((VLOOKUP($A13,városok!$A$2:$C$346,2,0)-VLOOKUP(BJ$1,városok!$A$2:$C$346,2,0))^2+(VLOOKUP($A13,városok!$A$2:$C$346,3,0)-VLOOKUP(BJ$1,városok!$A$2:$C$346,3,0))^2)/1000,0)</f>
        <v>116</v>
      </c>
      <c r="BK13">
        <f ca="1">ROUND(SQRT((VLOOKUP($A13,városok!$A$2:$C$346,2,0)-VLOOKUP(BK$1,városok!$A$2:$C$346,2,0))^2+(VLOOKUP($A13,városok!$A$2:$C$346,3,0)-VLOOKUP(BK$1,városok!$A$2:$C$346,3,0))^2)/1000,0)</f>
        <v>96</v>
      </c>
      <c r="BL13">
        <f ca="1">ROUND(SQRT((VLOOKUP($A13,városok!$A$2:$C$346,2,0)-VLOOKUP(BL$1,városok!$A$2:$C$346,2,0))^2+(VLOOKUP($A13,városok!$A$2:$C$346,3,0)-VLOOKUP(BL$1,városok!$A$2:$C$346,3,0))^2)/1000,0)</f>
        <v>249</v>
      </c>
      <c r="BM13">
        <f ca="1">ROUND(SQRT((VLOOKUP($A13,városok!$A$2:$C$346,2,0)-VLOOKUP(BM$1,városok!$A$2:$C$346,2,0))^2+(VLOOKUP($A13,városok!$A$2:$C$346,3,0)-VLOOKUP(BM$1,városok!$A$2:$C$346,3,0))^2)/1000,0)</f>
        <v>229</v>
      </c>
      <c r="BN13">
        <f ca="1">ROUND(SQRT((VLOOKUP($A13,városok!$A$2:$C$346,2,0)-VLOOKUP(BN$1,városok!$A$2:$C$346,2,0))^2+(VLOOKUP($A13,városok!$A$2:$C$346,3,0)-VLOOKUP(BN$1,városok!$A$2:$C$346,3,0))^2)/1000,0)</f>
        <v>252</v>
      </c>
      <c r="BO13">
        <f ca="1">ROUND(SQRT((VLOOKUP($A13,városok!$A$2:$C$346,2,0)-VLOOKUP(BO$1,városok!$A$2:$C$346,2,0))^2+(VLOOKUP($A13,városok!$A$2:$C$346,3,0)-VLOOKUP(BO$1,városok!$A$2:$C$346,3,0))^2)/1000,0)</f>
        <v>144</v>
      </c>
      <c r="BP13">
        <f ca="1">ROUND(SQRT((VLOOKUP($A13,városok!$A$2:$C$346,2,0)-VLOOKUP(BP$1,városok!$A$2:$C$346,2,0))^2+(VLOOKUP($A13,városok!$A$2:$C$346,3,0)-VLOOKUP(BP$1,városok!$A$2:$C$346,3,0))^2)/1000,0)</f>
        <v>137</v>
      </c>
      <c r="BQ13">
        <f ca="1">ROUND(SQRT((VLOOKUP($A13,városok!$A$2:$C$346,2,0)-VLOOKUP(BQ$1,városok!$A$2:$C$346,2,0))^2+(VLOOKUP($A13,városok!$A$2:$C$346,3,0)-VLOOKUP(BQ$1,városok!$A$2:$C$346,3,0))^2)/1000,0)</f>
        <v>153</v>
      </c>
      <c r="BR13">
        <f ca="1">ROUND(SQRT((VLOOKUP($A13,városok!$A$2:$C$346,2,0)-VLOOKUP(BR$1,városok!$A$2:$C$346,2,0))^2+(VLOOKUP($A13,városok!$A$2:$C$346,3,0)-VLOOKUP(BR$1,városok!$A$2:$C$346,3,0))^2)/1000,0)</f>
        <v>198</v>
      </c>
      <c r="BS13">
        <f ca="1">ROUND(SQRT((VLOOKUP($A13,városok!$A$2:$C$346,2,0)-VLOOKUP(BS$1,városok!$A$2:$C$346,2,0))^2+(VLOOKUP($A13,városok!$A$2:$C$346,3,0)-VLOOKUP(BS$1,városok!$A$2:$C$346,3,0))^2)/1000,0)</f>
        <v>220</v>
      </c>
      <c r="BT13">
        <f ca="1">ROUND(SQRT((VLOOKUP($A13,városok!$A$2:$C$346,2,0)-VLOOKUP(BT$1,városok!$A$2:$C$346,2,0))^2+(VLOOKUP($A13,városok!$A$2:$C$346,3,0)-VLOOKUP(BT$1,városok!$A$2:$C$346,3,0))^2)/1000,0)</f>
        <v>230</v>
      </c>
    </row>
    <row r="14" spans="1:72" x14ac:dyDescent="0.2">
      <c r="A14" t="str">
        <f>városok!A14</f>
        <v>Kiskunhalas</v>
      </c>
      <c r="B14">
        <f ca="1">ROUND(SQRT((VLOOKUP($A14,városok!$A$2:$C$346,2,0)-VLOOKUP(B$1,városok!$A$2:$C$346,2,0))^2+(VLOOKUP($A14,városok!$A$2:$C$346,3,0)-VLOOKUP(B$1,városok!$A$2:$C$346,3,0))^2)/1000,0)</f>
        <v>49</v>
      </c>
      <c r="C14">
        <f ca="1">ROUND(SQRT((VLOOKUP($A14,városok!$A$2:$C$346,2,0)-VLOOKUP(C$1,városok!$A$2:$C$346,2,0))^2+(VLOOKUP($A14,városok!$A$2:$C$346,3,0)-VLOOKUP(C$1,városok!$A$2:$C$346,3,0))^2)/1000,0)</f>
        <v>40</v>
      </c>
      <c r="D14">
        <f ca="1">ROUND(SQRT((VLOOKUP($A14,városok!$A$2:$C$346,2,0)-VLOOKUP(D$1,városok!$A$2:$C$346,2,0))^2+(VLOOKUP($A14,városok!$A$2:$C$346,3,0)-VLOOKUP(D$1,városok!$A$2:$C$346,3,0))^2)/1000,0)</f>
        <v>55</v>
      </c>
      <c r="E14">
        <f ca="1">ROUND(SQRT((VLOOKUP($A14,városok!$A$2:$C$346,2,0)-VLOOKUP(E$1,városok!$A$2:$C$346,2,0))^2+(VLOOKUP($A14,városok!$A$2:$C$346,3,0)-VLOOKUP(E$1,városok!$A$2:$C$346,3,0))^2)/1000,0)</f>
        <v>98</v>
      </c>
      <c r="F14">
        <f ca="1">ROUND(SQRT((VLOOKUP($A14,városok!$A$2:$C$346,2,0)-VLOOKUP(F$1,városok!$A$2:$C$346,2,0))^2+(VLOOKUP($A14,városok!$A$2:$C$346,3,0)-VLOOKUP(F$1,városok!$A$2:$C$346,3,0))^2)/1000,0)</f>
        <v>79</v>
      </c>
      <c r="G14">
        <f ca="1">ROUND(SQRT((VLOOKUP($A14,városok!$A$2:$C$346,2,0)-VLOOKUP(G$1,városok!$A$2:$C$346,2,0))^2+(VLOOKUP($A14,városok!$A$2:$C$346,3,0)-VLOOKUP(G$1,városok!$A$2:$C$346,3,0))^2)/1000,0)</f>
        <v>103</v>
      </c>
      <c r="H14">
        <f ca="1">ROUND(SQRT((VLOOKUP($A14,városok!$A$2:$C$346,2,0)-VLOOKUP(H$1,városok!$A$2:$C$346,2,0))^2+(VLOOKUP($A14,városok!$A$2:$C$346,3,0)-VLOOKUP(H$1,városok!$A$2:$C$346,3,0))^2)/1000,0)</f>
        <v>137</v>
      </c>
      <c r="I14">
        <f ca="1">ROUND(SQRT((VLOOKUP($A14,városok!$A$2:$C$346,2,0)-VLOOKUP(I$1,városok!$A$2:$C$346,2,0))^2+(VLOOKUP($A14,városok!$A$2:$C$346,3,0)-VLOOKUP(I$1,városok!$A$2:$C$346,3,0))^2)/1000,0)</f>
        <v>126</v>
      </c>
      <c r="J14">
        <f ca="1">ROUND(SQRT((VLOOKUP($A14,városok!$A$2:$C$346,2,0)-VLOOKUP(J$1,városok!$A$2:$C$346,2,0))^2+(VLOOKUP($A14,városok!$A$2:$C$346,3,0)-VLOOKUP(J$1,városok!$A$2:$C$346,3,0))^2)/1000,0)</f>
        <v>140</v>
      </c>
      <c r="K14">
        <f ca="1">ROUND(SQRT((VLOOKUP($A14,városok!$A$2:$C$346,2,0)-VLOOKUP(K$1,városok!$A$2:$C$346,2,0))^2+(VLOOKUP($A14,városok!$A$2:$C$346,3,0)-VLOOKUP(K$1,városok!$A$2:$C$346,3,0))^2)/1000,0)</f>
        <v>92</v>
      </c>
      <c r="L14">
        <f ca="1">ROUND(SQRT((VLOOKUP($A14,városok!$A$2:$C$346,2,0)-VLOOKUP(L$1,városok!$A$2:$C$346,2,0))^2+(VLOOKUP($A14,városok!$A$2:$C$346,3,0)-VLOOKUP(L$1,városok!$A$2:$C$346,3,0))^2)/1000,0)</f>
        <v>221</v>
      </c>
      <c r="M14">
        <f ca="1">ROUND(SQRT((VLOOKUP($A14,városok!$A$2:$C$346,2,0)-VLOOKUP(M$1,városok!$A$2:$C$346,2,0))^2+(VLOOKUP($A14,városok!$A$2:$C$346,3,0)-VLOOKUP(M$1,városok!$A$2:$C$346,3,0))^2)/1000,0)</f>
        <v>211</v>
      </c>
      <c r="N14">
        <f ca="1">ROUND(SQRT((VLOOKUP($A14,városok!$A$2:$C$346,2,0)-VLOOKUP(N$1,városok!$A$2:$C$346,2,0))^2+(VLOOKUP($A14,városok!$A$2:$C$346,3,0)-VLOOKUP(N$1,városok!$A$2:$C$346,3,0))^2)/1000,0)</f>
        <v>208</v>
      </c>
      <c r="O14">
        <f ca="1">ROUND(SQRT((VLOOKUP($A14,városok!$A$2:$C$346,2,0)-VLOOKUP(O$1,városok!$A$2:$C$346,2,0))^2+(VLOOKUP($A14,városok!$A$2:$C$346,3,0)-VLOOKUP(O$1,városok!$A$2:$C$346,3,0))^2)/1000,0)</f>
        <v>273</v>
      </c>
      <c r="P14">
        <f ca="1">ROUND(SQRT((VLOOKUP($A14,városok!$A$2:$C$346,2,0)-VLOOKUP(P$1,városok!$A$2:$C$346,2,0))^2+(VLOOKUP($A14,városok!$A$2:$C$346,3,0)-VLOOKUP(P$1,városok!$A$2:$C$346,3,0))^2)/1000,0)</f>
        <v>273</v>
      </c>
      <c r="Q14">
        <f ca="1">ROUND(SQRT((VLOOKUP($A14,városok!$A$2:$C$346,2,0)-VLOOKUP(Q$1,városok!$A$2:$C$346,2,0))^2+(VLOOKUP($A14,városok!$A$2:$C$346,3,0)-VLOOKUP(Q$1,városok!$A$2:$C$346,3,0))^2)/1000,0)</f>
        <v>65</v>
      </c>
      <c r="R14">
        <f ca="1">ROUND(SQRT((VLOOKUP($A14,városok!$A$2:$C$346,2,0)-VLOOKUP(R$1,városok!$A$2:$C$346,2,0))^2+(VLOOKUP($A14,városok!$A$2:$C$346,3,0)-VLOOKUP(R$1,városok!$A$2:$C$346,3,0))^2)/1000,0)</f>
        <v>80</v>
      </c>
      <c r="S14">
        <f ca="1">ROUND(SQRT((VLOOKUP($A14,városok!$A$2:$C$346,2,0)-VLOOKUP(S$1,városok!$A$2:$C$346,2,0))^2+(VLOOKUP($A14,városok!$A$2:$C$346,3,0)-VLOOKUP(S$1,városok!$A$2:$C$346,3,0))^2)/1000,0)</f>
        <v>56</v>
      </c>
      <c r="T14">
        <f ca="1">ROUND(SQRT((VLOOKUP($A14,városok!$A$2:$C$346,2,0)-VLOOKUP(T$1,városok!$A$2:$C$346,2,0))^2+(VLOOKUP($A14,városok!$A$2:$C$346,3,0)-VLOOKUP(T$1,városok!$A$2:$C$346,3,0))^2)/1000,0)</f>
        <v>134</v>
      </c>
      <c r="U14">
        <f ca="1">ROUND(SQRT((VLOOKUP($A14,városok!$A$2:$C$346,2,0)-VLOOKUP(U$1,városok!$A$2:$C$346,2,0))^2+(VLOOKUP($A14,városok!$A$2:$C$346,3,0)-VLOOKUP(U$1,városok!$A$2:$C$346,3,0))^2)/1000,0)</f>
        <v>73</v>
      </c>
      <c r="V14">
        <f ca="1">ROUND(SQRT((VLOOKUP($A14,városok!$A$2:$C$346,2,0)-VLOOKUP(V$1,városok!$A$2:$C$346,2,0))^2+(VLOOKUP($A14,városok!$A$2:$C$346,3,0)-VLOOKUP(V$1,városok!$A$2:$C$346,3,0))^2)/1000,0)</f>
        <v>114</v>
      </c>
      <c r="W14">
        <f ca="1">ROUND(SQRT((VLOOKUP($A14,városok!$A$2:$C$346,2,0)-VLOOKUP(W$1,városok!$A$2:$C$346,2,0))^2+(VLOOKUP($A14,városok!$A$2:$C$346,3,0)-VLOOKUP(W$1,városok!$A$2:$C$346,3,0))^2)/1000,0)</f>
        <v>83</v>
      </c>
      <c r="X14">
        <f ca="1">ROUND(SQRT((VLOOKUP($A14,városok!$A$2:$C$346,2,0)-VLOOKUP(X$1,városok!$A$2:$C$346,2,0))^2+(VLOOKUP($A14,városok!$A$2:$C$346,3,0)-VLOOKUP(X$1,városok!$A$2:$C$346,3,0))^2)/1000,0)</f>
        <v>130</v>
      </c>
      <c r="Y14">
        <f ca="1">ROUND(SQRT((VLOOKUP($A14,városok!$A$2:$C$346,2,0)-VLOOKUP(Y$1,városok!$A$2:$C$346,2,0))^2+(VLOOKUP($A14,városok!$A$2:$C$346,3,0)-VLOOKUP(Y$1,városok!$A$2:$C$346,3,0))^2)/1000,0)</f>
        <v>198</v>
      </c>
      <c r="Z14">
        <f ca="1">ROUND(SQRT((VLOOKUP($A14,városok!$A$2:$C$346,2,0)-VLOOKUP(Z$1,városok!$A$2:$C$346,2,0))^2+(VLOOKUP($A14,városok!$A$2:$C$346,3,0)-VLOOKUP(Z$1,városok!$A$2:$C$346,3,0))^2)/1000,0)</f>
        <v>215</v>
      </c>
      <c r="AA14">
        <f ca="1">ROUND(SQRT((VLOOKUP($A14,városok!$A$2:$C$346,2,0)-VLOOKUP(AA$1,városok!$A$2:$C$346,2,0))^2+(VLOOKUP($A14,városok!$A$2:$C$346,3,0)-VLOOKUP(AA$1,városok!$A$2:$C$346,3,0))^2)/1000,0)</f>
        <v>260</v>
      </c>
      <c r="AB14">
        <f ca="1">ROUND(SQRT((VLOOKUP($A14,városok!$A$2:$C$346,2,0)-VLOOKUP(AB$1,városok!$A$2:$C$346,2,0))^2+(VLOOKUP($A14,városok!$A$2:$C$346,3,0)-VLOOKUP(AB$1,városok!$A$2:$C$346,3,0))^2)/1000,0)</f>
        <v>204</v>
      </c>
      <c r="AC14">
        <f ca="1">ROUND(SQRT((VLOOKUP($A14,városok!$A$2:$C$346,2,0)-VLOOKUP(AC$1,városok!$A$2:$C$346,2,0))^2+(VLOOKUP($A14,városok!$A$2:$C$346,3,0)-VLOOKUP(AC$1,városok!$A$2:$C$346,3,0))^2)/1000,0)</f>
        <v>184</v>
      </c>
      <c r="AD14">
        <f ca="1">ROUND(SQRT((VLOOKUP($A14,városok!$A$2:$C$346,2,0)-VLOOKUP(AD$1,városok!$A$2:$C$346,2,0))^2+(VLOOKUP($A14,városok!$A$2:$C$346,3,0)-VLOOKUP(AD$1,városok!$A$2:$C$346,3,0))^2)/1000,0)</f>
        <v>169</v>
      </c>
      <c r="AE14">
        <f ca="1">ROUND(SQRT((VLOOKUP($A14,városok!$A$2:$C$346,2,0)-VLOOKUP(AE$1,városok!$A$2:$C$346,2,0))^2+(VLOOKUP($A14,városok!$A$2:$C$346,3,0)-VLOOKUP(AE$1,városok!$A$2:$C$346,3,0))^2)/1000,0)</f>
        <v>160</v>
      </c>
      <c r="AF14">
        <f ca="1">ROUND(SQRT((VLOOKUP($A14,városok!$A$2:$C$346,2,0)-VLOOKUP(AF$1,városok!$A$2:$C$346,2,0))^2+(VLOOKUP($A14,városok!$A$2:$C$346,3,0)-VLOOKUP(AF$1,városok!$A$2:$C$346,3,0))^2)/1000,0)</f>
        <v>177</v>
      </c>
      <c r="AG14">
        <f ca="1">ROUND(SQRT((VLOOKUP($A14,városok!$A$2:$C$346,2,0)-VLOOKUP(AG$1,városok!$A$2:$C$346,2,0))^2+(VLOOKUP($A14,városok!$A$2:$C$346,3,0)-VLOOKUP(AG$1,városok!$A$2:$C$346,3,0))^2)/1000,0)</f>
        <v>154</v>
      </c>
      <c r="AH14">
        <f ca="1">ROUND(SQRT((VLOOKUP($A14,városok!$A$2:$C$346,2,0)-VLOOKUP(AH$1,városok!$A$2:$C$346,2,0))^2+(VLOOKUP($A14,városok!$A$2:$C$346,3,0)-VLOOKUP(AH$1,városok!$A$2:$C$346,3,0))^2)/1000,0)</f>
        <v>138</v>
      </c>
      <c r="AI14">
        <f ca="1">ROUND(SQRT((VLOOKUP($A14,városok!$A$2:$C$346,2,0)-VLOOKUP(AI$1,városok!$A$2:$C$346,2,0))^2+(VLOOKUP($A14,városok!$A$2:$C$346,3,0)-VLOOKUP(AI$1,városok!$A$2:$C$346,3,0))^2)/1000,0)</f>
        <v>183</v>
      </c>
      <c r="AJ14">
        <f ca="1">ROUND(SQRT((VLOOKUP($A14,városok!$A$2:$C$346,2,0)-VLOOKUP(AJ$1,városok!$A$2:$C$346,2,0))^2+(VLOOKUP($A14,városok!$A$2:$C$346,3,0)-VLOOKUP(AJ$1,városok!$A$2:$C$346,3,0))^2)/1000,0)</f>
        <v>140</v>
      </c>
      <c r="AK14">
        <f ca="1">ROUND(SQRT((VLOOKUP($A14,városok!$A$2:$C$346,2,0)-VLOOKUP(AK$1,városok!$A$2:$C$346,2,0))^2+(VLOOKUP($A14,városok!$A$2:$C$346,3,0)-VLOOKUP(AK$1,városok!$A$2:$C$346,3,0))^2)/1000,0)</f>
        <v>148</v>
      </c>
      <c r="AL14">
        <f ca="1">ROUND(SQRT((VLOOKUP($A14,városok!$A$2:$C$346,2,0)-VLOOKUP(AL$1,városok!$A$2:$C$346,2,0))^2+(VLOOKUP($A14,városok!$A$2:$C$346,3,0)-VLOOKUP(AL$1,városok!$A$2:$C$346,3,0))^2)/1000,0)</f>
        <v>136</v>
      </c>
      <c r="AM14">
        <f ca="1">ROUND(SQRT((VLOOKUP($A14,városok!$A$2:$C$346,2,0)-VLOOKUP(AM$1,városok!$A$2:$C$346,2,0))^2+(VLOOKUP($A14,városok!$A$2:$C$346,3,0)-VLOOKUP(AM$1,városok!$A$2:$C$346,3,0))^2)/1000,0)</f>
        <v>99</v>
      </c>
      <c r="AN14">
        <f ca="1">ROUND(SQRT((VLOOKUP($A14,városok!$A$2:$C$346,2,0)-VLOOKUP(AN$1,városok!$A$2:$C$346,2,0))^2+(VLOOKUP($A14,városok!$A$2:$C$346,3,0)-VLOOKUP(AN$1,városok!$A$2:$C$346,3,0))^2)/1000,0)</f>
        <v>161</v>
      </c>
      <c r="AO14">
        <f ca="1">ROUND(SQRT((VLOOKUP($A14,városok!$A$2:$C$346,2,0)-VLOOKUP(AO$1,városok!$A$2:$C$346,2,0))^2+(VLOOKUP($A14,városok!$A$2:$C$346,3,0)-VLOOKUP(AO$1,városok!$A$2:$C$346,3,0))^2)/1000,0)</f>
        <v>178</v>
      </c>
      <c r="AP14">
        <f ca="1">ROUND(SQRT((VLOOKUP($A14,városok!$A$2:$C$346,2,0)-VLOOKUP(AP$1,városok!$A$2:$C$346,2,0))^2+(VLOOKUP($A14,városok!$A$2:$C$346,3,0)-VLOOKUP(AP$1,városok!$A$2:$C$346,3,0))^2)/1000,0)</f>
        <v>161</v>
      </c>
      <c r="AQ14">
        <f ca="1">ROUND(SQRT((VLOOKUP($A14,városok!$A$2:$C$346,2,0)-VLOOKUP(AQ$1,városok!$A$2:$C$346,2,0))^2+(VLOOKUP($A14,városok!$A$2:$C$346,3,0)-VLOOKUP(AQ$1,városok!$A$2:$C$346,3,0))^2)/1000,0)</f>
        <v>150</v>
      </c>
      <c r="AR14">
        <f ca="1">ROUND(SQRT((VLOOKUP($A14,városok!$A$2:$C$346,2,0)-VLOOKUP(AR$1,városok!$A$2:$C$346,2,0))^2+(VLOOKUP($A14,városok!$A$2:$C$346,3,0)-VLOOKUP(AR$1,városok!$A$2:$C$346,3,0))^2)/1000,0)</f>
        <v>166</v>
      </c>
      <c r="AS14">
        <f ca="1">ROUND(SQRT((VLOOKUP($A14,városok!$A$2:$C$346,2,0)-VLOOKUP(AS$1,városok!$A$2:$C$346,2,0))^2+(VLOOKUP($A14,városok!$A$2:$C$346,3,0)-VLOOKUP(AS$1,városok!$A$2:$C$346,3,0))^2)/1000,0)</f>
        <v>188</v>
      </c>
      <c r="AT14">
        <f ca="1">ROUND(SQRT((VLOOKUP($A14,városok!$A$2:$C$346,2,0)-VLOOKUP(AT$1,városok!$A$2:$C$346,2,0))^2+(VLOOKUP($A14,városok!$A$2:$C$346,3,0)-VLOOKUP(AT$1,városok!$A$2:$C$346,3,0))^2)/1000,0)</f>
        <v>126</v>
      </c>
      <c r="AU14">
        <f ca="1">ROUND(SQRT((VLOOKUP($A14,városok!$A$2:$C$346,2,0)-VLOOKUP(AU$1,városok!$A$2:$C$346,2,0))^2+(VLOOKUP($A14,városok!$A$2:$C$346,3,0)-VLOOKUP(AU$1,városok!$A$2:$C$346,3,0))^2)/1000,0)</f>
        <v>121</v>
      </c>
      <c r="AV14">
        <f ca="1">ROUND(SQRT((VLOOKUP($A14,városok!$A$2:$C$346,2,0)-VLOOKUP(AV$1,városok!$A$2:$C$346,2,0))^2+(VLOOKUP($A14,városok!$A$2:$C$346,3,0)-VLOOKUP(AV$1,városok!$A$2:$C$346,3,0))^2)/1000,0)</f>
        <v>116</v>
      </c>
      <c r="AW14">
        <f ca="1">ROUND(SQRT((VLOOKUP($A14,városok!$A$2:$C$346,2,0)-VLOOKUP(AW$1,városok!$A$2:$C$346,2,0))^2+(VLOOKUP($A14,városok!$A$2:$C$346,3,0)-VLOOKUP(AW$1,városok!$A$2:$C$346,3,0))^2)/1000,0)</f>
        <v>116</v>
      </c>
      <c r="AX14">
        <f ca="1">ROUND(SQRT((VLOOKUP($A14,városok!$A$2:$C$346,2,0)-VLOOKUP(AX$1,városok!$A$2:$C$346,2,0))^2+(VLOOKUP($A14,városok!$A$2:$C$346,3,0)-VLOOKUP(AX$1,városok!$A$2:$C$346,3,0))^2)/1000,0)</f>
        <v>70</v>
      </c>
      <c r="AY14">
        <f ca="1">ROUND(SQRT((VLOOKUP($A14,városok!$A$2:$C$346,2,0)-VLOOKUP(AY$1,városok!$A$2:$C$346,2,0))^2+(VLOOKUP($A14,városok!$A$2:$C$346,3,0)-VLOOKUP(AY$1,városok!$A$2:$C$346,3,0))^2)/1000,0)</f>
        <v>143</v>
      </c>
      <c r="AZ14">
        <f ca="1">ROUND(SQRT((VLOOKUP($A14,városok!$A$2:$C$346,2,0)-VLOOKUP(AZ$1,városok!$A$2:$C$346,2,0))^2+(VLOOKUP($A14,városok!$A$2:$C$346,3,0)-VLOOKUP(AZ$1,városok!$A$2:$C$346,3,0))^2)/1000,0)</f>
        <v>155</v>
      </c>
      <c r="BA14">
        <f ca="1">ROUND(SQRT((VLOOKUP($A14,városok!$A$2:$C$346,2,0)-VLOOKUP(BA$1,városok!$A$2:$C$346,2,0))^2+(VLOOKUP($A14,városok!$A$2:$C$346,3,0)-VLOOKUP(BA$1,városok!$A$2:$C$346,3,0))^2)/1000,0)</f>
        <v>142</v>
      </c>
      <c r="BB14">
        <f ca="1">ROUND(SQRT((VLOOKUP($A14,városok!$A$2:$C$346,2,0)-VLOOKUP(BB$1,városok!$A$2:$C$346,2,0))^2+(VLOOKUP($A14,városok!$A$2:$C$346,3,0)-VLOOKUP(BB$1,városok!$A$2:$C$346,3,0))^2)/1000,0)</f>
        <v>119</v>
      </c>
      <c r="BC14">
        <f ca="1">ROUND(SQRT((VLOOKUP($A14,városok!$A$2:$C$346,2,0)-VLOOKUP(BC$1,városok!$A$2:$C$346,2,0))^2+(VLOOKUP($A14,városok!$A$2:$C$346,3,0)-VLOOKUP(BC$1,városok!$A$2:$C$346,3,0))^2)/1000,0)</f>
        <v>130</v>
      </c>
      <c r="BD14">
        <f ca="1">ROUND(SQRT((VLOOKUP($A14,városok!$A$2:$C$346,2,0)-VLOOKUP(BD$1,városok!$A$2:$C$346,2,0))^2+(VLOOKUP($A14,városok!$A$2:$C$346,3,0)-VLOOKUP(BD$1,városok!$A$2:$C$346,3,0))^2)/1000,0)</f>
        <v>121</v>
      </c>
      <c r="BE14">
        <f ca="1">ROUND(SQRT((VLOOKUP($A14,városok!$A$2:$C$346,2,0)-VLOOKUP(BE$1,városok!$A$2:$C$346,2,0))^2+(VLOOKUP($A14,városok!$A$2:$C$346,3,0)-VLOOKUP(BE$1,városok!$A$2:$C$346,3,0))^2)/1000,0)</f>
        <v>288</v>
      </c>
      <c r="BF14">
        <f ca="1">ROUND(SQRT((VLOOKUP($A14,városok!$A$2:$C$346,2,0)-VLOOKUP(BF$1,városok!$A$2:$C$346,2,0))^2+(VLOOKUP($A14,városok!$A$2:$C$346,3,0)-VLOOKUP(BF$1,városok!$A$2:$C$346,3,0))^2)/1000,0)</f>
        <v>279</v>
      </c>
      <c r="BG14">
        <f ca="1">ROUND(SQRT((VLOOKUP($A14,városok!$A$2:$C$346,2,0)-VLOOKUP(BG$1,városok!$A$2:$C$346,2,0))^2+(VLOOKUP($A14,városok!$A$2:$C$346,3,0)-VLOOKUP(BG$1,városok!$A$2:$C$346,3,0))^2)/1000,0)</f>
        <v>241</v>
      </c>
      <c r="BH14">
        <f ca="1">ROUND(SQRT((VLOOKUP($A14,városok!$A$2:$C$346,2,0)-VLOOKUP(BH$1,városok!$A$2:$C$346,2,0))^2+(VLOOKUP($A14,városok!$A$2:$C$346,3,0)-VLOOKUP(BH$1,városok!$A$2:$C$346,3,0))^2)/1000,0)</f>
        <v>241</v>
      </c>
      <c r="BI14">
        <f ca="1">ROUND(SQRT((VLOOKUP($A14,városok!$A$2:$C$346,2,0)-VLOOKUP(BI$1,városok!$A$2:$C$346,2,0))^2+(VLOOKUP($A14,városok!$A$2:$C$346,3,0)-VLOOKUP(BI$1,városok!$A$2:$C$346,3,0))^2)/1000,0)</f>
        <v>66</v>
      </c>
      <c r="BJ14">
        <f ca="1">ROUND(SQRT((VLOOKUP($A14,városok!$A$2:$C$346,2,0)-VLOOKUP(BJ$1,városok!$A$2:$C$346,2,0))^2+(VLOOKUP($A14,városok!$A$2:$C$346,3,0)-VLOOKUP(BJ$1,városok!$A$2:$C$346,3,0))^2)/1000,0)</f>
        <v>80</v>
      </c>
      <c r="BK14">
        <f ca="1">ROUND(SQRT((VLOOKUP($A14,városok!$A$2:$C$346,2,0)-VLOOKUP(BK$1,városok!$A$2:$C$346,2,0))^2+(VLOOKUP($A14,városok!$A$2:$C$346,3,0)-VLOOKUP(BK$1,városok!$A$2:$C$346,3,0))^2)/1000,0)</f>
        <v>61</v>
      </c>
      <c r="BL14">
        <f ca="1">ROUND(SQRT((VLOOKUP($A14,városok!$A$2:$C$346,2,0)-VLOOKUP(BL$1,városok!$A$2:$C$346,2,0))^2+(VLOOKUP($A14,városok!$A$2:$C$346,3,0)-VLOOKUP(BL$1,városok!$A$2:$C$346,3,0))^2)/1000,0)</f>
        <v>229</v>
      </c>
      <c r="BM14">
        <f ca="1">ROUND(SQRT((VLOOKUP($A14,városok!$A$2:$C$346,2,0)-VLOOKUP(BM$1,városok!$A$2:$C$346,2,0))^2+(VLOOKUP($A14,városok!$A$2:$C$346,3,0)-VLOOKUP(BM$1,városok!$A$2:$C$346,3,0))^2)/1000,0)</f>
        <v>215</v>
      </c>
      <c r="BN14">
        <f ca="1">ROUND(SQRT((VLOOKUP($A14,városok!$A$2:$C$346,2,0)-VLOOKUP(BN$1,városok!$A$2:$C$346,2,0))^2+(VLOOKUP($A14,városok!$A$2:$C$346,3,0)-VLOOKUP(BN$1,városok!$A$2:$C$346,3,0))^2)/1000,0)</f>
        <v>236</v>
      </c>
      <c r="BO14">
        <f ca="1">ROUND(SQRT((VLOOKUP($A14,városok!$A$2:$C$346,2,0)-VLOOKUP(BO$1,városok!$A$2:$C$346,2,0))^2+(VLOOKUP($A14,városok!$A$2:$C$346,3,0)-VLOOKUP(BO$1,városok!$A$2:$C$346,3,0))^2)/1000,0)</f>
        <v>131</v>
      </c>
      <c r="BP14">
        <f ca="1">ROUND(SQRT((VLOOKUP($A14,városok!$A$2:$C$346,2,0)-VLOOKUP(BP$1,városok!$A$2:$C$346,2,0))^2+(VLOOKUP($A14,városok!$A$2:$C$346,3,0)-VLOOKUP(BP$1,városok!$A$2:$C$346,3,0))^2)/1000,0)</f>
        <v>124</v>
      </c>
      <c r="BQ14">
        <f ca="1">ROUND(SQRT((VLOOKUP($A14,városok!$A$2:$C$346,2,0)-VLOOKUP(BQ$1,városok!$A$2:$C$346,2,0))^2+(VLOOKUP($A14,városok!$A$2:$C$346,3,0)-VLOOKUP(BQ$1,városok!$A$2:$C$346,3,0))^2)/1000,0)</f>
        <v>141</v>
      </c>
      <c r="BR14">
        <f ca="1">ROUND(SQRT((VLOOKUP($A14,városok!$A$2:$C$346,2,0)-VLOOKUP(BR$1,városok!$A$2:$C$346,2,0))^2+(VLOOKUP($A14,városok!$A$2:$C$346,3,0)-VLOOKUP(BR$1,városok!$A$2:$C$346,3,0))^2)/1000,0)</f>
        <v>175</v>
      </c>
      <c r="BS14">
        <f ca="1">ROUND(SQRT((VLOOKUP($A14,városok!$A$2:$C$346,2,0)-VLOOKUP(BS$1,városok!$A$2:$C$346,2,0))^2+(VLOOKUP($A14,városok!$A$2:$C$346,3,0)-VLOOKUP(BS$1,városok!$A$2:$C$346,3,0))^2)/1000,0)</f>
        <v>191</v>
      </c>
      <c r="BT14">
        <f ca="1">ROUND(SQRT((VLOOKUP($A14,városok!$A$2:$C$346,2,0)-VLOOKUP(BT$1,városok!$A$2:$C$346,2,0))^2+(VLOOKUP($A14,városok!$A$2:$C$346,3,0)-VLOOKUP(BT$1,városok!$A$2:$C$346,3,0))^2)/1000,0)</f>
        <v>207</v>
      </c>
    </row>
    <row r="15" spans="1:72" x14ac:dyDescent="0.2">
      <c r="A15" t="str">
        <f>városok!A15</f>
        <v>Kiskunmajsa</v>
      </c>
      <c r="B15">
        <f ca="1">ROUND(SQRT((VLOOKUP($A15,városok!$A$2:$C$346,2,0)-VLOOKUP(B$1,városok!$A$2:$C$346,2,0))^2+(VLOOKUP($A15,városok!$A$2:$C$346,3,0)-VLOOKUP(B$1,városok!$A$2:$C$346,3,0))^2)/1000,0)</f>
        <v>69</v>
      </c>
      <c r="C15">
        <f ca="1">ROUND(SQRT((VLOOKUP($A15,városok!$A$2:$C$346,2,0)-VLOOKUP(C$1,városok!$A$2:$C$346,2,0))^2+(VLOOKUP($A15,városok!$A$2:$C$346,3,0)-VLOOKUP(C$1,városok!$A$2:$C$346,3,0))^2)/1000,0)</f>
        <v>58</v>
      </c>
      <c r="D15">
        <f ca="1">ROUND(SQRT((VLOOKUP($A15,városok!$A$2:$C$346,2,0)-VLOOKUP(D$1,városok!$A$2:$C$346,2,0))^2+(VLOOKUP($A15,városok!$A$2:$C$346,3,0)-VLOOKUP(D$1,városok!$A$2:$C$346,3,0))^2)/1000,0)</f>
        <v>46</v>
      </c>
      <c r="E15">
        <f ca="1">ROUND(SQRT((VLOOKUP($A15,városok!$A$2:$C$346,2,0)-VLOOKUP(E$1,városok!$A$2:$C$346,2,0))^2+(VLOOKUP($A15,városok!$A$2:$C$346,3,0)-VLOOKUP(E$1,városok!$A$2:$C$346,3,0))^2)/1000,0)</f>
        <v>118</v>
      </c>
      <c r="F15">
        <f ca="1">ROUND(SQRT((VLOOKUP($A15,városok!$A$2:$C$346,2,0)-VLOOKUP(F$1,városok!$A$2:$C$346,2,0))^2+(VLOOKUP($A15,városok!$A$2:$C$346,3,0)-VLOOKUP(F$1,városok!$A$2:$C$346,3,0))^2)/1000,0)</f>
        <v>98</v>
      </c>
      <c r="G15">
        <f ca="1">ROUND(SQRT((VLOOKUP($A15,városok!$A$2:$C$346,2,0)-VLOOKUP(G$1,városok!$A$2:$C$346,2,0))^2+(VLOOKUP($A15,városok!$A$2:$C$346,3,0)-VLOOKUP(G$1,városok!$A$2:$C$346,3,0))^2)/1000,0)</f>
        <v>123</v>
      </c>
      <c r="H15">
        <f ca="1">ROUND(SQRT((VLOOKUP($A15,városok!$A$2:$C$346,2,0)-VLOOKUP(H$1,városok!$A$2:$C$346,2,0))^2+(VLOOKUP($A15,városok!$A$2:$C$346,3,0)-VLOOKUP(H$1,városok!$A$2:$C$346,3,0))^2)/1000,0)</f>
        <v>157</v>
      </c>
      <c r="I15">
        <f ca="1">ROUND(SQRT((VLOOKUP($A15,városok!$A$2:$C$346,2,0)-VLOOKUP(I$1,városok!$A$2:$C$346,2,0))^2+(VLOOKUP($A15,városok!$A$2:$C$346,3,0)-VLOOKUP(I$1,városok!$A$2:$C$346,3,0))^2)/1000,0)</f>
        <v>105</v>
      </c>
      <c r="J15">
        <f ca="1">ROUND(SQRT((VLOOKUP($A15,városok!$A$2:$C$346,2,0)-VLOOKUP(J$1,városok!$A$2:$C$346,2,0))^2+(VLOOKUP($A15,városok!$A$2:$C$346,3,0)-VLOOKUP(J$1,városok!$A$2:$C$346,3,0))^2)/1000,0)</f>
        <v>119</v>
      </c>
      <c r="K15">
        <f ca="1">ROUND(SQRT((VLOOKUP($A15,városok!$A$2:$C$346,2,0)-VLOOKUP(K$1,városok!$A$2:$C$346,2,0))^2+(VLOOKUP($A15,városok!$A$2:$C$346,3,0)-VLOOKUP(K$1,városok!$A$2:$C$346,3,0))^2)/1000,0)</f>
        <v>72</v>
      </c>
      <c r="L15">
        <f ca="1">ROUND(SQRT((VLOOKUP($A15,városok!$A$2:$C$346,2,0)-VLOOKUP(L$1,városok!$A$2:$C$346,2,0))^2+(VLOOKUP($A15,városok!$A$2:$C$346,3,0)-VLOOKUP(L$1,városok!$A$2:$C$346,3,0))^2)/1000,0)</f>
        <v>207</v>
      </c>
      <c r="M15">
        <f ca="1">ROUND(SQRT((VLOOKUP($A15,városok!$A$2:$C$346,2,0)-VLOOKUP(M$1,városok!$A$2:$C$346,2,0))^2+(VLOOKUP($A15,városok!$A$2:$C$346,3,0)-VLOOKUP(M$1,városok!$A$2:$C$346,3,0))^2)/1000,0)</f>
        <v>196</v>
      </c>
      <c r="N15">
        <f ca="1">ROUND(SQRT((VLOOKUP($A15,városok!$A$2:$C$346,2,0)-VLOOKUP(N$1,városok!$A$2:$C$346,2,0))^2+(VLOOKUP($A15,városok!$A$2:$C$346,3,0)-VLOOKUP(N$1,városok!$A$2:$C$346,3,0))^2)/1000,0)</f>
        <v>197</v>
      </c>
      <c r="O15">
        <f ca="1">ROUND(SQRT((VLOOKUP($A15,városok!$A$2:$C$346,2,0)-VLOOKUP(O$1,városok!$A$2:$C$346,2,0))^2+(VLOOKUP($A15,városok!$A$2:$C$346,3,0)-VLOOKUP(O$1,városok!$A$2:$C$346,3,0))^2)/1000,0)</f>
        <v>256</v>
      </c>
      <c r="P15">
        <f ca="1">ROUND(SQRT((VLOOKUP($A15,városok!$A$2:$C$346,2,0)-VLOOKUP(P$1,városok!$A$2:$C$346,2,0))^2+(VLOOKUP($A15,városok!$A$2:$C$346,3,0)-VLOOKUP(P$1,városok!$A$2:$C$346,3,0))^2)/1000,0)</f>
        <v>256</v>
      </c>
      <c r="Q15">
        <f ca="1">ROUND(SQRT((VLOOKUP($A15,városok!$A$2:$C$346,2,0)-VLOOKUP(Q$1,városok!$A$2:$C$346,2,0))^2+(VLOOKUP($A15,városok!$A$2:$C$346,3,0)-VLOOKUP(Q$1,városok!$A$2:$C$346,3,0))^2)/1000,0)</f>
        <v>46</v>
      </c>
      <c r="R15">
        <f ca="1">ROUND(SQRT((VLOOKUP($A15,városok!$A$2:$C$346,2,0)-VLOOKUP(R$1,városok!$A$2:$C$346,2,0))^2+(VLOOKUP($A15,városok!$A$2:$C$346,3,0)-VLOOKUP(R$1,városok!$A$2:$C$346,3,0))^2)/1000,0)</f>
        <v>65</v>
      </c>
      <c r="S15">
        <f ca="1">ROUND(SQRT((VLOOKUP($A15,városok!$A$2:$C$346,2,0)-VLOOKUP(S$1,városok!$A$2:$C$346,2,0))^2+(VLOOKUP($A15,városok!$A$2:$C$346,3,0)-VLOOKUP(S$1,városok!$A$2:$C$346,3,0))^2)/1000,0)</f>
        <v>43</v>
      </c>
      <c r="T15">
        <f ca="1">ROUND(SQRT((VLOOKUP($A15,városok!$A$2:$C$346,2,0)-VLOOKUP(T$1,városok!$A$2:$C$346,2,0))^2+(VLOOKUP($A15,városok!$A$2:$C$346,3,0)-VLOOKUP(T$1,városok!$A$2:$C$346,3,0))^2)/1000,0)</f>
        <v>139</v>
      </c>
      <c r="U15">
        <f ca="1">ROUND(SQRT((VLOOKUP($A15,városok!$A$2:$C$346,2,0)-VLOOKUP(U$1,városok!$A$2:$C$346,2,0))^2+(VLOOKUP($A15,városok!$A$2:$C$346,3,0)-VLOOKUP(U$1,városok!$A$2:$C$346,3,0))^2)/1000,0)</f>
        <v>81</v>
      </c>
      <c r="V15">
        <f ca="1">ROUND(SQRT((VLOOKUP($A15,városok!$A$2:$C$346,2,0)-VLOOKUP(V$1,városok!$A$2:$C$346,2,0))^2+(VLOOKUP($A15,városok!$A$2:$C$346,3,0)-VLOOKUP(V$1,városok!$A$2:$C$346,3,0))^2)/1000,0)</f>
        <v>126</v>
      </c>
      <c r="W15">
        <f ca="1">ROUND(SQRT((VLOOKUP($A15,városok!$A$2:$C$346,2,0)-VLOOKUP(W$1,városok!$A$2:$C$346,2,0))^2+(VLOOKUP($A15,városok!$A$2:$C$346,3,0)-VLOOKUP(W$1,városok!$A$2:$C$346,3,0))^2)/1000,0)</f>
        <v>96</v>
      </c>
      <c r="X15">
        <f ca="1">ROUND(SQRT((VLOOKUP($A15,városok!$A$2:$C$346,2,0)-VLOOKUP(X$1,városok!$A$2:$C$346,2,0))^2+(VLOOKUP($A15,városok!$A$2:$C$346,3,0)-VLOOKUP(X$1,városok!$A$2:$C$346,3,0))^2)/1000,0)</f>
        <v>139</v>
      </c>
      <c r="Y15">
        <f ca="1">ROUND(SQRT((VLOOKUP($A15,városok!$A$2:$C$346,2,0)-VLOOKUP(Y$1,városok!$A$2:$C$346,2,0))^2+(VLOOKUP($A15,városok!$A$2:$C$346,3,0)-VLOOKUP(Y$1,városok!$A$2:$C$346,3,0))^2)/1000,0)</f>
        <v>208</v>
      </c>
      <c r="Z15">
        <f ca="1">ROUND(SQRT((VLOOKUP($A15,városok!$A$2:$C$346,2,0)-VLOOKUP(Z$1,városok!$A$2:$C$346,2,0))^2+(VLOOKUP($A15,városok!$A$2:$C$346,3,0)-VLOOKUP(Z$1,városok!$A$2:$C$346,3,0))^2)/1000,0)</f>
        <v>225</v>
      </c>
      <c r="AA15">
        <f ca="1">ROUND(SQRT((VLOOKUP($A15,városok!$A$2:$C$346,2,0)-VLOOKUP(AA$1,városok!$A$2:$C$346,2,0))^2+(VLOOKUP($A15,városok!$A$2:$C$346,3,0)-VLOOKUP(AA$1,városok!$A$2:$C$346,3,0))^2)/1000,0)</f>
        <v>274</v>
      </c>
      <c r="AB15">
        <f ca="1">ROUND(SQRT((VLOOKUP($A15,városok!$A$2:$C$346,2,0)-VLOOKUP(AB$1,városok!$A$2:$C$346,2,0))^2+(VLOOKUP($A15,városok!$A$2:$C$346,3,0)-VLOOKUP(AB$1,városok!$A$2:$C$346,3,0))^2)/1000,0)</f>
        <v>185</v>
      </c>
      <c r="AC15">
        <f ca="1">ROUND(SQRT((VLOOKUP($A15,városok!$A$2:$C$346,2,0)-VLOOKUP(AC$1,városok!$A$2:$C$346,2,0))^2+(VLOOKUP($A15,városok!$A$2:$C$346,3,0)-VLOOKUP(AC$1,városok!$A$2:$C$346,3,0))^2)/1000,0)</f>
        <v>165</v>
      </c>
      <c r="AD15">
        <f ca="1">ROUND(SQRT((VLOOKUP($A15,városok!$A$2:$C$346,2,0)-VLOOKUP(AD$1,városok!$A$2:$C$346,2,0))^2+(VLOOKUP($A15,városok!$A$2:$C$346,3,0)-VLOOKUP(AD$1,városok!$A$2:$C$346,3,0))^2)/1000,0)</f>
        <v>150</v>
      </c>
      <c r="AE15">
        <f ca="1">ROUND(SQRT((VLOOKUP($A15,városok!$A$2:$C$346,2,0)-VLOOKUP(AE$1,városok!$A$2:$C$346,2,0))^2+(VLOOKUP($A15,városok!$A$2:$C$346,3,0)-VLOOKUP(AE$1,városok!$A$2:$C$346,3,0))^2)/1000,0)</f>
        <v>140</v>
      </c>
      <c r="AF15">
        <f ca="1">ROUND(SQRT((VLOOKUP($A15,városok!$A$2:$C$346,2,0)-VLOOKUP(AF$1,városok!$A$2:$C$346,2,0))^2+(VLOOKUP($A15,városok!$A$2:$C$346,3,0)-VLOOKUP(AF$1,városok!$A$2:$C$346,3,0))^2)/1000,0)</f>
        <v>164</v>
      </c>
      <c r="AG15">
        <f ca="1">ROUND(SQRT((VLOOKUP($A15,városok!$A$2:$C$346,2,0)-VLOOKUP(AG$1,városok!$A$2:$C$346,2,0))^2+(VLOOKUP($A15,városok!$A$2:$C$346,3,0)-VLOOKUP(AG$1,városok!$A$2:$C$346,3,0))^2)/1000,0)</f>
        <v>144</v>
      </c>
      <c r="AH15">
        <f ca="1">ROUND(SQRT((VLOOKUP($A15,városok!$A$2:$C$346,2,0)-VLOOKUP(AH$1,városok!$A$2:$C$346,2,0))^2+(VLOOKUP($A15,városok!$A$2:$C$346,3,0)-VLOOKUP(AH$1,városok!$A$2:$C$346,3,0))^2)/1000,0)</f>
        <v>131</v>
      </c>
      <c r="AI15">
        <f ca="1">ROUND(SQRT((VLOOKUP($A15,városok!$A$2:$C$346,2,0)-VLOOKUP(AI$1,városok!$A$2:$C$346,2,0))^2+(VLOOKUP($A15,városok!$A$2:$C$346,3,0)-VLOOKUP(AI$1,városok!$A$2:$C$346,3,0))^2)/1000,0)</f>
        <v>172</v>
      </c>
      <c r="AJ15">
        <f ca="1">ROUND(SQRT((VLOOKUP($A15,városok!$A$2:$C$346,2,0)-VLOOKUP(AJ$1,városok!$A$2:$C$346,2,0))^2+(VLOOKUP($A15,városok!$A$2:$C$346,3,0)-VLOOKUP(AJ$1,városok!$A$2:$C$346,3,0))^2)/1000,0)</f>
        <v>129</v>
      </c>
      <c r="AK15">
        <f ca="1">ROUND(SQRT((VLOOKUP($A15,városok!$A$2:$C$346,2,0)-VLOOKUP(AK$1,városok!$A$2:$C$346,2,0))^2+(VLOOKUP($A15,városok!$A$2:$C$346,3,0)-VLOOKUP(AK$1,városok!$A$2:$C$346,3,0))^2)/1000,0)</f>
        <v>129</v>
      </c>
      <c r="AL15">
        <f ca="1">ROUND(SQRT((VLOOKUP($A15,városok!$A$2:$C$346,2,0)-VLOOKUP(AL$1,városok!$A$2:$C$346,2,0))^2+(VLOOKUP($A15,városok!$A$2:$C$346,3,0)-VLOOKUP(AL$1,városok!$A$2:$C$346,3,0))^2)/1000,0)</f>
        <v>119</v>
      </c>
      <c r="AM15">
        <f ca="1">ROUND(SQRT((VLOOKUP($A15,városok!$A$2:$C$346,2,0)-VLOOKUP(AM$1,városok!$A$2:$C$346,2,0))^2+(VLOOKUP($A15,városok!$A$2:$C$346,3,0)-VLOOKUP(AM$1,városok!$A$2:$C$346,3,0))^2)/1000,0)</f>
        <v>84</v>
      </c>
      <c r="AN15">
        <f ca="1">ROUND(SQRT((VLOOKUP($A15,városok!$A$2:$C$346,2,0)-VLOOKUP(AN$1,városok!$A$2:$C$346,2,0))^2+(VLOOKUP($A15,városok!$A$2:$C$346,3,0)-VLOOKUP(AN$1,városok!$A$2:$C$346,3,0))^2)/1000,0)</f>
        <v>163</v>
      </c>
      <c r="AO15">
        <f ca="1">ROUND(SQRT((VLOOKUP($A15,városok!$A$2:$C$346,2,0)-VLOOKUP(AO$1,városok!$A$2:$C$346,2,0))^2+(VLOOKUP($A15,városok!$A$2:$C$346,3,0)-VLOOKUP(AO$1,városok!$A$2:$C$346,3,0))^2)/1000,0)</f>
        <v>185</v>
      </c>
      <c r="AP15">
        <f ca="1">ROUND(SQRT((VLOOKUP($A15,városok!$A$2:$C$346,2,0)-VLOOKUP(AP$1,városok!$A$2:$C$346,2,0))^2+(VLOOKUP($A15,városok!$A$2:$C$346,3,0)-VLOOKUP(AP$1,városok!$A$2:$C$346,3,0))^2)/1000,0)</f>
        <v>167</v>
      </c>
      <c r="AQ15">
        <f ca="1">ROUND(SQRT((VLOOKUP($A15,városok!$A$2:$C$346,2,0)-VLOOKUP(AQ$1,városok!$A$2:$C$346,2,0))^2+(VLOOKUP($A15,városok!$A$2:$C$346,3,0)-VLOOKUP(AQ$1,városok!$A$2:$C$346,3,0))^2)/1000,0)</f>
        <v>156</v>
      </c>
      <c r="AR15">
        <f ca="1">ROUND(SQRT((VLOOKUP($A15,városok!$A$2:$C$346,2,0)-VLOOKUP(AR$1,városok!$A$2:$C$346,2,0))^2+(VLOOKUP($A15,városok!$A$2:$C$346,3,0)-VLOOKUP(AR$1,városok!$A$2:$C$346,3,0))^2)/1000,0)</f>
        <v>159</v>
      </c>
      <c r="AS15">
        <f ca="1">ROUND(SQRT((VLOOKUP($A15,városok!$A$2:$C$346,2,0)-VLOOKUP(AS$1,városok!$A$2:$C$346,2,0))^2+(VLOOKUP($A15,városok!$A$2:$C$346,3,0)-VLOOKUP(AS$1,városok!$A$2:$C$346,3,0))^2)/1000,0)</f>
        <v>180</v>
      </c>
      <c r="AT15">
        <f ca="1">ROUND(SQRT((VLOOKUP($A15,városok!$A$2:$C$346,2,0)-VLOOKUP(AT$1,városok!$A$2:$C$346,2,0))^2+(VLOOKUP($A15,városok!$A$2:$C$346,3,0)-VLOOKUP(AT$1,városok!$A$2:$C$346,3,0))^2)/1000,0)</f>
        <v>129</v>
      </c>
      <c r="AU15">
        <f ca="1">ROUND(SQRT((VLOOKUP($A15,városok!$A$2:$C$346,2,0)-VLOOKUP(AU$1,városok!$A$2:$C$346,2,0))^2+(VLOOKUP($A15,városok!$A$2:$C$346,3,0)-VLOOKUP(AU$1,városok!$A$2:$C$346,3,0))^2)/1000,0)</f>
        <v>123</v>
      </c>
      <c r="AV15">
        <f ca="1">ROUND(SQRT((VLOOKUP($A15,városok!$A$2:$C$346,2,0)-VLOOKUP(AV$1,városok!$A$2:$C$346,2,0))^2+(VLOOKUP($A15,városok!$A$2:$C$346,3,0)-VLOOKUP(AV$1,városok!$A$2:$C$346,3,0))^2)/1000,0)</f>
        <v>118</v>
      </c>
      <c r="AW15">
        <f ca="1">ROUND(SQRT((VLOOKUP($A15,városok!$A$2:$C$346,2,0)-VLOOKUP(AW$1,városok!$A$2:$C$346,2,0))^2+(VLOOKUP($A15,városok!$A$2:$C$346,3,0)-VLOOKUP(AW$1,városok!$A$2:$C$346,3,0))^2)/1000,0)</f>
        <v>118</v>
      </c>
      <c r="AX15">
        <f ca="1">ROUND(SQRT((VLOOKUP($A15,városok!$A$2:$C$346,2,0)-VLOOKUP(AX$1,városok!$A$2:$C$346,2,0))^2+(VLOOKUP($A15,városok!$A$2:$C$346,3,0)-VLOOKUP(AX$1,városok!$A$2:$C$346,3,0))^2)/1000,0)</f>
        <v>60</v>
      </c>
      <c r="AY15">
        <f ca="1">ROUND(SQRT((VLOOKUP($A15,városok!$A$2:$C$346,2,0)-VLOOKUP(AY$1,városok!$A$2:$C$346,2,0))^2+(VLOOKUP($A15,városok!$A$2:$C$346,3,0)-VLOOKUP(AY$1,városok!$A$2:$C$346,3,0))^2)/1000,0)</f>
        <v>142</v>
      </c>
      <c r="AZ15">
        <f ca="1">ROUND(SQRT((VLOOKUP($A15,városok!$A$2:$C$346,2,0)-VLOOKUP(AZ$1,városok!$A$2:$C$346,2,0))^2+(VLOOKUP($A15,városok!$A$2:$C$346,3,0)-VLOOKUP(AZ$1,városok!$A$2:$C$346,3,0))^2)/1000,0)</f>
        <v>155</v>
      </c>
      <c r="BA15">
        <f ca="1">ROUND(SQRT((VLOOKUP($A15,városok!$A$2:$C$346,2,0)-VLOOKUP(BA$1,városok!$A$2:$C$346,2,0))^2+(VLOOKUP($A15,városok!$A$2:$C$346,3,0)-VLOOKUP(BA$1,városok!$A$2:$C$346,3,0))^2)/1000,0)</f>
        <v>159</v>
      </c>
      <c r="BB15">
        <f ca="1">ROUND(SQRT((VLOOKUP($A15,városok!$A$2:$C$346,2,0)-VLOOKUP(BB$1,városok!$A$2:$C$346,2,0))^2+(VLOOKUP($A15,városok!$A$2:$C$346,3,0)-VLOOKUP(BB$1,városok!$A$2:$C$346,3,0))^2)/1000,0)</f>
        <v>138</v>
      </c>
      <c r="BC15">
        <f ca="1">ROUND(SQRT((VLOOKUP($A15,városok!$A$2:$C$346,2,0)-VLOOKUP(BC$1,városok!$A$2:$C$346,2,0))^2+(VLOOKUP($A15,városok!$A$2:$C$346,3,0)-VLOOKUP(BC$1,városok!$A$2:$C$346,3,0))^2)/1000,0)</f>
        <v>150</v>
      </c>
      <c r="BD15">
        <f ca="1">ROUND(SQRT((VLOOKUP($A15,városok!$A$2:$C$346,2,0)-VLOOKUP(BD$1,városok!$A$2:$C$346,2,0))^2+(VLOOKUP($A15,városok!$A$2:$C$346,3,0)-VLOOKUP(BD$1,városok!$A$2:$C$346,3,0))^2)/1000,0)</f>
        <v>136</v>
      </c>
      <c r="BE15">
        <f ca="1">ROUND(SQRT((VLOOKUP($A15,városok!$A$2:$C$346,2,0)-VLOOKUP(BE$1,városok!$A$2:$C$346,2,0))^2+(VLOOKUP($A15,városok!$A$2:$C$346,3,0)-VLOOKUP(BE$1,városok!$A$2:$C$346,3,0))^2)/1000,0)</f>
        <v>268</v>
      </c>
      <c r="BF15">
        <f ca="1">ROUND(SQRT((VLOOKUP($A15,városok!$A$2:$C$346,2,0)-VLOOKUP(BF$1,városok!$A$2:$C$346,2,0))^2+(VLOOKUP($A15,városok!$A$2:$C$346,3,0)-VLOOKUP(BF$1,városok!$A$2:$C$346,3,0))^2)/1000,0)</f>
        <v>261</v>
      </c>
      <c r="BG15">
        <f ca="1">ROUND(SQRT((VLOOKUP($A15,városok!$A$2:$C$346,2,0)-VLOOKUP(BG$1,városok!$A$2:$C$346,2,0))^2+(VLOOKUP($A15,városok!$A$2:$C$346,3,0)-VLOOKUP(BG$1,városok!$A$2:$C$346,3,0))^2)/1000,0)</f>
        <v>224</v>
      </c>
      <c r="BH15">
        <f ca="1">ROUND(SQRT((VLOOKUP($A15,városok!$A$2:$C$346,2,0)-VLOOKUP(BH$1,városok!$A$2:$C$346,2,0))^2+(VLOOKUP($A15,városok!$A$2:$C$346,3,0)-VLOOKUP(BH$1,városok!$A$2:$C$346,3,0))^2)/1000,0)</f>
        <v>224</v>
      </c>
      <c r="BI15">
        <f ca="1">ROUND(SQRT((VLOOKUP($A15,városok!$A$2:$C$346,2,0)-VLOOKUP(BI$1,városok!$A$2:$C$346,2,0))^2+(VLOOKUP($A15,városok!$A$2:$C$346,3,0)-VLOOKUP(BI$1,városok!$A$2:$C$346,3,0))^2)/1000,0)</f>
        <v>86</v>
      </c>
      <c r="BJ15">
        <f ca="1">ROUND(SQRT((VLOOKUP($A15,városok!$A$2:$C$346,2,0)-VLOOKUP(BJ$1,városok!$A$2:$C$346,2,0))^2+(VLOOKUP($A15,városok!$A$2:$C$346,3,0)-VLOOKUP(BJ$1,városok!$A$2:$C$346,3,0))^2)/1000,0)</f>
        <v>101</v>
      </c>
      <c r="BK15">
        <f ca="1">ROUND(SQRT((VLOOKUP($A15,városok!$A$2:$C$346,2,0)-VLOOKUP(BK$1,városok!$A$2:$C$346,2,0))^2+(VLOOKUP($A15,városok!$A$2:$C$346,3,0)-VLOOKUP(BK$1,városok!$A$2:$C$346,3,0))^2)/1000,0)</f>
        <v>81</v>
      </c>
      <c r="BL15">
        <f ca="1">ROUND(SQRT((VLOOKUP($A15,városok!$A$2:$C$346,2,0)-VLOOKUP(BL$1,városok!$A$2:$C$346,2,0))^2+(VLOOKUP($A15,városok!$A$2:$C$346,3,0)-VLOOKUP(BL$1,városok!$A$2:$C$346,3,0))^2)/1000,0)</f>
        <v>246</v>
      </c>
      <c r="BM15">
        <f ca="1">ROUND(SQRT((VLOOKUP($A15,városok!$A$2:$C$346,2,0)-VLOOKUP(BM$1,városok!$A$2:$C$346,2,0))^2+(VLOOKUP($A15,városok!$A$2:$C$346,3,0)-VLOOKUP(BM$1,városok!$A$2:$C$346,3,0))^2)/1000,0)</f>
        <v>230</v>
      </c>
      <c r="BN15">
        <f ca="1">ROUND(SQRT((VLOOKUP($A15,városok!$A$2:$C$346,2,0)-VLOOKUP(BN$1,városok!$A$2:$C$346,2,0))^2+(VLOOKUP($A15,városok!$A$2:$C$346,3,0)-VLOOKUP(BN$1,városok!$A$2:$C$346,3,0))^2)/1000,0)</f>
        <v>251</v>
      </c>
      <c r="BO15">
        <f ca="1">ROUND(SQRT((VLOOKUP($A15,városok!$A$2:$C$346,2,0)-VLOOKUP(BO$1,városok!$A$2:$C$346,2,0))^2+(VLOOKUP($A15,városok!$A$2:$C$346,3,0)-VLOOKUP(BO$1,városok!$A$2:$C$346,3,0))^2)/1000,0)</f>
        <v>145</v>
      </c>
      <c r="BP15">
        <f ca="1">ROUND(SQRT((VLOOKUP($A15,városok!$A$2:$C$346,2,0)-VLOOKUP(BP$1,városok!$A$2:$C$346,2,0))^2+(VLOOKUP($A15,városok!$A$2:$C$346,3,0)-VLOOKUP(BP$1,városok!$A$2:$C$346,3,0))^2)/1000,0)</f>
        <v>138</v>
      </c>
      <c r="BQ15">
        <f ca="1">ROUND(SQRT((VLOOKUP($A15,városok!$A$2:$C$346,2,0)-VLOOKUP(BQ$1,városok!$A$2:$C$346,2,0))^2+(VLOOKUP($A15,városok!$A$2:$C$346,3,0)-VLOOKUP(BQ$1,városok!$A$2:$C$346,3,0))^2)/1000,0)</f>
        <v>154</v>
      </c>
      <c r="BR15">
        <f ca="1">ROUND(SQRT((VLOOKUP($A15,városok!$A$2:$C$346,2,0)-VLOOKUP(BR$1,városok!$A$2:$C$346,2,0))^2+(VLOOKUP($A15,városok!$A$2:$C$346,3,0)-VLOOKUP(BR$1,városok!$A$2:$C$346,3,0))^2)/1000,0)</f>
        <v>192</v>
      </c>
      <c r="BS15">
        <f ca="1">ROUND(SQRT((VLOOKUP($A15,városok!$A$2:$C$346,2,0)-VLOOKUP(BS$1,városok!$A$2:$C$346,2,0))^2+(VLOOKUP($A15,városok!$A$2:$C$346,3,0)-VLOOKUP(BS$1,városok!$A$2:$C$346,3,0))^2)/1000,0)</f>
        <v>211</v>
      </c>
      <c r="BT15">
        <f ca="1">ROUND(SQRT((VLOOKUP($A15,városok!$A$2:$C$346,2,0)-VLOOKUP(BT$1,városok!$A$2:$C$346,2,0))^2+(VLOOKUP($A15,városok!$A$2:$C$346,3,0)-VLOOKUP(BT$1,városok!$A$2:$C$346,3,0))^2)/1000,0)</f>
        <v>225</v>
      </c>
    </row>
    <row r="16" spans="1:72" x14ac:dyDescent="0.2">
      <c r="A16" t="str">
        <f>városok!A16</f>
        <v>Kunszentmiklós</v>
      </c>
      <c r="B16">
        <f ca="1">ROUND(SQRT((VLOOKUP($A16,városok!$A$2:$C$346,2,0)-VLOOKUP(B$1,városok!$A$2:$C$346,2,0))^2+(VLOOKUP($A16,városok!$A$2:$C$346,3,0)-VLOOKUP(B$1,városok!$A$2:$C$346,3,0))^2)/1000,0)</f>
        <v>94</v>
      </c>
      <c r="C16">
        <f ca="1">ROUND(SQRT((VLOOKUP($A16,városok!$A$2:$C$346,2,0)-VLOOKUP(C$1,városok!$A$2:$C$346,2,0))^2+(VLOOKUP($A16,városok!$A$2:$C$346,3,0)-VLOOKUP(C$1,városok!$A$2:$C$346,3,0))^2)/1000,0)</f>
        <v>57</v>
      </c>
      <c r="D16">
        <f ca="1">ROUND(SQRT((VLOOKUP($A16,városok!$A$2:$C$346,2,0)-VLOOKUP(D$1,városok!$A$2:$C$346,2,0))^2+(VLOOKUP($A16,városok!$A$2:$C$346,3,0)-VLOOKUP(D$1,városok!$A$2:$C$346,3,0))^2)/1000,0)</f>
        <v>45</v>
      </c>
      <c r="E16">
        <f ca="1">ROUND(SQRT((VLOOKUP($A16,városok!$A$2:$C$346,2,0)-VLOOKUP(E$1,városok!$A$2:$C$346,2,0))^2+(VLOOKUP($A16,városok!$A$2:$C$346,3,0)-VLOOKUP(E$1,városok!$A$2:$C$346,3,0))^2)/1000,0)</f>
        <v>114</v>
      </c>
      <c r="F16">
        <f ca="1">ROUND(SQRT((VLOOKUP($A16,városok!$A$2:$C$346,2,0)-VLOOKUP(F$1,városok!$A$2:$C$346,2,0))^2+(VLOOKUP($A16,városok!$A$2:$C$346,3,0)-VLOOKUP(F$1,városok!$A$2:$C$346,3,0))^2)/1000,0)</f>
        <v>120</v>
      </c>
      <c r="G16">
        <f ca="1">ROUND(SQRT((VLOOKUP($A16,városok!$A$2:$C$346,2,0)-VLOOKUP(G$1,városok!$A$2:$C$346,2,0))^2+(VLOOKUP($A16,városok!$A$2:$C$346,3,0)-VLOOKUP(G$1,városok!$A$2:$C$346,3,0))^2)/1000,0)</f>
        <v>125</v>
      </c>
      <c r="H16">
        <f ca="1">ROUND(SQRT((VLOOKUP($A16,városok!$A$2:$C$346,2,0)-VLOOKUP(H$1,városok!$A$2:$C$346,2,0))^2+(VLOOKUP($A16,városok!$A$2:$C$346,3,0)-VLOOKUP(H$1,városok!$A$2:$C$346,3,0))^2)/1000,0)</f>
        <v>149</v>
      </c>
      <c r="I16">
        <f ca="1">ROUND(SQRT((VLOOKUP($A16,városok!$A$2:$C$346,2,0)-VLOOKUP(I$1,városok!$A$2:$C$346,2,0))^2+(VLOOKUP($A16,városok!$A$2:$C$346,3,0)-VLOOKUP(I$1,városok!$A$2:$C$346,3,0))^2)/1000,0)</f>
        <v>154</v>
      </c>
      <c r="J16">
        <f ca="1">ROUND(SQRT((VLOOKUP($A16,városok!$A$2:$C$346,2,0)-VLOOKUP(J$1,városok!$A$2:$C$346,2,0))^2+(VLOOKUP($A16,városok!$A$2:$C$346,3,0)-VLOOKUP(J$1,városok!$A$2:$C$346,3,0))^2)/1000,0)</f>
        <v>170</v>
      </c>
      <c r="K16">
        <f ca="1">ROUND(SQRT((VLOOKUP($A16,városok!$A$2:$C$346,2,0)-VLOOKUP(K$1,városok!$A$2:$C$346,2,0))^2+(VLOOKUP($A16,városok!$A$2:$C$346,3,0)-VLOOKUP(K$1,városok!$A$2:$C$346,3,0))^2)/1000,0)</f>
        <v>129</v>
      </c>
      <c r="L16">
        <f ca="1">ROUND(SQRT((VLOOKUP($A16,városok!$A$2:$C$346,2,0)-VLOOKUP(L$1,városok!$A$2:$C$346,2,0))^2+(VLOOKUP($A16,városok!$A$2:$C$346,3,0)-VLOOKUP(L$1,városok!$A$2:$C$346,3,0))^2)/1000,0)</f>
        <v>178</v>
      </c>
      <c r="M16">
        <f ca="1">ROUND(SQRT((VLOOKUP($A16,városok!$A$2:$C$346,2,0)-VLOOKUP(M$1,városok!$A$2:$C$346,2,0))^2+(VLOOKUP($A16,városok!$A$2:$C$346,3,0)-VLOOKUP(M$1,városok!$A$2:$C$346,3,0))^2)/1000,0)</f>
        <v>174</v>
      </c>
      <c r="N16">
        <f ca="1">ROUND(SQRT((VLOOKUP($A16,városok!$A$2:$C$346,2,0)-VLOOKUP(N$1,városok!$A$2:$C$346,2,0))^2+(VLOOKUP($A16,városok!$A$2:$C$346,3,0)-VLOOKUP(N$1,városok!$A$2:$C$346,3,0))^2)/1000,0)</f>
        <v>159</v>
      </c>
      <c r="O16">
        <f ca="1">ROUND(SQRT((VLOOKUP($A16,városok!$A$2:$C$346,2,0)-VLOOKUP(O$1,városok!$A$2:$C$346,2,0))^2+(VLOOKUP($A16,városok!$A$2:$C$346,3,0)-VLOOKUP(O$1,városok!$A$2:$C$346,3,0))^2)/1000,0)</f>
        <v>243</v>
      </c>
      <c r="P16">
        <f ca="1">ROUND(SQRT((VLOOKUP($A16,városok!$A$2:$C$346,2,0)-VLOOKUP(P$1,városok!$A$2:$C$346,2,0))^2+(VLOOKUP($A16,városok!$A$2:$C$346,3,0)-VLOOKUP(P$1,városok!$A$2:$C$346,3,0))^2)/1000,0)</f>
        <v>243</v>
      </c>
      <c r="Q16">
        <f ca="1">ROUND(SQRT((VLOOKUP($A16,városok!$A$2:$C$346,2,0)-VLOOKUP(Q$1,városok!$A$2:$C$346,2,0))^2+(VLOOKUP($A16,városok!$A$2:$C$346,3,0)-VLOOKUP(Q$1,városok!$A$2:$C$346,3,0))^2)/1000,0)</f>
        <v>114</v>
      </c>
      <c r="R16">
        <f ca="1">ROUND(SQRT((VLOOKUP($A16,városok!$A$2:$C$346,2,0)-VLOOKUP(R$1,városok!$A$2:$C$346,2,0))^2+(VLOOKUP($A16,városok!$A$2:$C$346,3,0)-VLOOKUP(R$1,városok!$A$2:$C$346,3,0))^2)/1000,0)</f>
        <v>137</v>
      </c>
      <c r="S16">
        <f ca="1">ROUND(SQRT((VLOOKUP($A16,városok!$A$2:$C$346,2,0)-VLOOKUP(S$1,városok!$A$2:$C$346,2,0))^2+(VLOOKUP($A16,városok!$A$2:$C$346,3,0)-VLOOKUP(S$1,városok!$A$2:$C$346,3,0))^2)/1000,0)</f>
        <v>117</v>
      </c>
      <c r="T16">
        <f ca="1">ROUND(SQRT((VLOOKUP($A16,városok!$A$2:$C$346,2,0)-VLOOKUP(T$1,városok!$A$2:$C$346,2,0))^2+(VLOOKUP($A16,városok!$A$2:$C$346,3,0)-VLOOKUP(T$1,városok!$A$2:$C$346,3,0))^2)/1000,0)</f>
        <v>63</v>
      </c>
      <c r="U16">
        <f ca="1">ROUND(SQRT((VLOOKUP($A16,városok!$A$2:$C$346,2,0)-VLOOKUP(U$1,városok!$A$2:$C$346,2,0))^2+(VLOOKUP($A16,városok!$A$2:$C$346,3,0)-VLOOKUP(U$1,városok!$A$2:$C$346,3,0))^2)/1000,0)</f>
        <v>16</v>
      </c>
      <c r="V16">
        <f ca="1">ROUND(SQRT((VLOOKUP($A16,városok!$A$2:$C$346,2,0)-VLOOKUP(V$1,városok!$A$2:$C$346,2,0))^2+(VLOOKUP($A16,városok!$A$2:$C$346,3,0)-VLOOKUP(V$1,városok!$A$2:$C$346,3,0))^2)/1000,0)</f>
        <v>62</v>
      </c>
      <c r="W16">
        <f ca="1">ROUND(SQRT((VLOOKUP($A16,városok!$A$2:$C$346,2,0)-VLOOKUP(W$1,városok!$A$2:$C$346,2,0))^2+(VLOOKUP($A16,városok!$A$2:$C$346,3,0)-VLOOKUP(W$1,városok!$A$2:$C$346,3,0))^2)/1000,0)</f>
        <v>41</v>
      </c>
      <c r="X16">
        <f ca="1">ROUND(SQRT((VLOOKUP($A16,városok!$A$2:$C$346,2,0)-VLOOKUP(X$1,városok!$A$2:$C$346,2,0))^2+(VLOOKUP($A16,városok!$A$2:$C$346,3,0)-VLOOKUP(X$1,városok!$A$2:$C$346,3,0))^2)/1000,0)</f>
        <v>67</v>
      </c>
      <c r="Y16">
        <f ca="1">ROUND(SQRT((VLOOKUP($A16,városok!$A$2:$C$346,2,0)-VLOOKUP(Y$1,városok!$A$2:$C$346,2,0))^2+(VLOOKUP($A16,városok!$A$2:$C$346,3,0)-VLOOKUP(Y$1,városok!$A$2:$C$346,3,0))^2)/1000,0)</f>
        <v>134</v>
      </c>
      <c r="Z16">
        <f ca="1">ROUND(SQRT((VLOOKUP($A16,városok!$A$2:$C$346,2,0)-VLOOKUP(Z$1,városok!$A$2:$C$346,2,0))^2+(VLOOKUP($A16,városok!$A$2:$C$346,3,0)-VLOOKUP(Z$1,városok!$A$2:$C$346,3,0))^2)/1000,0)</f>
        <v>153</v>
      </c>
      <c r="AA16">
        <f ca="1">ROUND(SQRT((VLOOKUP($A16,városok!$A$2:$C$346,2,0)-VLOOKUP(AA$1,városok!$A$2:$C$346,2,0))^2+(VLOOKUP($A16,városok!$A$2:$C$346,3,0)-VLOOKUP(AA$1,városok!$A$2:$C$346,3,0))^2)/1000,0)</f>
        <v>205</v>
      </c>
      <c r="AB16">
        <f ca="1">ROUND(SQRT((VLOOKUP($A16,városok!$A$2:$C$346,2,0)-VLOOKUP(AB$1,városok!$A$2:$C$346,2,0))^2+(VLOOKUP($A16,városok!$A$2:$C$346,3,0)-VLOOKUP(AB$1,városok!$A$2:$C$346,3,0))^2)/1000,0)</f>
        <v>198</v>
      </c>
      <c r="AC16">
        <f ca="1">ROUND(SQRT((VLOOKUP($A16,városok!$A$2:$C$346,2,0)-VLOOKUP(AC$1,városok!$A$2:$C$346,2,0))^2+(VLOOKUP($A16,városok!$A$2:$C$346,3,0)-VLOOKUP(AC$1,városok!$A$2:$C$346,3,0))^2)/1000,0)</f>
        <v>178</v>
      </c>
      <c r="AD16">
        <f ca="1">ROUND(SQRT((VLOOKUP($A16,városok!$A$2:$C$346,2,0)-VLOOKUP(AD$1,városok!$A$2:$C$346,2,0))^2+(VLOOKUP($A16,városok!$A$2:$C$346,3,0)-VLOOKUP(AD$1,városok!$A$2:$C$346,3,0))^2)/1000,0)</f>
        <v>161</v>
      </c>
      <c r="AE16">
        <f ca="1">ROUND(SQRT((VLOOKUP($A16,városok!$A$2:$C$346,2,0)-VLOOKUP(AE$1,városok!$A$2:$C$346,2,0))^2+(VLOOKUP($A16,városok!$A$2:$C$346,3,0)-VLOOKUP(AE$1,városok!$A$2:$C$346,3,0))^2)/1000,0)</f>
        <v>158</v>
      </c>
      <c r="AF16">
        <f ca="1">ROUND(SQRT((VLOOKUP($A16,városok!$A$2:$C$346,2,0)-VLOOKUP(AF$1,városok!$A$2:$C$346,2,0))^2+(VLOOKUP($A16,városok!$A$2:$C$346,3,0)-VLOOKUP(AF$1,városok!$A$2:$C$346,3,0))^2)/1000,0)</f>
        <v>136</v>
      </c>
      <c r="AG16">
        <f ca="1">ROUND(SQRT((VLOOKUP($A16,városok!$A$2:$C$346,2,0)-VLOOKUP(AG$1,városok!$A$2:$C$346,2,0))^2+(VLOOKUP($A16,városok!$A$2:$C$346,3,0)-VLOOKUP(AG$1,városok!$A$2:$C$346,3,0))^2)/1000,0)</f>
        <v>104</v>
      </c>
      <c r="AH16">
        <f ca="1">ROUND(SQRT((VLOOKUP($A16,városok!$A$2:$C$346,2,0)-VLOOKUP(AH$1,városok!$A$2:$C$346,2,0))^2+(VLOOKUP($A16,városok!$A$2:$C$346,3,0)-VLOOKUP(AH$1,városok!$A$2:$C$346,3,0))^2)/1000,0)</f>
        <v>83</v>
      </c>
      <c r="AI16">
        <f ca="1">ROUND(SQRT((VLOOKUP($A16,városok!$A$2:$C$346,2,0)-VLOOKUP(AI$1,városok!$A$2:$C$346,2,0))^2+(VLOOKUP($A16,városok!$A$2:$C$346,3,0)-VLOOKUP(AI$1,városok!$A$2:$C$346,3,0))^2)/1000,0)</f>
        <v>133</v>
      </c>
      <c r="AJ16">
        <f ca="1">ROUND(SQRT((VLOOKUP($A16,városok!$A$2:$C$346,2,0)-VLOOKUP(AJ$1,városok!$A$2:$C$346,2,0))^2+(VLOOKUP($A16,városok!$A$2:$C$346,3,0)-VLOOKUP(AJ$1,városok!$A$2:$C$346,3,0))^2)/1000,0)</f>
        <v>94</v>
      </c>
      <c r="AK16">
        <f ca="1">ROUND(SQRT((VLOOKUP($A16,városok!$A$2:$C$346,2,0)-VLOOKUP(AK$1,városok!$A$2:$C$346,2,0))^2+(VLOOKUP($A16,városok!$A$2:$C$346,3,0)-VLOOKUP(AK$1,városok!$A$2:$C$346,3,0))^2)/1000,0)</f>
        <v>143</v>
      </c>
      <c r="AL16">
        <f ca="1">ROUND(SQRT((VLOOKUP($A16,városok!$A$2:$C$346,2,0)-VLOOKUP(AL$1,városok!$A$2:$C$346,2,0))^2+(VLOOKUP($A16,városok!$A$2:$C$346,3,0)-VLOOKUP(AL$1,városok!$A$2:$C$346,3,0))^2)/1000,0)</f>
        <v>120</v>
      </c>
      <c r="AM16">
        <f ca="1">ROUND(SQRT((VLOOKUP($A16,városok!$A$2:$C$346,2,0)-VLOOKUP(AM$1,városok!$A$2:$C$346,2,0))^2+(VLOOKUP($A16,városok!$A$2:$C$346,3,0)-VLOOKUP(AM$1,városok!$A$2:$C$346,3,0))^2)/1000,0)</f>
        <v>82</v>
      </c>
      <c r="AN16">
        <f ca="1">ROUND(SQRT((VLOOKUP($A16,városok!$A$2:$C$346,2,0)-VLOOKUP(AN$1,városok!$A$2:$C$346,2,0))^2+(VLOOKUP($A16,városok!$A$2:$C$346,3,0)-VLOOKUP(AN$1,városok!$A$2:$C$346,3,0))^2)/1000,0)</f>
        <v>90</v>
      </c>
      <c r="AO16">
        <f ca="1">ROUND(SQRT((VLOOKUP($A16,városok!$A$2:$C$346,2,0)-VLOOKUP(AO$1,városok!$A$2:$C$346,2,0))^2+(VLOOKUP($A16,városok!$A$2:$C$346,3,0)-VLOOKUP(AO$1,városok!$A$2:$C$346,3,0))^2)/1000,0)</f>
        <v>110</v>
      </c>
      <c r="AP16">
        <f ca="1">ROUND(SQRT((VLOOKUP($A16,városok!$A$2:$C$346,2,0)-VLOOKUP(AP$1,városok!$A$2:$C$346,2,0))^2+(VLOOKUP($A16,városok!$A$2:$C$346,3,0)-VLOOKUP(AP$1,városok!$A$2:$C$346,3,0))^2)/1000,0)</f>
        <v>91</v>
      </c>
      <c r="AQ16">
        <f ca="1">ROUND(SQRT((VLOOKUP($A16,városok!$A$2:$C$346,2,0)-VLOOKUP(AQ$1,városok!$A$2:$C$346,2,0))^2+(VLOOKUP($A16,városok!$A$2:$C$346,3,0)-VLOOKUP(AQ$1,városok!$A$2:$C$346,3,0))^2)/1000,0)</f>
        <v>81</v>
      </c>
      <c r="AR16">
        <f ca="1">ROUND(SQRT((VLOOKUP($A16,városok!$A$2:$C$346,2,0)-VLOOKUP(AR$1,városok!$A$2:$C$346,2,0))^2+(VLOOKUP($A16,városok!$A$2:$C$346,3,0)-VLOOKUP(AR$1,városok!$A$2:$C$346,3,0))^2)/1000,0)</f>
        <v>108</v>
      </c>
      <c r="AS16">
        <f ca="1">ROUND(SQRT((VLOOKUP($A16,városok!$A$2:$C$346,2,0)-VLOOKUP(AS$1,városok!$A$2:$C$346,2,0))^2+(VLOOKUP($A16,városok!$A$2:$C$346,3,0)-VLOOKUP(AS$1,városok!$A$2:$C$346,3,0))^2)/1000,0)</f>
        <v>131</v>
      </c>
      <c r="AT16">
        <f ca="1">ROUND(SQRT((VLOOKUP($A16,városok!$A$2:$C$346,2,0)-VLOOKUP(AT$1,városok!$A$2:$C$346,2,0))^2+(VLOOKUP($A16,városok!$A$2:$C$346,3,0)-VLOOKUP(AT$1,városok!$A$2:$C$346,3,0))^2)/1000,0)</f>
        <v>55</v>
      </c>
      <c r="AU16">
        <f ca="1">ROUND(SQRT((VLOOKUP($A16,városok!$A$2:$C$346,2,0)-VLOOKUP(AU$1,városok!$A$2:$C$346,2,0))^2+(VLOOKUP($A16,városok!$A$2:$C$346,3,0)-VLOOKUP(AU$1,városok!$A$2:$C$346,3,0))^2)/1000,0)</f>
        <v>50</v>
      </c>
      <c r="AV16">
        <f ca="1">ROUND(SQRT((VLOOKUP($A16,városok!$A$2:$C$346,2,0)-VLOOKUP(AV$1,városok!$A$2:$C$346,2,0))^2+(VLOOKUP($A16,városok!$A$2:$C$346,3,0)-VLOOKUP(AV$1,városok!$A$2:$C$346,3,0))^2)/1000,0)</f>
        <v>45</v>
      </c>
      <c r="AW16">
        <f ca="1">ROUND(SQRT((VLOOKUP($A16,városok!$A$2:$C$346,2,0)-VLOOKUP(AW$1,városok!$A$2:$C$346,2,0))^2+(VLOOKUP($A16,városok!$A$2:$C$346,3,0)-VLOOKUP(AW$1,városok!$A$2:$C$346,3,0))^2)/1000,0)</f>
        <v>44</v>
      </c>
      <c r="AX16">
        <f ca="1">ROUND(SQRT((VLOOKUP($A16,városok!$A$2:$C$346,2,0)-VLOOKUP(AX$1,városok!$A$2:$C$346,2,0))^2+(VLOOKUP($A16,városok!$A$2:$C$346,3,0)-VLOOKUP(AX$1,városok!$A$2:$C$346,3,0))^2)/1000,0)</f>
        <v>50</v>
      </c>
      <c r="AY16">
        <f ca="1">ROUND(SQRT((VLOOKUP($A16,városok!$A$2:$C$346,2,0)-VLOOKUP(AY$1,városok!$A$2:$C$346,2,0))^2+(VLOOKUP($A16,városok!$A$2:$C$346,3,0)-VLOOKUP(AY$1,városok!$A$2:$C$346,3,0))^2)/1000,0)</f>
        <v>73</v>
      </c>
      <c r="AZ16">
        <f ca="1">ROUND(SQRT((VLOOKUP($A16,városok!$A$2:$C$346,2,0)-VLOOKUP(AZ$1,városok!$A$2:$C$346,2,0))^2+(VLOOKUP($A16,városok!$A$2:$C$346,3,0)-VLOOKUP(AZ$1,városok!$A$2:$C$346,3,0))^2)/1000,0)</f>
        <v>85</v>
      </c>
      <c r="BA16">
        <f ca="1">ROUND(SQRT((VLOOKUP($A16,városok!$A$2:$C$346,2,0)-VLOOKUP(BA$1,városok!$A$2:$C$346,2,0))^2+(VLOOKUP($A16,városok!$A$2:$C$346,3,0)-VLOOKUP(BA$1,városok!$A$2:$C$346,3,0))^2)/1000,0)</f>
        <v>112</v>
      </c>
      <c r="BB16">
        <f ca="1">ROUND(SQRT((VLOOKUP($A16,városok!$A$2:$C$346,2,0)-VLOOKUP(BB$1,városok!$A$2:$C$346,2,0))^2+(VLOOKUP($A16,városok!$A$2:$C$346,3,0)-VLOOKUP(BB$1,városok!$A$2:$C$346,3,0))^2)/1000,0)</f>
        <v>105</v>
      </c>
      <c r="BC16">
        <f ca="1">ROUND(SQRT((VLOOKUP($A16,városok!$A$2:$C$346,2,0)-VLOOKUP(BC$1,városok!$A$2:$C$346,2,0))^2+(VLOOKUP($A16,városok!$A$2:$C$346,3,0)-VLOOKUP(BC$1,városok!$A$2:$C$346,3,0))^2)/1000,0)</f>
        <v>126</v>
      </c>
      <c r="BD16">
        <f ca="1">ROUND(SQRT((VLOOKUP($A16,városok!$A$2:$C$346,2,0)-VLOOKUP(BD$1,városok!$A$2:$C$346,2,0))^2+(VLOOKUP($A16,városok!$A$2:$C$346,3,0)-VLOOKUP(BD$1,városok!$A$2:$C$346,3,0))^2)/1000,0)</f>
        <v>81</v>
      </c>
      <c r="BE16">
        <f ca="1">ROUND(SQRT((VLOOKUP($A16,városok!$A$2:$C$346,2,0)-VLOOKUP(BE$1,városok!$A$2:$C$346,2,0))^2+(VLOOKUP($A16,városok!$A$2:$C$346,3,0)-VLOOKUP(BE$1,városok!$A$2:$C$346,3,0))^2)/1000,0)</f>
        <v>282</v>
      </c>
      <c r="BF16">
        <f ca="1">ROUND(SQRT((VLOOKUP($A16,városok!$A$2:$C$346,2,0)-VLOOKUP(BF$1,városok!$A$2:$C$346,2,0))^2+(VLOOKUP($A16,városok!$A$2:$C$346,3,0)-VLOOKUP(BF$1,városok!$A$2:$C$346,3,0))^2)/1000,0)</f>
        <v>259</v>
      </c>
      <c r="BG16">
        <f ca="1">ROUND(SQRT((VLOOKUP($A16,városok!$A$2:$C$346,2,0)-VLOOKUP(BG$1,városok!$A$2:$C$346,2,0))^2+(VLOOKUP($A16,városok!$A$2:$C$346,3,0)-VLOOKUP(BG$1,városok!$A$2:$C$346,3,0))^2)/1000,0)</f>
        <v>215</v>
      </c>
      <c r="BH16">
        <f ca="1">ROUND(SQRT((VLOOKUP($A16,városok!$A$2:$C$346,2,0)-VLOOKUP(BH$1,városok!$A$2:$C$346,2,0))^2+(VLOOKUP($A16,városok!$A$2:$C$346,3,0)-VLOOKUP(BH$1,városok!$A$2:$C$346,3,0))^2)/1000,0)</f>
        <v>214</v>
      </c>
      <c r="BI16">
        <f ca="1">ROUND(SQRT((VLOOKUP($A16,városok!$A$2:$C$346,2,0)-VLOOKUP(BI$1,városok!$A$2:$C$346,2,0))^2+(VLOOKUP($A16,városok!$A$2:$C$346,3,0)-VLOOKUP(BI$1,városok!$A$2:$C$346,3,0))^2)/1000,0)</f>
        <v>80</v>
      </c>
      <c r="BJ16">
        <f ca="1">ROUND(SQRT((VLOOKUP($A16,városok!$A$2:$C$346,2,0)-VLOOKUP(BJ$1,városok!$A$2:$C$346,2,0))^2+(VLOOKUP($A16,városok!$A$2:$C$346,3,0)-VLOOKUP(BJ$1,városok!$A$2:$C$346,3,0))^2)/1000,0)</f>
        <v>97</v>
      </c>
      <c r="BK16">
        <f ca="1">ROUND(SQRT((VLOOKUP($A16,városok!$A$2:$C$346,2,0)-VLOOKUP(BK$1,városok!$A$2:$C$346,2,0))^2+(VLOOKUP($A16,városok!$A$2:$C$346,3,0)-VLOOKUP(BK$1,városok!$A$2:$C$346,3,0))^2)/1000,0)</f>
        <v>82</v>
      </c>
      <c r="BL16">
        <f ca="1">ROUND(SQRT((VLOOKUP($A16,városok!$A$2:$C$346,2,0)-VLOOKUP(BL$1,városok!$A$2:$C$346,2,0))^2+(VLOOKUP($A16,városok!$A$2:$C$346,3,0)-VLOOKUP(BL$1,városok!$A$2:$C$346,3,0))^2)/1000,0)</f>
        <v>191</v>
      </c>
      <c r="BM16">
        <f ca="1">ROUND(SQRT((VLOOKUP($A16,városok!$A$2:$C$346,2,0)-VLOOKUP(BM$1,városok!$A$2:$C$346,2,0))^2+(VLOOKUP($A16,városok!$A$2:$C$346,3,0)-VLOOKUP(BM$1,városok!$A$2:$C$346,3,0))^2)/1000,0)</f>
        <v>168</v>
      </c>
      <c r="BN16">
        <f ca="1">ROUND(SQRT((VLOOKUP($A16,városok!$A$2:$C$346,2,0)-VLOOKUP(BN$1,városok!$A$2:$C$346,2,0))^2+(VLOOKUP($A16,városok!$A$2:$C$346,3,0)-VLOOKUP(BN$1,városok!$A$2:$C$346,3,0))^2)/1000,0)</f>
        <v>191</v>
      </c>
      <c r="BO16">
        <f ca="1">ROUND(SQRT((VLOOKUP($A16,városok!$A$2:$C$346,2,0)-VLOOKUP(BO$1,városok!$A$2:$C$346,2,0))^2+(VLOOKUP($A16,városok!$A$2:$C$346,3,0)-VLOOKUP(BO$1,városok!$A$2:$C$346,3,0))^2)/1000,0)</f>
        <v>84</v>
      </c>
      <c r="BP16">
        <f ca="1">ROUND(SQRT((VLOOKUP($A16,városok!$A$2:$C$346,2,0)-VLOOKUP(BP$1,városok!$A$2:$C$346,2,0))^2+(VLOOKUP($A16,városok!$A$2:$C$346,3,0)-VLOOKUP(BP$1,városok!$A$2:$C$346,3,0))^2)/1000,0)</f>
        <v>77</v>
      </c>
      <c r="BQ16">
        <f ca="1">ROUND(SQRT((VLOOKUP($A16,városok!$A$2:$C$346,2,0)-VLOOKUP(BQ$1,városok!$A$2:$C$346,2,0))^2+(VLOOKUP($A16,városok!$A$2:$C$346,3,0)-VLOOKUP(BQ$1,városok!$A$2:$C$346,3,0))^2)/1000,0)</f>
        <v>92</v>
      </c>
      <c r="BR16">
        <f ca="1">ROUND(SQRT((VLOOKUP($A16,városok!$A$2:$C$346,2,0)-VLOOKUP(BR$1,városok!$A$2:$C$346,2,0))^2+(VLOOKUP($A16,városok!$A$2:$C$346,3,0)-VLOOKUP(BR$1,városok!$A$2:$C$346,3,0))^2)/1000,0)</f>
        <v>145</v>
      </c>
      <c r="BS16">
        <f ca="1">ROUND(SQRT((VLOOKUP($A16,városok!$A$2:$C$346,2,0)-VLOOKUP(BS$1,városok!$A$2:$C$346,2,0))^2+(VLOOKUP($A16,városok!$A$2:$C$346,3,0)-VLOOKUP(BS$1,városok!$A$2:$C$346,3,0))^2)/1000,0)</f>
        <v>175</v>
      </c>
      <c r="BT16">
        <f ca="1">ROUND(SQRT((VLOOKUP($A16,városok!$A$2:$C$346,2,0)-VLOOKUP(BT$1,városok!$A$2:$C$346,2,0))^2+(VLOOKUP($A16,városok!$A$2:$C$346,3,0)-VLOOKUP(BT$1,városok!$A$2:$C$346,3,0))^2)/1000,0)</f>
        <v>175</v>
      </c>
    </row>
    <row r="17" spans="1:72" x14ac:dyDescent="0.2">
      <c r="A17" t="str">
        <f>városok!A17</f>
        <v>Lajosmizse</v>
      </c>
      <c r="B17">
        <f ca="1">ROUND(SQRT((VLOOKUP($A17,városok!$A$2:$C$346,2,0)-VLOOKUP(B$1,városok!$A$2:$C$346,2,0))^2+(VLOOKUP($A17,városok!$A$2:$C$346,3,0)-VLOOKUP(B$1,városok!$A$2:$C$346,3,0))^2)/1000,0)</f>
        <v>104</v>
      </c>
      <c r="C17">
        <f ca="1">ROUND(SQRT((VLOOKUP($A17,városok!$A$2:$C$346,2,0)-VLOOKUP(C$1,városok!$A$2:$C$346,2,0))^2+(VLOOKUP($A17,városok!$A$2:$C$346,3,0)-VLOOKUP(C$1,városok!$A$2:$C$346,3,0))^2)/1000,0)</f>
        <v>71</v>
      </c>
      <c r="D17">
        <f ca="1">ROUND(SQRT((VLOOKUP($A17,városok!$A$2:$C$346,2,0)-VLOOKUP(D$1,városok!$A$2:$C$346,2,0))^2+(VLOOKUP($A17,városok!$A$2:$C$346,3,0)-VLOOKUP(D$1,városok!$A$2:$C$346,3,0))^2)/1000,0)</f>
        <v>17</v>
      </c>
      <c r="E17">
        <f ca="1">ROUND(SQRT((VLOOKUP($A17,városok!$A$2:$C$346,2,0)-VLOOKUP(E$1,városok!$A$2:$C$346,2,0))^2+(VLOOKUP($A17,városok!$A$2:$C$346,3,0)-VLOOKUP(E$1,városok!$A$2:$C$346,3,0))^2)/1000,0)</f>
        <v>136</v>
      </c>
      <c r="F17">
        <f ca="1">ROUND(SQRT((VLOOKUP($A17,városok!$A$2:$C$346,2,0)-VLOOKUP(F$1,városok!$A$2:$C$346,2,0))^2+(VLOOKUP($A17,városok!$A$2:$C$346,3,0)-VLOOKUP(F$1,városok!$A$2:$C$346,3,0))^2)/1000,0)</f>
        <v>133</v>
      </c>
      <c r="G17">
        <f ca="1">ROUND(SQRT((VLOOKUP($A17,városok!$A$2:$C$346,2,0)-VLOOKUP(G$1,városok!$A$2:$C$346,2,0))^2+(VLOOKUP($A17,városok!$A$2:$C$346,3,0)-VLOOKUP(G$1,városok!$A$2:$C$346,3,0))^2)/1000,0)</f>
        <v>145</v>
      </c>
      <c r="H17">
        <f ca="1">ROUND(SQRT((VLOOKUP($A17,városok!$A$2:$C$346,2,0)-VLOOKUP(H$1,városok!$A$2:$C$346,2,0))^2+(VLOOKUP($A17,városok!$A$2:$C$346,3,0)-VLOOKUP(H$1,városok!$A$2:$C$346,3,0))^2)/1000,0)</f>
        <v>173</v>
      </c>
      <c r="I17">
        <f ca="1">ROUND(SQRT((VLOOKUP($A17,városok!$A$2:$C$346,2,0)-VLOOKUP(I$1,városok!$A$2:$C$346,2,0))^2+(VLOOKUP($A17,városok!$A$2:$C$346,3,0)-VLOOKUP(I$1,városok!$A$2:$C$346,3,0))^2)/1000,0)</f>
        <v>123</v>
      </c>
      <c r="J17">
        <f ca="1">ROUND(SQRT((VLOOKUP($A17,városok!$A$2:$C$346,2,0)-VLOOKUP(J$1,városok!$A$2:$C$346,2,0))^2+(VLOOKUP($A17,városok!$A$2:$C$346,3,0)-VLOOKUP(J$1,városok!$A$2:$C$346,3,0))^2)/1000,0)</f>
        <v>138</v>
      </c>
      <c r="K17">
        <f ca="1">ROUND(SQRT((VLOOKUP($A17,városok!$A$2:$C$346,2,0)-VLOOKUP(K$1,városok!$A$2:$C$346,2,0))^2+(VLOOKUP($A17,városok!$A$2:$C$346,3,0)-VLOOKUP(K$1,városok!$A$2:$C$346,3,0))^2)/1000,0)</f>
        <v>99</v>
      </c>
      <c r="L17">
        <f ca="1">ROUND(SQRT((VLOOKUP($A17,városok!$A$2:$C$346,2,0)-VLOOKUP(L$1,városok!$A$2:$C$346,2,0))^2+(VLOOKUP($A17,városok!$A$2:$C$346,3,0)-VLOOKUP(L$1,városok!$A$2:$C$346,3,0))^2)/1000,0)</f>
        <v>159</v>
      </c>
      <c r="M17">
        <f ca="1">ROUND(SQRT((VLOOKUP($A17,városok!$A$2:$C$346,2,0)-VLOOKUP(M$1,városok!$A$2:$C$346,2,0))^2+(VLOOKUP($A17,városok!$A$2:$C$346,3,0)-VLOOKUP(M$1,városok!$A$2:$C$346,3,0))^2)/1000,0)</f>
        <v>152</v>
      </c>
      <c r="N17">
        <f ca="1">ROUND(SQRT((VLOOKUP($A17,városok!$A$2:$C$346,2,0)-VLOOKUP(N$1,városok!$A$2:$C$346,2,0))^2+(VLOOKUP($A17,városok!$A$2:$C$346,3,0)-VLOOKUP(N$1,városok!$A$2:$C$346,3,0))^2)/1000,0)</f>
        <v>144</v>
      </c>
      <c r="O17">
        <f ca="1">ROUND(SQRT((VLOOKUP($A17,városok!$A$2:$C$346,2,0)-VLOOKUP(O$1,városok!$A$2:$C$346,2,0))^2+(VLOOKUP($A17,városok!$A$2:$C$346,3,0)-VLOOKUP(O$1,városok!$A$2:$C$346,3,0))^2)/1000,0)</f>
        <v>219</v>
      </c>
      <c r="P17">
        <f ca="1">ROUND(SQRT((VLOOKUP($A17,városok!$A$2:$C$346,2,0)-VLOOKUP(P$1,városok!$A$2:$C$346,2,0))^2+(VLOOKUP($A17,városok!$A$2:$C$346,3,0)-VLOOKUP(P$1,városok!$A$2:$C$346,3,0))^2)/1000,0)</f>
        <v>219</v>
      </c>
      <c r="Q17">
        <f ca="1">ROUND(SQRT((VLOOKUP($A17,városok!$A$2:$C$346,2,0)-VLOOKUP(Q$1,városok!$A$2:$C$346,2,0))^2+(VLOOKUP($A17,városok!$A$2:$C$346,3,0)-VLOOKUP(Q$1,városok!$A$2:$C$346,3,0))^2)/1000,0)</f>
        <v>89</v>
      </c>
      <c r="R17">
        <f ca="1">ROUND(SQRT((VLOOKUP($A17,városok!$A$2:$C$346,2,0)-VLOOKUP(R$1,városok!$A$2:$C$346,2,0))^2+(VLOOKUP($A17,városok!$A$2:$C$346,3,0)-VLOOKUP(R$1,városok!$A$2:$C$346,3,0))^2)/1000,0)</f>
        <v>114</v>
      </c>
      <c r="S17">
        <f ca="1">ROUND(SQRT((VLOOKUP($A17,városok!$A$2:$C$346,2,0)-VLOOKUP(S$1,városok!$A$2:$C$346,2,0))^2+(VLOOKUP($A17,városok!$A$2:$C$346,3,0)-VLOOKUP(S$1,városok!$A$2:$C$346,3,0))^2)/1000,0)</f>
        <v>98</v>
      </c>
      <c r="T17">
        <f ca="1">ROUND(SQRT((VLOOKUP($A17,városok!$A$2:$C$346,2,0)-VLOOKUP(T$1,városok!$A$2:$C$346,2,0))^2+(VLOOKUP($A17,városok!$A$2:$C$346,3,0)-VLOOKUP(T$1,városok!$A$2:$C$346,3,0))^2)/1000,0)</f>
        <v>87</v>
      </c>
      <c r="U17">
        <f ca="1">ROUND(SQRT((VLOOKUP($A17,városok!$A$2:$C$346,2,0)-VLOOKUP(U$1,városok!$A$2:$C$346,2,0))^2+(VLOOKUP($A17,városok!$A$2:$C$346,3,0)-VLOOKUP(U$1,városok!$A$2:$C$346,3,0))^2)/1000,0)</f>
        <v>48</v>
      </c>
      <c r="V17">
        <f ca="1">ROUND(SQRT((VLOOKUP($A17,városok!$A$2:$C$346,2,0)-VLOOKUP(V$1,városok!$A$2:$C$346,2,0))^2+(VLOOKUP($A17,városok!$A$2:$C$346,3,0)-VLOOKUP(V$1,városok!$A$2:$C$346,3,0))^2)/1000,0)</f>
        <v>95</v>
      </c>
      <c r="W17">
        <f ca="1">ROUND(SQRT((VLOOKUP($A17,városok!$A$2:$C$346,2,0)-VLOOKUP(W$1,városok!$A$2:$C$346,2,0))^2+(VLOOKUP($A17,városok!$A$2:$C$346,3,0)-VLOOKUP(W$1,városok!$A$2:$C$346,3,0))^2)/1000,0)</f>
        <v>73</v>
      </c>
      <c r="X17">
        <f ca="1">ROUND(SQRT((VLOOKUP($A17,városok!$A$2:$C$346,2,0)-VLOOKUP(X$1,városok!$A$2:$C$346,2,0))^2+(VLOOKUP($A17,városok!$A$2:$C$346,3,0)-VLOOKUP(X$1,városok!$A$2:$C$346,3,0))^2)/1000,0)</f>
        <v>98</v>
      </c>
      <c r="Y17">
        <f ca="1">ROUND(SQRT((VLOOKUP($A17,városok!$A$2:$C$346,2,0)-VLOOKUP(Y$1,városok!$A$2:$C$346,2,0))^2+(VLOOKUP($A17,városok!$A$2:$C$346,3,0)-VLOOKUP(Y$1,városok!$A$2:$C$346,3,0))^2)/1000,0)</f>
        <v>163</v>
      </c>
      <c r="Z17">
        <f ca="1">ROUND(SQRT((VLOOKUP($A17,városok!$A$2:$C$346,2,0)-VLOOKUP(Z$1,városok!$A$2:$C$346,2,0))^2+(VLOOKUP($A17,városok!$A$2:$C$346,3,0)-VLOOKUP(Z$1,városok!$A$2:$C$346,3,0))^2)/1000,0)</f>
        <v>181</v>
      </c>
      <c r="AA17">
        <f ca="1">ROUND(SQRT((VLOOKUP($A17,városok!$A$2:$C$346,2,0)-VLOOKUP(AA$1,városok!$A$2:$C$346,2,0))^2+(VLOOKUP($A17,városok!$A$2:$C$346,3,0)-VLOOKUP(AA$1,városok!$A$2:$C$346,3,0))^2)/1000,0)</f>
        <v>236</v>
      </c>
      <c r="AB17">
        <f ca="1">ROUND(SQRT((VLOOKUP($A17,városok!$A$2:$C$346,2,0)-VLOOKUP(AB$1,városok!$A$2:$C$346,2,0))^2+(VLOOKUP($A17,városok!$A$2:$C$346,3,0)-VLOOKUP(AB$1,városok!$A$2:$C$346,3,0))^2)/1000,0)</f>
        <v>167</v>
      </c>
      <c r="AC17">
        <f ca="1">ROUND(SQRT((VLOOKUP($A17,városok!$A$2:$C$346,2,0)-VLOOKUP(AC$1,városok!$A$2:$C$346,2,0))^2+(VLOOKUP($A17,városok!$A$2:$C$346,3,0)-VLOOKUP(AC$1,városok!$A$2:$C$346,3,0))^2)/1000,0)</f>
        <v>147</v>
      </c>
      <c r="AD17">
        <f ca="1">ROUND(SQRT((VLOOKUP($A17,városok!$A$2:$C$346,2,0)-VLOOKUP(AD$1,városok!$A$2:$C$346,2,0))^2+(VLOOKUP($A17,városok!$A$2:$C$346,3,0)-VLOOKUP(AD$1,városok!$A$2:$C$346,3,0))^2)/1000,0)</f>
        <v>129</v>
      </c>
      <c r="AE17">
        <f ca="1">ROUND(SQRT((VLOOKUP($A17,városok!$A$2:$C$346,2,0)-VLOOKUP(AE$1,városok!$A$2:$C$346,2,0))^2+(VLOOKUP($A17,városok!$A$2:$C$346,3,0)-VLOOKUP(AE$1,városok!$A$2:$C$346,3,0))^2)/1000,0)</f>
        <v>126</v>
      </c>
      <c r="AF17">
        <f ca="1">ROUND(SQRT((VLOOKUP($A17,városok!$A$2:$C$346,2,0)-VLOOKUP(AF$1,városok!$A$2:$C$346,2,0))^2+(VLOOKUP($A17,városok!$A$2:$C$346,3,0)-VLOOKUP(AF$1,városok!$A$2:$C$346,3,0))^2)/1000,0)</f>
        <v>115</v>
      </c>
      <c r="AG17">
        <f ca="1">ROUND(SQRT((VLOOKUP($A17,városok!$A$2:$C$346,2,0)-VLOOKUP(AG$1,városok!$A$2:$C$346,2,0))^2+(VLOOKUP($A17,városok!$A$2:$C$346,3,0)-VLOOKUP(AG$1,városok!$A$2:$C$346,3,0))^2)/1000,0)</f>
        <v>89</v>
      </c>
      <c r="AH17">
        <f ca="1">ROUND(SQRT((VLOOKUP($A17,városok!$A$2:$C$346,2,0)-VLOOKUP(AH$1,városok!$A$2:$C$346,2,0))^2+(VLOOKUP($A17,városok!$A$2:$C$346,3,0)-VLOOKUP(AH$1,városok!$A$2:$C$346,3,0))^2)/1000,0)</f>
        <v>72</v>
      </c>
      <c r="AI17">
        <f ca="1">ROUND(SQRT((VLOOKUP($A17,városok!$A$2:$C$346,2,0)-VLOOKUP(AI$1,városok!$A$2:$C$346,2,0))^2+(VLOOKUP($A17,városok!$A$2:$C$346,3,0)-VLOOKUP(AI$1,városok!$A$2:$C$346,3,0))^2)/1000,0)</f>
        <v>118</v>
      </c>
      <c r="AJ17">
        <f ca="1">ROUND(SQRT((VLOOKUP($A17,városok!$A$2:$C$346,2,0)-VLOOKUP(AJ$1,városok!$A$2:$C$346,2,0))^2+(VLOOKUP($A17,városok!$A$2:$C$346,3,0)-VLOOKUP(AJ$1,városok!$A$2:$C$346,3,0))^2)/1000,0)</f>
        <v>76</v>
      </c>
      <c r="AK17">
        <f ca="1">ROUND(SQRT((VLOOKUP($A17,városok!$A$2:$C$346,2,0)-VLOOKUP(AK$1,városok!$A$2:$C$346,2,0))^2+(VLOOKUP($A17,városok!$A$2:$C$346,3,0)-VLOOKUP(AK$1,városok!$A$2:$C$346,3,0))^2)/1000,0)</f>
        <v>111</v>
      </c>
      <c r="AL17">
        <f ca="1">ROUND(SQRT((VLOOKUP($A17,városok!$A$2:$C$346,2,0)-VLOOKUP(AL$1,városok!$A$2:$C$346,2,0))^2+(VLOOKUP($A17,városok!$A$2:$C$346,3,0)-VLOOKUP(AL$1,városok!$A$2:$C$346,3,0))^2)/1000,0)</f>
        <v>90</v>
      </c>
      <c r="AM17">
        <f ca="1">ROUND(SQRT((VLOOKUP($A17,városok!$A$2:$C$346,2,0)-VLOOKUP(AM$1,városok!$A$2:$C$346,2,0))^2+(VLOOKUP($A17,városok!$A$2:$C$346,3,0)-VLOOKUP(AM$1,városok!$A$2:$C$346,3,0))^2)/1000,0)</f>
        <v>51</v>
      </c>
      <c r="AN17">
        <f ca="1">ROUND(SQRT((VLOOKUP($A17,városok!$A$2:$C$346,2,0)-VLOOKUP(AN$1,városok!$A$2:$C$346,2,0))^2+(VLOOKUP($A17,városok!$A$2:$C$346,3,0)-VLOOKUP(AN$1,városok!$A$2:$C$346,3,0))^2)/1000,0)</f>
        <v>105</v>
      </c>
      <c r="AO17">
        <f ca="1">ROUND(SQRT((VLOOKUP($A17,városok!$A$2:$C$346,2,0)-VLOOKUP(AO$1,városok!$A$2:$C$346,2,0))^2+(VLOOKUP($A17,városok!$A$2:$C$346,3,0)-VLOOKUP(AO$1,városok!$A$2:$C$346,3,0))^2)/1000,0)</f>
        <v>134</v>
      </c>
      <c r="AP17">
        <f ca="1">ROUND(SQRT((VLOOKUP($A17,városok!$A$2:$C$346,2,0)-VLOOKUP(AP$1,városok!$A$2:$C$346,2,0))^2+(VLOOKUP($A17,városok!$A$2:$C$346,3,0)-VLOOKUP(AP$1,városok!$A$2:$C$346,3,0))^2)/1000,0)</f>
        <v>115</v>
      </c>
      <c r="AQ17">
        <f ca="1">ROUND(SQRT((VLOOKUP($A17,városok!$A$2:$C$346,2,0)-VLOOKUP(AQ$1,városok!$A$2:$C$346,2,0))^2+(VLOOKUP($A17,városok!$A$2:$C$346,3,0)-VLOOKUP(AQ$1,városok!$A$2:$C$346,3,0))^2)/1000,0)</f>
        <v>105</v>
      </c>
      <c r="AR17">
        <f ca="1">ROUND(SQRT((VLOOKUP($A17,városok!$A$2:$C$346,2,0)-VLOOKUP(AR$1,városok!$A$2:$C$346,2,0))^2+(VLOOKUP($A17,városok!$A$2:$C$346,3,0)-VLOOKUP(AR$1,városok!$A$2:$C$346,3,0))^2)/1000,0)</f>
        <v>100</v>
      </c>
      <c r="AS17">
        <f ca="1">ROUND(SQRT((VLOOKUP($A17,városok!$A$2:$C$346,2,0)-VLOOKUP(AS$1,városok!$A$2:$C$346,2,0))^2+(VLOOKUP($A17,városok!$A$2:$C$346,3,0)-VLOOKUP(AS$1,városok!$A$2:$C$346,3,0))^2)/1000,0)</f>
        <v>122</v>
      </c>
      <c r="AT17">
        <f ca="1">ROUND(SQRT((VLOOKUP($A17,városok!$A$2:$C$346,2,0)-VLOOKUP(AT$1,városok!$A$2:$C$346,2,0))^2+(VLOOKUP($A17,városok!$A$2:$C$346,3,0)-VLOOKUP(AT$1,városok!$A$2:$C$346,3,0))^2)/1000,0)</f>
        <v>75</v>
      </c>
      <c r="AU17">
        <f ca="1">ROUND(SQRT((VLOOKUP($A17,városok!$A$2:$C$346,2,0)-VLOOKUP(AU$1,városok!$A$2:$C$346,2,0))^2+(VLOOKUP($A17,városok!$A$2:$C$346,3,0)-VLOOKUP(AU$1,városok!$A$2:$C$346,3,0))^2)/1000,0)</f>
        <v>66</v>
      </c>
      <c r="AV17">
        <f ca="1">ROUND(SQRT((VLOOKUP($A17,városok!$A$2:$C$346,2,0)-VLOOKUP(AV$1,városok!$A$2:$C$346,2,0))^2+(VLOOKUP($A17,városok!$A$2:$C$346,3,0)-VLOOKUP(AV$1,városok!$A$2:$C$346,3,0))^2)/1000,0)</f>
        <v>63</v>
      </c>
      <c r="AW17">
        <f ca="1">ROUND(SQRT((VLOOKUP($A17,városok!$A$2:$C$346,2,0)-VLOOKUP(AW$1,városok!$A$2:$C$346,2,0))^2+(VLOOKUP($A17,városok!$A$2:$C$346,3,0)-VLOOKUP(AW$1,városok!$A$2:$C$346,3,0))^2)/1000,0)</f>
        <v>64</v>
      </c>
      <c r="AX17">
        <f ca="1">ROUND(SQRT((VLOOKUP($A17,városok!$A$2:$C$346,2,0)-VLOOKUP(AX$1,városok!$A$2:$C$346,2,0))^2+(VLOOKUP($A17,városok!$A$2:$C$346,3,0)-VLOOKUP(AX$1,városok!$A$2:$C$346,3,0))^2)/1000,0)</f>
        <v>17</v>
      </c>
      <c r="AY17">
        <f ca="1">ROUND(SQRT((VLOOKUP($A17,városok!$A$2:$C$346,2,0)-VLOOKUP(AY$1,városok!$A$2:$C$346,2,0))^2+(VLOOKUP($A17,városok!$A$2:$C$346,3,0)-VLOOKUP(AY$1,városok!$A$2:$C$346,3,0))^2)/1000,0)</f>
        <v>82</v>
      </c>
      <c r="AZ17">
        <f ca="1">ROUND(SQRT((VLOOKUP($A17,városok!$A$2:$C$346,2,0)-VLOOKUP(AZ$1,városok!$A$2:$C$346,2,0))^2+(VLOOKUP($A17,városok!$A$2:$C$346,3,0)-VLOOKUP(AZ$1,városok!$A$2:$C$346,3,0))^2)/1000,0)</f>
        <v>95</v>
      </c>
      <c r="BA17">
        <f ca="1">ROUND(SQRT((VLOOKUP($A17,városok!$A$2:$C$346,2,0)-VLOOKUP(BA$1,városok!$A$2:$C$346,2,0))^2+(VLOOKUP($A17,városok!$A$2:$C$346,3,0)-VLOOKUP(BA$1,városok!$A$2:$C$346,3,0))^2)/1000,0)</f>
        <v>144</v>
      </c>
      <c r="BB17">
        <f ca="1">ROUND(SQRT((VLOOKUP($A17,városok!$A$2:$C$346,2,0)-VLOOKUP(BB$1,városok!$A$2:$C$346,2,0))^2+(VLOOKUP($A17,városok!$A$2:$C$346,3,0)-VLOOKUP(BB$1,városok!$A$2:$C$346,3,0))^2)/1000,0)</f>
        <v>135</v>
      </c>
      <c r="BC17">
        <f ca="1">ROUND(SQRT((VLOOKUP($A17,városok!$A$2:$C$346,2,0)-VLOOKUP(BC$1,városok!$A$2:$C$346,2,0))^2+(VLOOKUP($A17,városok!$A$2:$C$346,3,0)-VLOOKUP(BC$1,városok!$A$2:$C$346,3,0))^2)/1000,0)</f>
        <v>154</v>
      </c>
      <c r="BD17">
        <f ca="1">ROUND(SQRT((VLOOKUP($A17,városok!$A$2:$C$346,2,0)-VLOOKUP(BD$1,városok!$A$2:$C$346,2,0))^2+(VLOOKUP($A17,városok!$A$2:$C$346,3,0)-VLOOKUP(BD$1,városok!$A$2:$C$346,3,0))^2)/1000,0)</f>
        <v>114</v>
      </c>
      <c r="BE17">
        <f ca="1">ROUND(SQRT((VLOOKUP($A17,városok!$A$2:$C$346,2,0)-VLOOKUP(BE$1,városok!$A$2:$C$346,2,0))^2+(VLOOKUP($A17,városok!$A$2:$C$346,3,0)-VLOOKUP(BE$1,városok!$A$2:$C$346,3,0))^2)/1000,0)</f>
        <v>252</v>
      </c>
      <c r="BF17">
        <f ca="1">ROUND(SQRT((VLOOKUP($A17,városok!$A$2:$C$346,2,0)-VLOOKUP(BF$1,városok!$A$2:$C$346,2,0))^2+(VLOOKUP($A17,városok!$A$2:$C$346,3,0)-VLOOKUP(BF$1,városok!$A$2:$C$346,3,0))^2)/1000,0)</f>
        <v>232</v>
      </c>
      <c r="BG17">
        <f ca="1">ROUND(SQRT((VLOOKUP($A17,városok!$A$2:$C$346,2,0)-VLOOKUP(BG$1,városok!$A$2:$C$346,2,0))^2+(VLOOKUP($A17,városok!$A$2:$C$346,3,0)-VLOOKUP(BG$1,városok!$A$2:$C$346,3,0))^2)/1000,0)</f>
        <v>189</v>
      </c>
      <c r="BH17">
        <f ca="1">ROUND(SQRT((VLOOKUP($A17,városok!$A$2:$C$346,2,0)-VLOOKUP(BH$1,városok!$A$2:$C$346,2,0))^2+(VLOOKUP($A17,városok!$A$2:$C$346,3,0)-VLOOKUP(BH$1,városok!$A$2:$C$346,3,0))^2)/1000,0)</f>
        <v>188</v>
      </c>
      <c r="BI17">
        <f ca="1">ROUND(SQRT((VLOOKUP($A17,városok!$A$2:$C$346,2,0)-VLOOKUP(BI$1,városok!$A$2:$C$346,2,0))^2+(VLOOKUP($A17,városok!$A$2:$C$346,3,0)-VLOOKUP(BI$1,városok!$A$2:$C$346,3,0))^2)/1000,0)</f>
        <v>100</v>
      </c>
      <c r="BJ17">
        <f ca="1">ROUND(SQRT((VLOOKUP($A17,városok!$A$2:$C$346,2,0)-VLOOKUP(BJ$1,városok!$A$2:$C$346,2,0))^2+(VLOOKUP($A17,városok!$A$2:$C$346,3,0)-VLOOKUP(BJ$1,városok!$A$2:$C$346,3,0))^2)/1000,0)</f>
        <v>118</v>
      </c>
      <c r="BK17">
        <f ca="1">ROUND(SQRT((VLOOKUP($A17,városok!$A$2:$C$346,2,0)-VLOOKUP(BK$1,városok!$A$2:$C$346,2,0))^2+(VLOOKUP($A17,városok!$A$2:$C$346,3,0)-VLOOKUP(BK$1,városok!$A$2:$C$346,3,0))^2)/1000,0)</f>
        <v>99</v>
      </c>
      <c r="BL17">
        <f ca="1">ROUND(SQRT((VLOOKUP($A17,városok!$A$2:$C$346,2,0)-VLOOKUP(BL$1,városok!$A$2:$C$346,2,0))^2+(VLOOKUP($A17,városok!$A$2:$C$346,3,0)-VLOOKUP(BL$1,városok!$A$2:$C$346,3,0))^2)/1000,0)</f>
        <v>224</v>
      </c>
      <c r="BM17">
        <f ca="1">ROUND(SQRT((VLOOKUP($A17,városok!$A$2:$C$346,2,0)-VLOOKUP(BM$1,városok!$A$2:$C$346,2,0))^2+(VLOOKUP($A17,városok!$A$2:$C$346,3,0)-VLOOKUP(BM$1,városok!$A$2:$C$346,3,0))^2)/1000,0)</f>
        <v>200</v>
      </c>
      <c r="BN17">
        <f ca="1">ROUND(SQRT((VLOOKUP($A17,városok!$A$2:$C$346,2,0)-VLOOKUP(BN$1,városok!$A$2:$C$346,2,0))^2+(VLOOKUP($A17,városok!$A$2:$C$346,3,0)-VLOOKUP(BN$1,városok!$A$2:$C$346,3,0))^2)/1000,0)</f>
        <v>224</v>
      </c>
      <c r="BO17">
        <f ca="1">ROUND(SQRT((VLOOKUP($A17,városok!$A$2:$C$346,2,0)-VLOOKUP(BO$1,városok!$A$2:$C$346,2,0))^2+(VLOOKUP($A17,városok!$A$2:$C$346,3,0)-VLOOKUP(BO$1,városok!$A$2:$C$346,3,0))^2)/1000,0)</f>
        <v>117</v>
      </c>
      <c r="BP17">
        <f ca="1">ROUND(SQRT((VLOOKUP($A17,városok!$A$2:$C$346,2,0)-VLOOKUP(BP$1,városok!$A$2:$C$346,2,0))^2+(VLOOKUP($A17,városok!$A$2:$C$346,3,0)-VLOOKUP(BP$1,városok!$A$2:$C$346,3,0))^2)/1000,0)</f>
        <v>110</v>
      </c>
      <c r="BQ17">
        <f ca="1">ROUND(SQRT((VLOOKUP($A17,városok!$A$2:$C$346,2,0)-VLOOKUP(BQ$1,városok!$A$2:$C$346,2,0))^2+(VLOOKUP($A17,városok!$A$2:$C$346,3,0)-VLOOKUP(BQ$1,városok!$A$2:$C$346,3,0))^2)/1000,0)</f>
        <v>125</v>
      </c>
      <c r="BR17">
        <f ca="1">ROUND(SQRT((VLOOKUP($A17,városok!$A$2:$C$346,2,0)-VLOOKUP(BR$1,városok!$A$2:$C$346,2,0))^2+(VLOOKUP($A17,városok!$A$2:$C$346,3,0)-VLOOKUP(BR$1,városok!$A$2:$C$346,3,0))^2)/1000,0)</f>
        <v>178</v>
      </c>
      <c r="BS17">
        <f ca="1">ROUND(SQRT((VLOOKUP($A17,városok!$A$2:$C$346,2,0)-VLOOKUP(BS$1,városok!$A$2:$C$346,2,0))^2+(VLOOKUP($A17,városok!$A$2:$C$346,3,0)-VLOOKUP(BS$1,városok!$A$2:$C$346,3,0))^2)/1000,0)</f>
        <v>206</v>
      </c>
      <c r="BT17">
        <f ca="1">ROUND(SQRT((VLOOKUP($A17,városok!$A$2:$C$346,2,0)-VLOOKUP(BT$1,városok!$A$2:$C$346,2,0))^2+(VLOOKUP($A17,városok!$A$2:$C$346,3,0)-VLOOKUP(BT$1,városok!$A$2:$C$346,3,0))^2)/1000,0)</f>
        <v>208</v>
      </c>
    </row>
    <row r="18" spans="1:72" x14ac:dyDescent="0.2">
      <c r="A18" t="str">
        <f>városok!A18</f>
        <v>Mélykút</v>
      </c>
      <c r="B18">
        <f ca="1">ROUND(SQRT((VLOOKUP($A18,városok!$A$2:$C$346,2,0)-VLOOKUP(B$1,városok!$A$2:$C$346,2,0))^2+(VLOOKUP($A18,városok!$A$2:$C$346,3,0)-VLOOKUP(B$1,városok!$A$2:$C$346,3,0))^2)/1000,0)</f>
        <v>32</v>
      </c>
      <c r="C18">
        <f ca="1">ROUND(SQRT((VLOOKUP($A18,városok!$A$2:$C$346,2,0)-VLOOKUP(C$1,városok!$A$2:$C$346,2,0))^2+(VLOOKUP($A18,városok!$A$2:$C$346,3,0)-VLOOKUP(C$1,városok!$A$2:$C$346,3,0))^2)/1000,0)</f>
        <v>47</v>
      </c>
      <c r="D18">
        <f ca="1">ROUND(SQRT((VLOOKUP($A18,városok!$A$2:$C$346,2,0)-VLOOKUP(D$1,városok!$A$2:$C$346,2,0))^2+(VLOOKUP($A18,városok!$A$2:$C$346,3,0)-VLOOKUP(D$1,városok!$A$2:$C$346,3,0))^2)/1000,0)</f>
        <v>81</v>
      </c>
      <c r="E18">
        <f ca="1">ROUND(SQRT((VLOOKUP($A18,városok!$A$2:$C$346,2,0)-VLOOKUP(E$1,városok!$A$2:$C$346,2,0))^2+(VLOOKUP($A18,városok!$A$2:$C$346,3,0)-VLOOKUP(E$1,városok!$A$2:$C$346,3,0))^2)/1000,0)</f>
        <v>86</v>
      </c>
      <c r="F18">
        <f ca="1">ROUND(SQRT((VLOOKUP($A18,városok!$A$2:$C$346,2,0)-VLOOKUP(F$1,városok!$A$2:$C$346,2,0))^2+(VLOOKUP($A18,városok!$A$2:$C$346,3,0)-VLOOKUP(F$1,városok!$A$2:$C$346,3,0))^2)/1000,0)</f>
        <v>59</v>
      </c>
      <c r="G18">
        <f ca="1">ROUND(SQRT((VLOOKUP($A18,városok!$A$2:$C$346,2,0)-VLOOKUP(G$1,városok!$A$2:$C$346,2,0))^2+(VLOOKUP($A18,városok!$A$2:$C$346,3,0)-VLOOKUP(G$1,városok!$A$2:$C$346,3,0))^2)/1000,0)</f>
        <v>89</v>
      </c>
      <c r="H18">
        <f ca="1">ROUND(SQRT((VLOOKUP($A18,városok!$A$2:$C$346,2,0)-VLOOKUP(H$1,városok!$A$2:$C$346,2,0))^2+(VLOOKUP($A18,városok!$A$2:$C$346,3,0)-VLOOKUP(H$1,városok!$A$2:$C$346,3,0))^2)/1000,0)</f>
        <v>123</v>
      </c>
      <c r="I18">
        <f ca="1">ROUND(SQRT((VLOOKUP($A18,városok!$A$2:$C$346,2,0)-VLOOKUP(I$1,városok!$A$2:$C$346,2,0))^2+(VLOOKUP($A18,városok!$A$2:$C$346,3,0)-VLOOKUP(I$1,városok!$A$2:$C$346,3,0))^2)/1000,0)</f>
        <v>141</v>
      </c>
      <c r="J18">
        <f ca="1">ROUND(SQRT((VLOOKUP($A18,városok!$A$2:$C$346,2,0)-VLOOKUP(J$1,városok!$A$2:$C$346,2,0))^2+(VLOOKUP($A18,városok!$A$2:$C$346,3,0)-VLOOKUP(J$1,városok!$A$2:$C$346,3,0))^2)/1000,0)</f>
        <v>154</v>
      </c>
      <c r="K18">
        <f ca="1">ROUND(SQRT((VLOOKUP($A18,városok!$A$2:$C$346,2,0)-VLOOKUP(K$1,városok!$A$2:$C$346,2,0))^2+(VLOOKUP($A18,városok!$A$2:$C$346,3,0)-VLOOKUP(K$1,városok!$A$2:$C$346,3,0))^2)/1000,0)</f>
        <v>107</v>
      </c>
      <c r="L18">
        <f ca="1">ROUND(SQRT((VLOOKUP($A18,városok!$A$2:$C$346,2,0)-VLOOKUP(L$1,városok!$A$2:$C$346,2,0))^2+(VLOOKUP($A18,városok!$A$2:$C$346,3,0)-VLOOKUP(L$1,városok!$A$2:$C$346,3,0))^2)/1000,0)</f>
        <v>246</v>
      </c>
      <c r="M18">
        <f ca="1">ROUND(SQRT((VLOOKUP($A18,városok!$A$2:$C$346,2,0)-VLOOKUP(M$1,városok!$A$2:$C$346,2,0))^2+(VLOOKUP($A18,városok!$A$2:$C$346,3,0)-VLOOKUP(M$1,városok!$A$2:$C$346,3,0))^2)/1000,0)</f>
        <v>236</v>
      </c>
      <c r="N18">
        <f ca="1">ROUND(SQRT((VLOOKUP($A18,városok!$A$2:$C$346,2,0)-VLOOKUP(N$1,városok!$A$2:$C$346,2,0))^2+(VLOOKUP($A18,városok!$A$2:$C$346,3,0)-VLOOKUP(N$1,városok!$A$2:$C$346,3,0))^2)/1000,0)</f>
        <v>234</v>
      </c>
      <c r="O18">
        <f ca="1">ROUND(SQRT((VLOOKUP($A18,városok!$A$2:$C$346,2,0)-VLOOKUP(O$1,városok!$A$2:$C$346,2,0))^2+(VLOOKUP($A18,városok!$A$2:$C$346,3,0)-VLOOKUP(O$1,városok!$A$2:$C$346,3,0))^2)/1000,0)</f>
        <v>298</v>
      </c>
      <c r="P18">
        <f ca="1">ROUND(SQRT((VLOOKUP($A18,városok!$A$2:$C$346,2,0)-VLOOKUP(P$1,városok!$A$2:$C$346,2,0))^2+(VLOOKUP($A18,városok!$A$2:$C$346,3,0)-VLOOKUP(P$1,városok!$A$2:$C$346,3,0))^2)/1000,0)</f>
        <v>298</v>
      </c>
      <c r="Q18">
        <f ca="1">ROUND(SQRT((VLOOKUP($A18,városok!$A$2:$C$346,2,0)-VLOOKUP(Q$1,városok!$A$2:$C$346,2,0))^2+(VLOOKUP($A18,városok!$A$2:$C$346,3,0)-VLOOKUP(Q$1,városok!$A$2:$C$346,3,0))^2)/1000,0)</f>
        <v>76</v>
      </c>
      <c r="R18">
        <f ca="1">ROUND(SQRT((VLOOKUP($A18,városok!$A$2:$C$346,2,0)-VLOOKUP(R$1,városok!$A$2:$C$346,2,0))^2+(VLOOKUP($A18,városok!$A$2:$C$346,3,0)-VLOOKUP(R$1,városok!$A$2:$C$346,3,0))^2)/1000,0)</f>
        <v>85</v>
      </c>
      <c r="S18">
        <f ca="1">ROUND(SQRT((VLOOKUP($A18,városok!$A$2:$C$346,2,0)-VLOOKUP(S$1,városok!$A$2:$C$346,2,0))^2+(VLOOKUP($A18,városok!$A$2:$C$346,3,0)-VLOOKUP(S$1,városok!$A$2:$C$346,3,0))^2)/1000,0)</f>
        <v>60</v>
      </c>
      <c r="T18">
        <f ca="1">ROUND(SQRT((VLOOKUP($A18,városok!$A$2:$C$346,2,0)-VLOOKUP(T$1,városok!$A$2:$C$346,2,0))^2+(VLOOKUP($A18,városok!$A$2:$C$346,3,0)-VLOOKUP(T$1,városok!$A$2:$C$346,3,0))^2)/1000,0)</f>
        <v>153</v>
      </c>
      <c r="U18">
        <f ca="1">ROUND(SQRT((VLOOKUP($A18,városok!$A$2:$C$346,2,0)-VLOOKUP(U$1,városok!$A$2:$C$346,2,0))^2+(VLOOKUP($A18,városok!$A$2:$C$346,3,0)-VLOOKUP(U$1,városok!$A$2:$C$346,3,0))^2)/1000,0)</f>
        <v>91</v>
      </c>
      <c r="V18">
        <f ca="1">ROUND(SQRT((VLOOKUP($A18,városok!$A$2:$C$346,2,0)-VLOOKUP(V$1,városok!$A$2:$C$346,2,0))^2+(VLOOKUP($A18,városok!$A$2:$C$346,3,0)-VLOOKUP(V$1,városok!$A$2:$C$346,3,0))^2)/1000,0)</f>
        <v>125</v>
      </c>
      <c r="W18">
        <f ca="1">ROUND(SQRT((VLOOKUP($A18,városok!$A$2:$C$346,2,0)-VLOOKUP(W$1,városok!$A$2:$C$346,2,0))^2+(VLOOKUP($A18,városok!$A$2:$C$346,3,0)-VLOOKUP(W$1,városok!$A$2:$C$346,3,0))^2)/1000,0)</f>
        <v>95</v>
      </c>
      <c r="X18">
        <f ca="1">ROUND(SQRT((VLOOKUP($A18,városok!$A$2:$C$346,2,0)-VLOOKUP(X$1,városok!$A$2:$C$346,2,0))^2+(VLOOKUP($A18,városok!$A$2:$C$346,3,0)-VLOOKUP(X$1,városok!$A$2:$C$346,3,0))^2)/1000,0)</f>
        <v>144</v>
      </c>
      <c r="Y18">
        <f ca="1">ROUND(SQRT((VLOOKUP($A18,városok!$A$2:$C$346,2,0)-VLOOKUP(Y$1,városok!$A$2:$C$346,2,0))^2+(VLOOKUP($A18,városok!$A$2:$C$346,3,0)-VLOOKUP(Y$1,városok!$A$2:$C$346,3,0))^2)/1000,0)</f>
        <v>211</v>
      </c>
      <c r="Z18">
        <f ca="1">ROUND(SQRT((VLOOKUP($A18,városok!$A$2:$C$346,2,0)-VLOOKUP(Z$1,városok!$A$2:$C$346,2,0))^2+(VLOOKUP($A18,városok!$A$2:$C$346,3,0)-VLOOKUP(Z$1,városok!$A$2:$C$346,3,0))^2)/1000,0)</f>
        <v>227</v>
      </c>
      <c r="AA18">
        <f ca="1">ROUND(SQRT((VLOOKUP($A18,városok!$A$2:$C$346,2,0)-VLOOKUP(AA$1,városok!$A$2:$C$346,2,0))^2+(VLOOKUP($A18,városok!$A$2:$C$346,3,0)-VLOOKUP(AA$1,városok!$A$2:$C$346,3,0))^2)/1000,0)</f>
        <v>268</v>
      </c>
      <c r="AB18">
        <f ca="1">ROUND(SQRT((VLOOKUP($A18,városok!$A$2:$C$346,2,0)-VLOOKUP(AB$1,városok!$A$2:$C$346,2,0))^2+(VLOOKUP($A18,városok!$A$2:$C$346,3,0)-VLOOKUP(AB$1,városok!$A$2:$C$346,3,0))^2)/1000,0)</f>
        <v>226</v>
      </c>
      <c r="AC18">
        <f ca="1">ROUND(SQRT((VLOOKUP($A18,városok!$A$2:$C$346,2,0)-VLOOKUP(AC$1,városok!$A$2:$C$346,2,0))^2+(VLOOKUP($A18,városok!$A$2:$C$346,3,0)-VLOOKUP(AC$1,városok!$A$2:$C$346,3,0))^2)/1000,0)</f>
        <v>206</v>
      </c>
      <c r="AD18">
        <f ca="1">ROUND(SQRT((VLOOKUP($A18,városok!$A$2:$C$346,2,0)-VLOOKUP(AD$1,városok!$A$2:$C$346,2,0))^2+(VLOOKUP($A18,városok!$A$2:$C$346,3,0)-VLOOKUP(AD$1,városok!$A$2:$C$346,3,0))^2)/1000,0)</f>
        <v>192</v>
      </c>
      <c r="AE18">
        <f ca="1">ROUND(SQRT((VLOOKUP($A18,városok!$A$2:$C$346,2,0)-VLOOKUP(AE$1,városok!$A$2:$C$346,2,0))^2+(VLOOKUP($A18,városok!$A$2:$C$346,3,0)-VLOOKUP(AE$1,városok!$A$2:$C$346,3,0))^2)/1000,0)</f>
        <v>181</v>
      </c>
      <c r="AF18">
        <f ca="1">ROUND(SQRT((VLOOKUP($A18,városok!$A$2:$C$346,2,0)-VLOOKUP(AF$1,városok!$A$2:$C$346,2,0))^2+(VLOOKUP($A18,városok!$A$2:$C$346,3,0)-VLOOKUP(AF$1,városok!$A$2:$C$346,3,0))^2)/1000,0)</f>
        <v>203</v>
      </c>
      <c r="AG18">
        <f ca="1">ROUND(SQRT((VLOOKUP($A18,városok!$A$2:$C$346,2,0)-VLOOKUP(AG$1,városok!$A$2:$C$346,2,0))^2+(VLOOKUP($A18,városok!$A$2:$C$346,3,0)-VLOOKUP(AG$1,városok!$A$2:$C$346,3,0))^2)/1000,0)</f>
        <v>179</v>
      </c>
      <c r="AH18">
        <f ca="1">ROUND(SQRT((VLOOKUP($A18,városok!$A$2:$C$346,2,0)-VLOOKUP(AH$1,városok!$A$2:$C$346,2,0))^2+(VLOOKUP($A18,városok!$A$2:$C$346,3,0)-VLOOKUP(AH$1,városok!$A$2:$C$346,3,0))^2)/1000,0)</f>
        <v>163</v>
      </c>
      <c r="AI18">
        <f ca="1">ROUND(SQRT((VLOOKUP($A18,városok!$A$2:$C$346,2,0)-VLOOKUP(AI$1,városok!$A$2:$C$346,2,0))^2+(VLOOKUP($A18,városok!$A$2:$C$346,3,0)-VLOOKUP(AI$1,városok!$A$2:$C$346,3,0))^2)/1000,0)</f>
        <v>208</v>
      </c>
      <c r="AJ18">
        <f ca="1">ROUND(SQRT((VLOOKUP($A18,városok!$A$2:$C$346,2,0)-VLOOKUP(AJ$1,városok!$A$2:$C$346,2,0))^2+(VLOOKUP($A18,városok!$A$2:$C$346,3,0)-VLOOKUP(AJ$1,városok!$A$2:$C$346,3,0))^2)/1000,0)</f>
        <v>166</v>
      </c>
      <c r="AK18">
        <f ca="1">ROUND(SQRT((VLOOKUP($A18,városok!$A$2:$C$346,2,0)-VLOOKUP(AK$1,városok!$A$2:$C$346,2,0))^2+(VLOOKUP($A18,városok!$A$2:$C$346,3,0)-VLOOKUP(AK$1,városok!$A$2:$C$346,3,0))^2)/1000,0)</f>
        <v>170</v>
      </c>
      <c r="AL18">
        <f ca="1">ROUND(SQRT((VLOOKUP($A18,városok!$A$2:$C$346,2,0)-VLOOKUP(AL$1,városok!$A$2:$C$346,2,0))^2+(VLOOKUP($A18,városok!$A$2:$C$346,3,0)-VLOOKUP(AL$1,városok!$A$2:$C$346,3,0))^2)/1000,0)</f>
        <v>160</v>
      </c>
      <c r="AM18">
        <f ca="1">ROUND(SQRT((VLOOKUP($A18,városok!$A$2:$C$346,2,0)-VLOOKUP(AM$1,városok!$A$2:$C$346,2,0))^2+(VLOOKUP($A18,városok!$A$2:$C$346,3,0)-VLOOKUP(AM$1,városok!$A$2:$C$346,3,0))^2)/1000,0)</f>
        <v>124</v>
      </c>
      <c r="AN18">
        <f ca="1">ROUND(SQRT((VLOOKUP($A18,városok!$A$2:$C$346,2,0)-VLOOKUP(AN$1,városok!$A$2:$C$346,2,0))^2+(VLOOKUP($A18,városok!$A$2:$C$346,3,0)-VLOOKUP(AN$1,városok!$A$2:$C$346,3,0))^2)/1000,0)</f>
        <v>182</v>
      </c>
      <c r="AO18">
        <f ca="1">ROUND(SQRT((VLOOKUP($A18,városok!$A$2:$C$346,2,0)-VLOOKUP(AO$1,városok!$A$2:$C$346,2,0))^2+(VLOOKUP($A18,városok!$A$2:$C$346,3,0)-VLOOKUP(AO$1,városok!$A$2:$C$346,3,0))^2)/1000,0)</f>
        <v>195</v>
      </c>
      <c r="AP18">
        <f ca="1">ROUND(SQRT((VLOOKUP($A18,városok!$A$2:$C$346,2,0)-VLOOKUP(AP$1,városok!$A$2:$C$346,2,0))^2+(VLOOKUP($A18,városok!$A$2:$C$346,3,0)-VLOOKUP(AP$1,városok!$A$2:$C$346,3,0))^2)/1000,0)</f>
        <v>178</v>
      </c>
      <c r="AQ18">
        <f ca="1">ROUND(SQRT((VLOOKUP($A18,városok!$A$2:$C$346,2,0)-VLOOKUP(AQ$1,városok!$A$2:$C$346,2,0))^2+(VLOOKUP($A18,városok!$A$2:$C$346,3,0)-VLOOKUP(AQ$1,városok!$A$2:$C$346,3,0))^2)/1000,0)</f>
        <v>168</v>
      </c>
      <c r="AR18">
        <f ca="1">ROUND(SQRT((VLOOKUP($A18,városok!$A$2:$C$346,2,0)-VLOOKUP(AR$1,városok!$A$2:$C$346,2,0))^2+(VLOOKUP($A18,városok!$A$2:$C$346,3,0)-VLOOKUP(AR$1,városok!$A$2:$C$346,3,0))^2)/1000,0)</f>
        <v>192</v>
      </c>
      <c r="AS18">
        <f ca="1">ROUND(SQRT((VLOOKUP($A18,városok!$A$2:$C$346,2,0)-VLOOKUP(AS$1,városok!$A$2:$C$346,2,0))^2+(VLOOKUP($A18,városok!$A$2:$C$346,3,0)-VLOOKUP(AS$1,városok!$A$2:$C$346,3,0))^2)/1000,0)</f>
        <v>214</v>
      </c>
      <c r="AT18">
        <f ca="1">ROUND(SQRT((VLOOKUP($A18,városok!$A$2:$C$346,2,0)-VLOOKUP(AT$1,városok!$A$2:$C$346,2,0))^2+(VLOOKUP($A18,városok!$A$2:$C$346,3,0)-VLOOKUP(AT$1,városok!$A$2:$C$346,3,0))^2)/1000,0)</f>
        <v>146</v>
      </c>
      <c r="AU18">
        <f ca="1">ROUND(SQRT((VLOOKUP($A18,városok!$A$2:$C$346,2,0)-VLOOKUP(AU$1,városok!$A$2:$C$346,2,0))^2+(VLOOKUP($A18,városok!$A$2:$C$346,3,0)-VLOOKUP(AU$1,városok!$A$2:$C$346,3,0))^2)/1000,0)</f>
        <v>142</v>
      </c>
      <c r="AV18">
        <f ca="1">ROUND(SQRT((VLOOKUP($A18,városok!$A$2:$C$346,2,0)-VLOOKUP(AV$1,városok!$A$2:$C$346,2,0))^2+(VLOOKUP($A18,városok!$A$2:$C$346,3,0)-VLOOKUP(AV$1,városok!$A$2:$C$346,3,0))^2)/1000,0)</f>
        <v>137</v>
      </c>
      <c r="AW18">
        <f ca="1">ROUND(SQRT((VLOOKUP($A18,városok!$A$2:$C$346,2,0)-VLOOKUP(AW$1,városok!$A$2:$C$346,2,0))^2+(VLOOKUP($A18,városok!$A$2:$C$346,3,0)-VLOOKUP(AW$1,városok!$A$2:$C$346,3,0))^2)/1000,0)</f>
        <v>136</v>
      </c>
      <c r="AX18">
        <f ca="1">ROUND(SQRT((VLOOKUP($A18,városok!$A$2:$C$346,2,0)-VLOOKUP(AX$1,városok!$A$2:$C$346,2,0))^2+(VLOOKUP($A18,városok!$A$2:$C$346,3,0)-VLOOKUP(AX$1,városok!$A$2:$C$346,3,0))^2)/1000,0)</f>
        <v>96</v>
      </c>
      <c r="AY18">
        <f ca="1">ROUND(SQRT((VLOOKUP($A18,városok!$A$2:$C$346,2,0)-VLOOKUP(AY$1,városok!$A$2:$C$346,2,0))^2+(VLOOKUP($A18,városok!$A$2:$C$346,3,0)-VLOOKUP(AY$1,városok!$A$2:$C$346,3,0))^2)/1000,0)</f>
        <v>165</v>
      </c>
      <c r="AZ18">
        <f ca="1">ROUND(SQRT((VLOOKUP($A18,városok!$A$2:$C$346,2,0)-VLOOKUP(AZ$1,városok!$A$2:$C$346,2,0))^2+(VLOOKUP($A18,városok!$A$2:$C$346,3,0)-VLOOKUP(AZ$1,városok!$A$2:$C$346,3,0))^2)/1000,0)</f>
        <v>178</v>
      </c>
      <c r="BA18">
        <f ca="1">ROUND(SQRT((VLOOKUP($A18,városok!$A$2:$C$346,2,0)-VLOOKUP(BA$1,városok!$A$2:$C$346,2,0))^2+(VLOOKUP($A18,városok!$A$2:$C$346,3,0)-VLOOKUP(BA$1,városok!$A$2:$C$346,3,0))^2)/1000,0)</f>
        <v>143</v>
      </c>
      <c r="BB18">
        <f ca="1">ROUND(SQRT((VLOOKUP($A18,városok!$A$2:$C$346,2,0)-VLOOKUP(BB$1,városok!$A$2:$C$346,2,0))^2+(VLOOKUP($A18,városok!$A$2:$C$346,3,0)-VLOOKUP(BB$1,városok!$A$2:$C$346,3,0))^2)/1000,0)</f>
        <v>116</v>
      </c>
      <c r="BC18">
        <f ca="1">ROUND(SQRT((VLOOKUP($A18,városok!$A$2:$C$346,2,0)-VLOOKUP(BC$1,városok!$A$2:$C$346,2,0))^2+(VLOOKUP($A18,városok!$A$2:$C$346,3,0)-VLOOKUP(BC$1,városok!$A$2:$C$346,3,0))^2)/1000,0)</f>
        <v>123</v>
      </c>
      <c r="BD18">
        <f ca="1">ROUND(SQRT((VLOOKUP($A18,városok!$A$2:$C$346,2,0)-VLOOKUP(BD$1,városok!$A$2:$C$346,2,0))^2+(VLOOKUP($A18,városok!$A$2:$C$346,3,0)-VLOOKUP(BD$1,városok!$A$2:$C$346,3,0))^2)/1000,0)</f>
        <v>127</v>
      </c>
      <c r="BE18">
        <f ca="1">ROUND(SQRT((VLOOKUP($A18,városok!$A$2:$C$346,2,0)-VLOOKUP(BE$1,városok!$A$2:$C$346,2,0))^2+(VLOOKUP($A18,városok!$A$2:$C$346,3,0)-VLOOKUP(BE$1,városok!$A$2:$C$346,3,0))^2)/1000,0)</f>
        <v>309</v>
      </c>
      <c r="BF18">
        <f ca="1">ROUND(SQRT((VLOOKUP($A18,városok!$A$2:$C$346,2,0)-VLOOKUP(BF$1,városok!$A$2:$C$346,2,0))^2+(VLOOKUP($A18,városok!$A$2:$C$346,3,0)-VLOOKUP(BF$1,városok!$A$2:$C$346,3,0))^2)/1000,0)</f>
        <v>303</v>
      </c>
      <c r="BG18">
        <f ca="1">ROUND(SQRT((VLOOKUP($A18,városok!$A$2:$C$346,2,0)-VLOOKUP(BG$1,városok!$A$2:$C$346,2,0))^2+(VLOOKUP($A18,városok!$A$2:$C$346,3,0)-VLOOKUP(BG$1,városok!$A$2:$C$346,3,0))^2)/1000,0)</f>
        <v>265</v>
      </c>
      <c r="BH18">
        <f ca="1">ROUND(SQRT((VLOOKUP($A18,városok!$A$2:$C$346,2,0)-VLOOKUP(BH$1,városok!$A$2:$C$346,2,0))^2+(VLOOKUP($A18,városok!$A$2:$C$346,3,0)-VLOOKUP(BH$1,városok!$A$2:$C$346,3,0))^2)/1000,0)</f>
        <v>265</v>
      </c>
      <c r="BI18">
        <f ca="1">ROUND(SQRT((VLOOKUP($A18,városok!$A$2:$C$346,2,0)-VLOOKUP(BI$1,városok!$A$2:$C$346,2,0))^2+(VLOOKUP($A18,városok!$A$2:$C$346,3,0)-VLOOKUP(BI$1,városok!$A$2:$C$346,3,0))^2)/1000,0)</f>
        <v>62</v>
      </c>
      <c r="BJ18">
        <f ca="1">ROUND(SQRT((VLOOKUP($A18,városok!$A$2:$C$346,2,0)-VLOOKUP(BJ$1,városok!$A$2:$C$346,2,0))^2+(VLOOKUP($A18,városok!$A$2:$C$346,3,0)-VLOOKUP(BJ$1,városok!$A$2:$C$346,3,0))^2)/1000,0)</f>
        <v>71</v>
      </c>
      <c r="BK18">
        <f ca="1">ROUND(SQRT((VLOOKUP($A18,városok!$A$2:$C$346,2,0)-VLOOKUP(BK$1,városok!$A$2:$C$346,2,0))^2+(VLOOKUP($A18,városok!$A$2:$C$346,3,0)-VLOOKUP(BK$1,városok!$A$2:$C$346,3,0))^2)/1000,0)</f>
        <v>54</v>
      </c>
      <c r="BL18">
        <f ca="1">ROUND(SQRT((VLOOKUP($A18,városok!$A$2:$C$346,2,0)-VLOOKUP(BL$1,városok!$A$2:$C$346,2,0))^2+(VLOOKUP($A18,városok!$A$2:$C$346,3,0)-VLOOKUP(BL$1,városok!$A$2:$C$346,3,0))^2)/1000,0)</f>
        <v>230</v>
      </c>
      <c r="BM18">
        <f ca="1">ROUND(SQRT((VLOOKUP($A18,városok!$A$2:$C$346,2,0)-VLOOKUP(BM$1,városok!$A$2:$C$346,2,0))^2+(VLOOKUP($A18,városok!$A$2:$C$346,3,0)-VLOOKUP(BM$1,városok!$A$2:$C$346,3,0))^2)/1000,0)</f>
        <v>220</v>
      </c>
      <c r="BN18">
        <f ca="1">ROUND(SQRT((VLOOKUP($A18,városok!$A$2:$C$346,2,0)-VLOOKUP(BN$1,városok!$A$2:$C$346,2,0))^2+(VLOOKUP($A18,városok!$A$2:$C$346,3,0)-VLOOKUP(BN$1,városok!$A$2:$C$346,3,0))^2)/1000,0)</f>
        <v>239</v>
      </c>
      <c r="BO18">
        <f ca="1">ROUND(SQRT((VLOOKUP($A18,városok!$A$2:$C$346,2,0)-VLOOKUP(BO$1,városok!$A$2:$C$346,2,0))^2+(VLOOKUP($A18,városok!$A$2:$C$346,3,0)-VLOOKUP(BO$1,városok!$A$2:$C$346,3,0))^2)/1000,0)</f>
        <v>139</v>
      </c>
      <c r="BP18">
        <f ca="1">ROUND(SQRT((VLOOKUP($A18,városok!$A$2:$C$346,2,0)-VLOOKUP(BP$1,városok!$A$2:$C$346,2,0))^2+(VLOOKUP($A18,városok!$A$2:$C$346,3,0)-VLOOKUP(BP$1,városok!$A$2:$C$346,3,0))^2)/1000,0)</f>
        <v>134</v>
      </c>
      <c r="BQ18">
        <f ca="1">ROUND(SQRT((VLOOKUP($A18,városok!$A$2:$C$346,2,0)-VLOOKUP(BQ$1,városok!$A$2:$C$346,2,0))^2+(VLOOKUP($A18,városok!$A$2:$C$346,3,0)-VLOOKUP(BQ$1,városok!$A$2:$C$346,3,0))^2)/1000,0)</f>
        <v>149</v>
      </c>
      <c r="BR18">
        <f ca="1">ROUND(SQRT((VLOOKUP($A18,városok!$A$2:$C$346,2,0)-VLOOKUP(BR$1,városok!$A$2:$C$346,2,0))^2+(VLOOKUP($A18,városok!$A$2:$C$346,3,0)-VLOOKUP(BR$1,városok!$A$2:$C$346,3,0))^2)/1000,0)</f>
        <v>174</v>
      </c>
      <c r="BS18">
        <f ca="1">ROUND(SQRT((VLOOKUP($A18,városok!$A$2:$C$346,2,0)-VLOOKUP(BS$1,városok!$A$2:$C$346,2,0))^2+(VLOOKUP($A18,városok!$A$2:$C$346,3,0)-VLOOKUP(BS$1,városok!$A$2:$C$346,3,0))^2)/1000,0)</f>
        <v>185</v>
      </c>
      <c r="BT18">
        <f ca="1">ROUND(SQRT((VLOOKUP($A18,városok!$A$2:$C$346,2,0)-VLOOKUP(BT$1,városok!$A$2:$C$346,2,0))^2+(VLOOKUP($A18,városok!$A$2:$C$346,3,0)-VLOOKUP(BT$1,városok!$A$2:$C$346,3,0))^2)/1000,0)</f>
        <v>207</v>
      </c>
    </row>
    <row r="19" spans="1:72" x14ac:dyDescent="0.2">
      <c r="A19" t="str">
        <f>városok!A19</f>
        <v>Solt</v>
      </c>
      <c r="B19">
        <f ca="1">ROUND(SQRT((VLOOKUP($A19,városok!$A$2:$C$346,2,0)-VLOOKUP(B$1,városok!$A$2:$C$346,2,0))^2+(VLOOKUP($A19,városok!$A$2:$C$346,3,0)-VLOOKUP(B$1,városok!$A$2:$C$346,3,0))^2)/1000,0)</f>
        <v>69</v>
      </c>
      <c r="C19">
        <f ca="1">ROUND(SQRT((VLOOKUP($A19,városok!$A$2:$C$346,2,0)-VLOOKUP(C$1,városok!$A$2:$C$346,2,0))^2+(VLOOKUP($A19,városok!$A$2:$C$346,3,0)-VLOOKUP(C$1,városok!$A$2:$C$346,3,0))^2)/1000,0)</f>
        <v>30</v>
      </c>
      <c r="D19">
        <f ca="1">ROUND(SQRT((VLOOKUP($A19,városok!$A$2:$C$346,2,0)-VLOOKUP(D$1,városok!$A$2:$C$346,2,0))^2+(VLOOKUP($A19,városok!$A$2:$C$346,3,0)-VLOOKUP(D$1,városok!$A$2:$C$346,3,0))^2)/1000,0)</f>
        <v>54</v>
      </c>
      <c r="E19">
        <f ca="1">ROUND(SQRT((VLOOKUP($A19,városok!$A$2:$C$346,2,0)-VLOOKUP(E$1,városok!$A$2:$C$346,2,0))^2+(VLOOKUP($A19,városok!$A$2:$C$346,3,0)-VLOOKUP(E$1,városok!$A$2:$C$346,3,0))^2)/1000,0)</f>
        <v>89</v>
      </c>
      <c r="F19">
        <f ca="1">ROUND(SQRT((VLOOKUP($A19,városok!$A$2:$C$346,2,0)-VLOOKUP(F$1,városok!$A$2:$C$346,2,0))^2+(VLOOKUP($A19,városok!$A$2:$C$346,3,0)-VLOOKUP(F$1,városok!$A$2:$C$346,3,0))^2)/1000,0)</f>
        <v>93</v>
      </c>
      <c r="G19">
        <f ca="1">ROUND(SQRT((VLOOKUP($A19,városok!$A$2:$C$346,2,0)-VLOOKUP(G$1,városok!$A$2:$C$346,2,0))^2+(VLOOKUP($A19,városok!$A$2:$C$346,3,0)-VLOOKUP(G$1,városok!$A$2:$C$346,3,0))^2)/1000,0)</f>
        <v>99</v>
      </c>
      <c r="H19">
        <f ca="1">ROUND(SQRT((VLOOKUP($A19,városok!$A$2:$C$346,2,0)-VLOOKUP(H$1,városok!$A$2:$C$346,2,0))^2+(VLOOKUP($A19,városok!$A$2:$C$346,3,0)-VLOOKUP(H$1,városok!$A$2:$C$346,3,0))^2)/1000,0)</f>
        <v>125</v>
      </c>
      <c r="I19">
        <f ca="1">ROUND(SQRT((VLOOKUP($A19,városok!$A$2:$C$346,2,0)-VLOOKUP(I$1,városok!$A$2:$C$346,2,0))^2+(VLOOKUP($A19,városok!$A$2:$C$346,3,0)-VLOOKUP(I$1,városok!$A$2:$C$346,3,0))^2)/1000,0)</f>
        <v>159</v>
      </c>
      <c r="J19">
        <f ca="1">ROUND(SQRT((VLOOKUP($A19,városok!$A$2:$C$346,2,0)-VLOOKUP(J$1,városok!$A$2:$C$346,2,0))^2+(VLOOKUP($A19,városok!$A$2:$C$346,3,0)-VLOOKUP(J$1,városok!$A$2:$C$346,3,0))^2)/1000,0)</f>
        <v>175</v>
      </c>
      <c r="K19">
        <f ca="1">ROUND(SQRT((VLOOKUP($A19,városok!$A$2:$C$346,2,0)-VLOOKUP(K$1,városok!$A$2:$C$346,2,0))^2+(VLOOKUP($A19,városok!$A$2:$C$346,3,0)-VLOOKUP(K$1,városok!$A$2:$C$346,3,0))^2)/1000,0)</f>
        <v>130</v>
      </c>
      <c r="L19">
        <f ca="1">ROUND(SQRT((VLOOKUP($A19,városok!$A$2:$C$346,2,0)-VLOOKUP(L$1,városok!$A$2:$C$346,2,0))^2+(VLOOKUP($A19,városok!$A$2:$C$346,3,0)-VLOOKUP(L$1,városok!$A$2:$C$346,3,0))^2)/1000,0)</f>
        <v>203</v>
      </c>
      <c r="M19">
        <f ca="1">ROUND(SQRT((VLOOKUP($A19,városok!$A$2:$C$346,2,0)-VLOOKUP(M$1,városok!$A$2:$C$346,2,0))^2+(VLOOKUP($A19,városok!$A$2:$C$346,3,0)-VLOOKUP(M$1,városok!$A$2:$C$346,3,0))^2)/1000,0)</f>
        <v>198</v>
      </c>
      <c r="N19">
        <f ca="1">ROUND(SQRT((VLOOKUP($A19,városok!$A$2:$C$346,2,0)-VLOOKUP(N$1,városok!$A$2:$C$346,2,0))^2+(VLOOKUP($A19,városok!$A$2:$C$346,3,0)-VLOOKUP(N$1,városok!$A$2:$C$346,3,0))^2)/1000,0)</f>
        <v>186</v>
      </c>
      <c r="O19">
        <f ca="1">ROUND(SQRT((VLOOKUP($A19,városok!$A$2:$C$346,2,0)-VLOOKUP(O$1,városok!$A$2:$C$346,2,0))^2+(VLOOKUP($A19,városok!$A$2:$C$346,3,0)-VLOOKUP(O$1,városok!$A$2:$C$346,3,0))^2)/1000,0)</f>
        <v>267</v>
      </c>
      <c r="P19">
        <f ca="1">ROUND(SQRT((VLOOKUP($A19,városok!$A$2:$C$346,2,0)-VLOOKUP(P$1,városok!$A$2:$C$346,2,0))^2+(VLOOKUP($A19,városok!$A$2:$C$346,3,0)-VLOOKUP(P$1,városok!$A$2:$C$346,3,0))^2)/1000,0)</f>
        <v>267</v>
      </c>
      <c r="Q19">
        <f ca="1">ROUND(SQRT((VLOOKUP($A19,városok!$A$2:$C$346,2,0)-VLOOKUP(Q$1,városok!$A$2:$C$346,2,0))^2+(VLOOKUP($A19,városok!$A$2:$C$346,3,0)-VLOOKUP(Q$1,városok!$A$2:$C$346,3,0))^2)/1000,0)</f>
        <v>110</v>
      </c>
      <c r="R19">
        <f ca="1">ROUND(SQRT((VLOOKUP($A19,városok!$A$2:$C$346,2,0)-VLOOKUP(R$1,városok!$A$2:$C$346,2,0))^2+(VLOOKUP($A19,városok!$A$2:$C$346,3,0)-VLOOKUP(R$1,városok!$A$2:$C$346,3,0))^2)/1000,0)</f>
        <v>130</v>
      </c>
      <c r="S19">
        <f ca="1">ROUND(SQRT((VLOOKUP($A19,városok!$A$2:$C$346,2,0)-VLOOKUP(S$1,városok!$A$2:$C$346,2,0))^2+(VLOOKUP($A19,városok!$A$2:$C$346,3,0)-VLOOKUP(S$1,városok!$A$2:$C$346,3,0))^2)/1000,0)</f>
        <v>108</v>
      </c>
      <c r="T19">
        <f ca="1">ROUND(SQRT((VLOOKUP($A19,városok!$A$2:$C$346,2,0)-VLOOKUP(T$1,városok!$A$2:$C$346,2,0))^2+(VLOOKUP($A19,városok!$A$2:$C$346,3,0)-VLOOKUP(T$1,városok!$A$2:$C$346,3,0))^2)/1000,0)</f>
        <v>81</v>
      </c>
      <c r="U19">
        <f ca="1">ROUND(SQRT((VLOOKUP($A19,városok!$A$2:$C$346,2,0)-VLOOKUP(U$1,városok!$A$2:$C$346,2,0))^2+(VLOOKUP($A19,városok!$A$2:$C$346,3,0)-VLOOKUP(U$1,városok!$A$2:$C$346,3,0))^2)/1000,0)</f>
        <v>19</v>
      </c>
      <c r="V19">
        <f ca="1">ROUND(SQRT((VLOOKUP($A19,városok!$A$2:$C$346,2,0)-VLOOKUP(V$1,városok!$A$2:$C$346,2,0))^2+(VLOOKUP($A19,városok!$A$2:$C$346,3,0)-VLOOKUP(V$1,városok!$A$2:$C$346,3,0))^2)/1000,0)</f>
        <v>61</v>
      </c>
      <c r="W19">
        <f ca="1">ROUND(SQRT((VLOOKUP($A19,városok!$A$2:$C$346,2,0)-VLOOKUP(W$1,városok!$A$2:$C$346,2,0))^2+(VLOOKUP($A19,városok!$A$2:$C$346,3,0)-VLOOKUP(W$1,városok!$A$2:$C$346,3,0))^2)/1000,0)</f>
        <v>30</v>
      </c>
      <c r="X19">
        <f ca="1">ROUND(SQRT((VLOOKUP($A19,városok!$A$2:$C$346,2,0)-VLOOKUP(X$1,városok!$A$2:$C$346,2,0))^2+(VLOOKUP($A19,városok!$A$2:$C$346,3,0)-VLOOKUP(X$1,városok!$A$2:$C$346,3,0))^2)/1000,0)</f>
        <v>75</v>
      </c>
      <c r="Y19">
        <f ca="1">ROUND(SQRT((VLOOKUP($A19,városok!$A$2:$C$346,2,0)-VLOOKUP(Y$1,városok!$A$2:$C$346,2,0))^2+(VLOOKUP($A19,városok!$A$2:$C$346,3,0)-VLOOKUP(Y$1,városok!$A$2:$C$346,3,0))^2)/1000,0)</f>
        <v>143</v>
      </c>
      <c r="Z19">
        <f ca="1">ROUND(SQRT((VLOOKUP($A19,városok!$A$2:$C$346,2,0)-VLOOKUP(Z$1,városok!$A$2:$C$346,2,0))^2+(VLOOKUP($A19,városok!$A$2:$C$346,3,0)-VLOOKUP(Z$1,városok!$A$2:$C$346,3,0))^2)/1000,0)</f>
        <v>160</v>
      </c>
      <c r="AA19">
        <f ca="1">ROUND(SQRT((VLOOKUP($A19,városok!$A$2:$C$346,2,0)-VLOOKUP(AA$1,városok!$A$2:$C$346,2,0))^2+(VLOOKUP($A19,városok!$A$2:$C$346,3,0)-VLOOKUP(AA$1,városok!$A$2:$C$346,3,0))^2)/1000,0)</f>
        <v>208</v>
      </c>
      <c r="AB19">
        <f ca="1">ROUND(SQRT((VLOOKUP($A19,városok!$A$2:$C$346,2,0)-VLOOKUP(AB$1,városok!$A$2:$C$346,2,0))^2+(VLOOKUP($A19,városok!$A$2:$C$346,3,0)-VLOOKUP(AB$1,városok!$A$2:$C$346,3,0))^2)/1000,0)</f>
        <v>215</v>
      </c>
      <c r="AC19">
        <f ca="1">ROUND(SQRT((VLOOKUP($A19,városok!$A$2:$C$346,2,0)-VLOOKUP(AC$1,városok!$A$2:$C$346,2,0))^2+(VLOOKUP($A19,városok!$A$2:$C$346,3,0)-VLOOKUP(AC$1,városok!$A$2:$C$346,3,0))^2)/1000,0)</f>
        <v>195</v>
      </c>
      <c r="AD19">
        <f ca="1">ROUND(SQRT((VLOOKUP($A19,városok!$A$2:$C$346,2,0)-VLOOKUP(AD$1,városok!$A$2:$C$346,2,0))^2+(VLOOKUP($A19,városok!$A$2:$C$346,3,0)-VLOOKUP(AD$1,városok!$A$2:$C$346,3,0))^2)/1000,0)</f>
        <v>178</v>
      </c>
      <c r="AE19">
        <f ca="1">ROUND(SQRT((VLOOKUP($A19,városok!$A$2:$C$346,2,0)-VLOOKUP(AE$1,városok!$A$2:$C$346,2,0))^2+(VLOOKUP($A19,városok!$A$2:$C$346,3,0)-VLOOKUP(AE$1,városok!$A$2:$C$346,3,0))^2)/1000,0)</f>
        <v>173</v>
      </c>
      <c r="AF19">
        <f ca="1">ROUND(SQRT((VLOOKUP($A19,városok!$A$2:$C$346,2,0)-VLOOKUP(AF$1,városok!$A$2:$C$346,2,0))^2+(VLOOKUP($A19,városok!$A$2:$C$346,3,0)-VLOOKUP(AF$1,városok!$A$2:$C$346,3,0))^2)/1000,0)</f>
        <v>160</v>
      </c>
      <c r="AG19">
        <f ca="1">ROUND(SQRT((VLOOKUP($A19,városok!$A$2:$C$346,2,0)-VLOOKUP(AG$1,városok!$A$2:$C$346,2,0))^2+(VLOOKUP($A19,városok!$A$2:$C$346,3,0)-VLOOKUP(AG$1,városok!$A$2:$C$346,3,0))^2)/1000,0)</f>
        <v>129</v>
      </c>
      <c r="AH19">
        <f ca="1">ROUND(SQRT((VLOOKUP($A19,városok!$A$2:$C$346,2,0)-VLOOKUP(AH$1,városok!$A$2:$C$346,2,0))^2+(VLOOKUP($A19,városok!$A$2:$C$346,3,0)-VLOOKUP(AH$1,városok!$A$2:$C$346,3,0))^2)/1000,0)</f>
        <v>109</v>
      </c>
      <c r="AI19">
        <f ca="1">ROUND(SQRT((VLOOKUP($A19,városok!$A$2:$C$346,2,0)-VLOOKUP(AI$1,városok!$A$2:$C$346,2,0))^2+(VLOOKUP($A19,városok!$A$2:$C$346,3,0)-VLOOKUP(AI$1,városok!$A$2:$C$346,3,0))^2)/1000,0)</f>
        <v>159</v>
      </c>
      <c r="AJ19">
        <f ca="1">ROUND(SQRT((VLOOKUP($A19,városok!$A$2:$C$346,2,0)-VLOOKUP(AJ$1,városok!$A$2:$C$346,2,0))^2+(VLOOKUP($A19,városok!$A$2:$C$346,3,0)-VLOOKUP(AJ$1,városok!$A$2:$C$346,3,0))^2)/1000,0)</f>
        <v>119</v>
      </c>
      <c r="AK19">
        <f ca="1">ROUND(SQRT((VLOOKUP($A19,városok!$A$2:$C$346,2,0)-VLOOKUP(AK$1,városok!$A$2:$C$346,2,0))^2+(VLOOKUP($A19,városok!$A$2:$C$346,3,0)-VLOOKUP(AK$1,városok!$A$2:$C$346,3,0))^2)/1000,0)</f>
        <v>159</v>
      </c>
      <c r="AL19">
        <f ca="1">ROUND(SQRT((VLOOKUP($A19,városok!$A$2:$C$346,2,0)-VLOOKUP(AL$1,városok!$A$2:$C$346,2,0))^2+(VLOOKUP($A19,városok!$A$2:$C$346,3,0)-VLOOKUP(AL$1,városok!$A$2:$C$346,3,0))^2)/1000,0)</f>
        <v>139</v>
      </c>
      <c r="AM19">
        <f ca="1">ROUND(SQRT((VLOOKUP($A19,városok!$A$2:$C$346,2,0)-VLOOKUP(AM$1,városok!$A$2:$C$346,2,0))^2+(VLOOKUP($A19,városok!$A$2:$C$346,3,0)-VLOOKUP(AM$1,városok!$A$2:$C$346,3,0))^2)/1000,0)</f>
        <v>99</v>
      </c>
      <c r="AN19">
        <f ca="1">ROUND(SQRT((VLOOKUP($A19,városok!$A$2:$C$346,2,0)-VLOOKUP(AN$1,városok!$A$2:$C$346,2,0))^2+(VLOOKUP($A19,városok!$A$2:$C$346,3,0)-VLOOKUP(AN$1,városok!$A$2:$C$346,3,0))^2)/1000,0)</f>
        <v>112</v>
      </c>
      <c r="AO19">
        <f ca="1">ROUND(SQRT((VLOOKUP($A19,városok!$A$2:$C$346,2,0)-VLOOKUP(AO$1,városok!$A$2:$C$346,2,0))^2+(VLOOKUP($A19,városok!$A$2:$C$346,3,0)-VLOOKUP(AO$1,városok!$A$2:$C$346,3,0))^2)/1000,0)</f>
        <v>124</v>
      </c>
      <c r="AP19">
        <f ca="1">ROUND(SQRT((VLOOKUP($A19,városok!$A$2:$C$346,2,0)-VLOOKUP(AP$1,városok!$A$2:$C$346,2,0))^2+(VLOOKUP($A19,városok!$A$2:$C$346,3,0)-VLOOKUP(AP$1,városok!$A$2:$C$346,3,0))^2)/1000,0)</f>
        <v>107</v>
      </c>
      <c r="AQ19">
        <f ca="1">ROUND(SQRT((VLOOKUP($A19,városok!$A$2:$C$346,2,0)-VLOOKUP(AQ$1,városok!$A$2:$C$346,2,0))^2+(VLOOKUP($A19,városok!$A$2:$C$346,3,0)-VLOOKUP(AQ$1,városok!$A$2:$C$346,3,0))^2)/1000,0)</f>
        <v>96</v>
      </c>
      <c r="AR19">
        <f ca="1">ROUND(SQRT((VLOOKUP($A19,városok!$A$2:$C$346,2,0)-VLOOKUP(AR$1,városok!$A$2:$C$346,2,0))^2+(VLOOKUP($A19,városok!$A$2:$C$346,3,0)-VLOOKUP(AR$1,városok!$A$2:$C$346,3,0))^2)/1000,0)</f>
        <v>135</v>
      </c>
      <c r="AS19">
        <f ca="1">ROUND(SQRT((VLOOKUP($A19,városok!$A$2:$C$346,2,0)-VLOOKUP(AS$1,városok!$A$2:$C$346,2,0))^2+(VLOOKUP($A19,városok!$A$2:$C$346,3,0)-VLOOKUP(AS$1,városok!$A$2:$C$346,3,0))^2)/1000,0)</f>
        <v>158</v>
      </c>
      <c r="AT19">
        <f ca="1">ROUND(SQRT((VLOOKUP($A19,városok!$A$2:$C$346,2,0)-VLOOKUP(AT$1,városok!$A$2:$C$346,2,0))^2+(VLOOKUP($A19,városok!$A$2:$C$346,3,0)-VLOOKUP(AT$1,városok!$A$2:$C$346,3,0))^2)/1000,0)</f>
        <v>76</v>
      </c>
      <c r="AU19">
        <f ca="1">ROUND(SQRT((VLOOKUP($A19,városok!$A$2:$C$346,2,0)-VLOOKUP(AU$1,városok!$A$2:$C$346,2,0))^2+(VLOOKUP($A19,városok!$A$2:$C$346,3,0)-VLOOKUP(AU$1,városok!$A$2:$C$346,3,0))^2)/1000,0)</f>
        <v>73</v>
      </c>
      <c r="AV19">
        <f ca="1">ROUND(SQRT((VLOOKUP($A19,városok!$A$2:$C$346,2,0)-VLOOKUP(AV$1,városok!$A$2:$C$346,2,0))^2+(VLOOKUP($A19,városok!$A$2:$C$346,3,0)-VLOOKUP(AV$1,városok!$A$2:$C$346,3,0))^2)/1000,0)</f>
        <v>68</v>
      </c>
      <c r="AW19">
        <f ca="1">ROUND(SQRT((VLOOKUP($A19,városok!$A$2:$C$346,2,0)-VLOOKUP(AW$1,városok!$A$2:$C$346,2,0))^2+(VLOOKUP($A19,városok!$A$2:$C$346,3,0)-VLOOKUP(AW$1,városok!$A$2:$C$346,3,0))^2)/1000,0)</f>
        <v>66</v>
      </c>
      <c r="AX19">
        <f ca="1">ROUND(SQRT((VLOOKUP($A19,városok!$A$2:$C$346,2,0)-VLOOKUP(AX$1,városok!$A$2:$C$346,2,0))^2+(VLOOKUP($A19,városok!$A$2:$C$346,3,0)-VLOOKUP(AX$1,városok!$A$2:$C$346,3,0))^2)/1000,0)</f>
        <v>65</v>
      </c>
      <c r="AY19">
        <f ca="1">ROUND(SQRT((VLOOKUP($A19,városok!$A$2:$C$346,2,0)-VLOOKUP(AY$1,városok!$A$2:$C$346,2,0))^2+(VLOOKUP($A19,városok!$A$2:$C$346,3,0)-VLOOKUP(AY$1,városok!$A$2:$C$346,3,0))^2)/1000,0)</f>
        <v>98</v>
      </c>
      <c r="AZ19">
        <f ca="1">ROUND(SQRT((VLOOKUP($A19,városok!$A$2:$C$346,2,0)-VLOOKUP(AZ$1,városok!$A$2:$C$346,2,0))^2+(VLOOKUP($A19,városok!$A$2:$C$346,3,0)-VLOOKUP(AZ$1,városok!$A$2:$C$346,3,0))^2)/1000,0)</f>
        <v>109</v>
      </c>
      <c r="BA19">
        <f ca="1">ROUND(SQRT((VLOOKUP($A19,városok!$A$2:$C$346,2,0)-VLOOKUP(BA$1,városok!$A$2:$C$346,2,0))^2+(VLOOKUP($A19,városok!$A$2:$C$346,3,0)-VLOOKUP(BA$1,városok!$A$2:$C$346,3,0))^2)/1000,0)</f>
        <v>99</v>
      </c>
      <c r="BB19">
        <f ca="1">ROUND(SQRT((VLOOKUP($A19,városok!$A$2:$C$346,2,0)-VLOOKUP(BB$1,városok!$A$2:$C$346,2,0))^2+(VLOOKUP($A19,városok!$A$2:$C$346,3,0)-VLOOKUP(BB$1,városok!$A$2:$C$346,3,0))^2)/1000,0)</f>
        <v>86</v>
      </c>
      <c r="BC19">
        <f ca="1">ROUND(SQRT((VLOOKUP($A19,városok!$A$2:$C$346,2,0)-VLOOKUP(BC$1,városok!$A$2:$C$346,2,0))^2+(VLOOKUP($A19,városok!$A$2:$C$346,3,0)-VLOOKUP(BC$1,városok!$A$2:$C$346,3,0))^2)/1000,0)</f>
        <v>105</v>
      </c>
      <c r="BD19">
        <f ca="1">ROUND(SQRT((VLOOKUP($A19,városok!$A$2:$C$346,2,0)-VLOOKUP(BD$1,városok!$A$2:$C$346,2,0))^2+(VLOOKUP($A19,városok!$A$2:$C$346,3,0)-VLOOKUP(BD$1,városok!$A$2:$C$346,3,0))^2)/1000,0)</f>
        <v>72</v>
      </c>
      <c r="BE19">
        <f ca="1">ROUND(SQRT((VLOOKUP($A19,városok!$A$2:$C$346,2,0)-VLOOKUP(BE$1,városok!$A$2:$C$346,2,0))^2+(VLOOKUP($A19,városok!$A$2:$C$346,3,0)-VLOOKUP(BE$1,városok!$A$2:$C$346,3,0))^2)/1000,0)</f>
        <v>300</v>
      </c>
      <c r="BF19">
        <f ca="1">ROUND(SQRT((VLOOKUP($A19,városok!$A$2:$C$346,2,0)-VLOOKUP(BF$1,városok!$A$2:$C$346,2,0))^2+(VLOOKUP($A19,városok!$A$2:$C$346,3,0)-VLOOKUP(BF$1,városok!$A$2:$C$346,3,0))^2)/1000,0)</f>
        <v>280</v>
      </c>
      <c r="BG19">
        <f ca="1">ROUND(SQRT((VLOOKUP($A19,városok!$A$2:$C$346,2,0)-VLOOKUP(BG$1,városok!$A$2:$C$346,2,0))^2+(VLOOKUP($A19,városok!$A$2:$C$346,3,0)-VLOOKUP(BG$1,városok!$A$2:$C$346,3,0))^2)/1000,0)</f>
        <v>237</v>
      </c>
      <c r="BH19">
        <f ca="1">ROUND(SQRT((VLOOKUP($A19,városok!$A$2:$C$346,2,0)-VLOOKUP(BH$1,városok!$A$2:$C$346,2,0))^2+(VLOOKUP($A19,városok!$A$2:$C$346,3,0)-VLOOKUP(BH$1,városok!$A$2:$C$346,3,0))^2)/1000,0)</f>
        <v>237</v>
      </c>
      <c r="BI19">
        <f ca="1">ROUND(SQRT((VLOOKUP($A19,városok!$A$2:$C$346,2,0)-VLOOKUP(BI$1,városok!$A$2:$C$346,2,0))^2+(VLOOKUP($A19,városok!$A$2:$C$346,3,0)-VLOOKUP(BI$1,városok!$A$2:$C$346,3,0))^2)/1000,0)</f>
        <v>53</v>
      </c>
      <c r="BJ19">
        <f ca="1">ROUND(SQRT((VLOOKUP($A19,városok!$A$2:$C$346,2,0)-VLOOKUP(BJ$1,városok!$A$2:$C$346,2,0))^2+(VLOOKUP($A19,városok!$A$2:$C$346,3,0)-VLOOKUP(BJ$1,városok!$A$2:$C$346,3,0))^2)/1000,0)</f>
        <v>71</v>
      </c>
      <c r="BK19">
        <f ca="1">ROUND(SQRT((VLOOKUP($A19,városok!$A$2:$C$346,2,0)-VLOOKUP(BK$1,városok!$A$2:$C$346,2,0))^2+(VLOOKUP($A19,városok!$A$2:$C$346,3,0)-VLOOKUP(BK$1,városok!$A$2:$C$346,3,0))^2)/1000,0)</f>
        <v>55</v>
      </c>
      <c r="BL19">
        <f ca="1">ROUND(SQRT((VLOOKUP($A19,városok!$A$2:$C$346,2,0)-VLOOKUP(BL$1,városok!$A$2:$C$346,2,0))^2+(VLOOKUP($A19,városok!$A$2:$C$346,3,0)-VLOOKUP(BL$1,városok!$A$2:$C$346,3,0))^2)/1000,0)</f>
        <v>184</v>
      </c>
      <c r="BM19">
        <f ca="1">ROUND(SQRT((VLOOKUP($A19,városok!$A$2:$C$346,2,0)-VLOOKUP(BM$1,városok!$A$2:$C$346,2,0))^2+(VLOOKUP($A19,városok!$A$2:$C$346,3,0)-VLOOKUP(BM$1,városok!$A$2:$C$346,3,0))^2)/1000,0)</f>
        <v>165</v>
      </c>
      <c r="BN19">
        <f ca="1">ROUND(SQRT((VLOOKUP($A19,városok!$A$2:$C$346,2,0)-VLOOKUP(BN$1,városok!$A$2:$C$346,2,0))^2+(VLOOKUP($A19,városok!$A$2:$C$346,3,0)-VLOOKUP(BN$1,városok!$A$2:$C$346,3,0))^2)/1000,0)</f>
        <v>187</v>
      </c>
      <c r="BO19">
        <f ca="1">ROUND(SQRT((VLOOKUP($A19,városok!$A$2:$C$346,2,0)-VLOOKUP(BO$1,városok!$A$2:$C$346,2,0))^2+(VLOOKUP($A19,városok!$A$2:$C$346,3,0)-VLOOKUP(BO$1,városok!$A$2:$C$346,3,0))^2)/1000,0)</f>
        <v>80</v>
      </c>
      <c r="BP19">
        <f ca="1">ROUND(SQRT((VLOOKUP($A19,városok!$A$2:$C$346,2,0)-VLOOKUP(BP$1,városok!$A$2:$C$346,2,0))^2+(VLOOKUP($A19,városok!$A$2:$C$346,3,0)-VLOOKUP(BP$1,városok!$A$2:$C$346,3,0))^2)/1000,0)</f>
        <v>73</v>
      </c>
      <c r="BQ19">
        <f ca="1">ROUND(SQRT((VLOOKUP($A19,városok!$A$2:$C$346,2,0)-VLOOKUP(BQ$1,városok!$A$2:$C$346,2,0))^2+(VLOOKUP($A19,városok!$A$2:$C$346,3,0)-VLOOKUP(BQ$1,városok!$A$2:$C$346,3,0))^2)/1000,0)</f>
        <v>89</v>
      </c>
      <c r="BR19">
        <f ca="1">ROUND(SQRT((VLOOKUP($A19,városok!$A$2:$C$346,2,0)-VLOOKUP(BR$1,városok!$A$2:$C$346,2,0))^2+(VLOOKUP($A19,városok!$A$2:$C$346,3,0)-VLOOKUP(BR$1,városok!$A$2:$C$346,3,0))^2)/1000,0)</f>
        <v>133</v>
      </c>
      <c r="BS19">
        <f ca="1">ROUND(SQRT((VLOOKUP($A19,városok!$A$2:$C$346,2,0)-VLOOKUP(BS$1,városok!$A$2:$C$346,2,0))^2+(VLOOKUP($A19,városok!$A$2:$C$346,3,0)-VLOOKUP(BS$1,városok!$A$2:$C$346,3,0))^2)/1000,0)</f>
        <v>159</v>
      </c>
      <c r="BT19">
        <f ca="1">ROUND(SQRT((VLOOKUP($A19,városok!$A$2:$C$346,2,0)-VLOOKUP(BT$1,városok!$A$2:$C$346,2,0))^2+(VLOOKUP($A19,városok!$A$2:$C$346,3,0)-VLOOKUP(BT$1,városok!$A$2:$C$346,3,0))^2)/1000,0)</f>
        <v>165</v>
      </c>
    </row>
    <row r="20" spans="1:72" x14ac:dyDescent="0.2">
      <c r="A20" t="str">
        <f>városok!A20</f>
        <v>Soltvadkert</v>
      </c>
      <c r="B20">
        <f ca="1">ROUND(SQRT((VLOOKUP($A20,városok!$A$2:$C$346,2,0)-VLOOKUP(B$1,városok!$A$2:$C$346,2,0))^2+(VLOOKUP($A20,városok!$A$2:$C$346,3,0)-VLOOKUP(B$1,városok!$A$2:$C$346,3,0))^2)/1000,0)</f>
        <v>55</v>
      </c>
      <c r="C20">
        <f ca="1">ROUND(SQRT((VLOOKUP($A20,városok!$A$2:$C$346,2,0)-VLOOKUP(C$1,városok!$A$2:$C$346,2,0))^2+(VLOOKUP($A20,városok!$A$2:$C$346,3,0)-VLOOKUP(C$1,városok!$A$2:$C$346,3,0))^2)/1000,0)</f>
        <v>32</v>
      </c>
      <c r="D20">
        <f ca="1">ROUND(SQRT((VLOOKUP($A20,városok!$A$2:$C$346,2,0)-VLOOKUP(D$1,városok!$A$2:$C$346,2,0))^2+(VLOOKUP($A20,városok!$A$2:$C$346,3,0)-VLOOKUP(D$1,városok!$A$2:$C$346,3,0))^2)/1000,0)</f>
        <v>43</v>
      </c>
      <c r="E20">
        <f ca="1">ROUND(SQRT((VLOOKUP($A20,városok!$A$2:$C$346,2,0)-VLOOKUP(E$1,városok!$A$2:$C$346,2,0))^2+(VLOOKUP($A20,városok!$A$2:$C$346,3,0)-VLOOKUP(E$1,városok!$A$2:$C$346,3,0))^2)/1000,0)</f>
        <v>97</v>
      </c>
      <c r="F20">
        <f ca="1">ROUND(SQRT((VLOOKUP($A20,városok!$A$2:$C$346,2,0)-VLOOKUP(F$1,városok!$A$2:$C$346,2,0))^2+(VLOOKUP($A20,városok!$A$2:$C$346,3,0)-VLOOKUP(F$1,városok!$A$2:$C$346,3,0))^2)/1000,0)</f>
        <v>85</v>
      </c>
      <c r="G20">
        <f ca="1">ROUND(SQRT((VLOOKUP($A20,városok!$A$2:$C$346,2,0)-VLOOKUP(G$1,városok!$A$2:$C$346,2,0))^2+(VLOOKUP($A20,városok!$A$2:$C$346,3,0)-VLOOKUP(G$1,városok!$A$2:$C$346,3,0))^2)/1000,0)</f>
        <v>104</v>
      </c>
      <c r="H20">
        <f ca="1">ROUND(SQRT((VLOOKUP($A20,városok!$A$2:$C$346,2,0)-VLOOKUP(H$1,városok!$A$2:$C$346,2,0))^2+(VLOOKUP($A20,városok!$A$2:$C$346,3,0)-VLOOKUP(H$1,városok!$A$2:$C$346,3,0))^2)/1000,0)</f>
        <v>136</v>
      </c>
      <c r="I20">
        <f ca="1">ROUND(SQRT((VLOOKUP($A20,városok!$A$2:$C$346,2,0)-VLOOKUP(I$1,városok!$A$2:$C$346,2,0))^2+(VLOOKUP($A20,városok!$A$2:$C$346,3,0)-VLOOKUP(I$1,városok!$A$2:$C$346,3,0))^2)/1000,0)</f>
        <v>130</v>
      </c>
      <c r="J20">
        <f ca="1">ROUND(SQRT((VLOOKUP($A20,városok!$A$2:$C$346,2,0)-VLOOKUP(J$1,városok!$A$2:$C$346,2,0))^2+(VLOOKUP($A20,városok!$A$2:$C$346,3,0)-VLOOKUP(J$1,városok!$A$2:$C$346,3,0))^2)/1000,0)</f>
        <v>144</v>
      </c>
      <c r="K20">
        <f ca="1">ROUND(SQRT((VLOOKUP($A20,városok!$A$2:$C$346,2,0)-VLOOKUP(K$1,városok!$A$2:$C$346,2,0))^2+(VLOOKUP($A20,városok!$A$2:$C$346,3,0)-VLOOKUP(K$1,városok!$A$2:$C$346,3,0))^2)/1000,0)</f>
        <v>98</v>
      </c>
      <c r="L20">
        <f ca="1">ROUND(SQRT((VLOOKUP($A20,városok!$A$2:$C$346,2,0)-VLOOKUP(L$1,városok!$A$2:$C$346,2,0))^2+(VLOOKUP($A20,városok!$A$2:$C$346,3,0)-VLOOKUP(L$1,városok!$A$2:$C$346,3,0))^2)/1000,0)</f>
        <v>209</v>
      </c>
      <c r="M20">
        <f ca="1">ROUND(SQRT((VLOOKUP($A20,városok!$A$2:$C$346,2,0)-VLOOKUP(M$1,városok!$A$2:$C$346,2,0))^2+(VLOOKUP($A20,városok!$A$2:$C$346,3,0)-VLOOKUP(M$1,városok!$A$2:$C$346,3,0))^2)/1000,0)</f>
        <v>200</v>
      </c>
      <c r="N20">
        <f ca="1">ROUND(SQRT((VLOOKUP($A20,városok!$A$2:$C$346,2,0)-VLOOKUP(N$1,városok!$A$2:$C$346,2,0))^2+(VLOOKUP($A20,városok!$A$2:$C$346,3,0)-VLOOKUP(N$1,városok!$A$2:$C$346,3,0))^2)/1000,0)</f>
        <v>195</v>
      </c>
      <c r="O20">
        <f ca="1">ROUND(SQRT((VLOOKUP($A20,városok!$A$2:$C$346,2,0)-VLOOKUP(O$1,városok!$A$2:$C$346,2,0))^2+(VLOOKUP($A20,városok!$A$2:$C$346,3,0)-VLOOKUP(O$1,városok!$A$2:$C$346,3,0))^2)/1000,0)</f>
        <v>264</v>
      </c>
      <c r="P20">
        <f ca="1">ROUND(SQRT((VLOOKUP($A20,városok!$A$2:$C$346,2,0)-VLOOKUP(P$1,városok!$A$2:$C$346,2,0))^2+(VLOOKUP($A20,városok!$A$2:$C$346,3,0)-VLOOKUP(P$1,városok!$A$2:$C$346,3,0))^2)/1000,0)</f>
        <v>264</v>
      </c>
      <c r="Q20">
        <f ca="1">ROUND(SQRT((VLOOKUP($A20,városok!$A$2:$C$346,2,0)-VLOOKUP(Q$1,városok!$A$2:$C$346,2,0))^2+(VLOOKUP($A20,városok!$A$2:$C$346,3,0)-VLOOKUP(Q$1,városok!$A$2:$C$346,3,0))^2)/1000,0)</f>
        <v>73</v>
      </c>
      <c r="R20">
        <f ca="1">ROUND(SQRT((VLOOKUP($A20,városok!$A$2:$C$346,2,0)-VLOOKUP(R$1,városok!$A$2:$C$346,2,0))^2+(VLOOKUP($A20,városok!$A$2:$C$346,3,0)-VLOOKUP(R$1,városok!$A$2:$C$346,3,0))^2)/1000,0)</f>
        <v>92</v>
      </c>
      <c r="S20">
        <f ca="1">ROUND(SQRT((VLOOKUP($A20,városok!$A$2:$C$346,2,0)-VLOOKUP(S$1,városok!$A$2:$C$346,2,0))^2+(VLOOKUP($A20,városok!$A$2:$C$346,3,0)-VLOOKUP(S$1,városok!$A$2:$C$346,3,0))^2)/1000,0)</f>
        <v>70</v>
      </c>
      <c r="T20">
        <f ca="1">ROUND(SQRT((VLOOKUP($A20,városok!$A$2:$C$346,2,0)-VLOOKUP(T$1,városok!$A$2:$C$346,2,0))^2+(VLOOKUP($A20,városok!$A$2:$C$346,3,0)-VLOOKUP(T$1,városok!$A$2:$C$346,3,0))^2)/1000,0)</f>
        <v>117</v>
      </c>
      <c r="U20">
        <f ca="1">ROUND(SQRT((VLOOKUP($A20,városok!$A$2:$C$346,2,0)-VLOOKUP(U$1,városok!$A$2:$C$346,2,0))^2+(VLOOKUP($A20,városok!$A$2:$C$346,3,0)-VLOOKUP(U$1,városok!$A$2:$C$346,3,0))^2)/1000,0)</f>
        <v>56</v>
      </c>
      <c r="V20">
        <f ca="1">ROUND(SQRT((VLOOKUP($A20,városok!$A$2:$C$346,2,0)-VLOOKUP(V$1,városok!$A$2:$C$346,2,0))^2+(VLOOKUP($A20,városok!$A$2:$C$346,3,0)-VLOOKUP(V$1,városok!$A$2:$C$346,3,0))^2)/1000,0)</f>
        <v>99</v>
      </c>
      <c r="W20">
        <f ca="1">ROUND(SQRT((VLOOKUP($A20,városok!$A$2:$C$346,2,0)-VLOOKUP(W$1,városok!$A$2:$C$346,2,0))^2+(VLOOKUP($A20,városok!$A$2:$C$346,3,0)-VLOOKUP(W$1,városok!$A$2:$C$346,3,0))^2)/1000,0)</f>
        <v>68</v>
      </c>
      <c r="X20">
        <f ca="1">ROUND(SQRT((VLOOKUP($A20,városok!$A$2:$C$346,2,0)-VLOOKUP(X$1,városok!$A$2:$C$346,2,0))^2+(VLOOKUP($A20,városok!$A$2:$C$346,3,0)-VLOOKUP(X$1,városok!$A$2:$C$346,3,0))^2)/1000,0)</f>
        <v>113</v>
      </c>
      <c r="Y20">
        <f ca="1">ROUND(SQRT((VLOOKUP($A20,városok!$A$2:$C$346,2,0)-VLOOKUP(Y$1,városok!$A$2:$C$346,2,0))^2+(VLOOKUP($A20,városok!$A$2:$C$346,3,0)-VLOOKUP(Y$1,városok!$A$2:$C$346,3,0))^2)/1000,0)</f>
        <v>182</v>
      </c>
      <c r="Z20">
        <f ca="1">ROUND(SQRT((VLOOKUP($A20,városok!$A$2:$C$346,2,0)-VLOOKUP(Z$1,városok!$A$2:$C$346,2,0))^2+(VLOOKUP($A20,városok!$A$2:$C$346,3,0)-VLOOKUP(Z$1,városok!$A$2:$C$346,3,0))^2)/1000,0)</f>
        <v>199</v>
      </c>
      <c r="AA20">
        <f ca="1">ROUND(SQRT((VLOOKUP($A20,városok!$A$2:$C$346,2,0)-VLOOKUP(AA$1,városok!$A$2:$C$346,2,0))^2+(VLOOKUP($A20,városok!$A$2:$C$346,3,0)-VLOOKUP(AA$1,városok!$A$2:$C$346,3,0))^2)/1000,0)</f>
        <v>246</v>
      </c>
      <c r="AB20">
        <f ca="1">ROUND(SQRT((VLOOKUP($A20,városok!$A$2:$C$346,2,0)-VLOOKUP(AB$1,városok!$A$2:$C$346,2,0))^2+(VLOOKUP($A20,városok!$A$2:$C$346,3,0)-VLOOKUP(AB$1,városok!$A$2:$C$346,3,0))^2)/1000,0)</f>
        <v>200</v>
      </c>
      <c r="AC20">
        <f ca="1">ROUND(SQRT((VLOOKUP($A20,városok!$A$2:$C$346,2,0)-VLOOKUP(AC$1,városok!$A$2:$C$346,2,0))^2+(VLOOKUP($A20,városok!$A$2:$C$346,3,0)-VLOOKUP(AC$1,városok!$A$2:$C$346,3,0))^2)/1000,0)</f>
        <v>180</v>
      </c>
      <c r="AD20">
        <f ca="1">ROUND(SQRT((VLOOKUP($A20,városok!$A$2:$C$346,2,0)-VLOOKUP(AD$1,városok!$A$2:$C$346,2,0))^2+(VLOOKUP($A20,városok!$A$2:$C$346,3,0)-VLOOKUP(AD$1,városok!$A$2:$C$346,3,0))^2)/1000,0)</f>
        <v>164</v>
      </c>
      <c r="AE20">
        <f ca="1">ROUND(SQRT((VLOOKUP($A20,városok!$A$2:$C$346,2,0)-VLOOKUP(AE$1,városok!$A$2:$C$346,2,0))^2+(VLOOKUP($A20,városok!$A$2:$C$346,3,0)-VLOOKUP(AE$1,városok!$A$2:$C$346,3,0))^2)/1000,0)</f>
        <v>156</v>
      </c>
      <c r="AF20">
        <f ca="1">ROUND(SQRT((VLOOKUP($A20,városok!$A$2:$C$346,2,0)-VLOOKUP(AF$1,városok!$A$2:$C$346,2,0))^2+(VLOOKUP($A20,városok!$A$2:$C$346,3,0)-VLOOKUP(AF$1,városok!$A$2:$C$346,3,0))^2)/1000,0)</f>
        <v>165</v>
      </c>
      <c r="AG20">
        <f ca="1">ROUND(SQRT((VLOOKUP($A20,városok!$A$2:$C$346,2,0)-VLOOKUP(AG$1,városok!$A$2:$C$346,2,0))^2+(VLOOKUP($A20,városok!$A$2:$C$346,3,0)-VLOOKUP(AG$1,városok!$A$2:$C$346,3,0))^2)/1000,0)</f>
        <v>140</v>
      </c>
      <c r="AH20">
        <f ca="1">ROUND(SQRT((VLOOKUP($A20,városok!$A$2:$C$346,2,0)-VLOOKUP(AH$1,városok!$A$2:$C$346,2,0))^2+(VLOOKUP($A20,városok!$A$2:$C$346,3,0)-VLOOKUP(AH$1,városok!$A$2:$C$346,3,0))^2)/1000,0)</f>
        <v>123</v>
      </c>
      <c r="AI20">
        <f ca="1">ROUND(SQRT((VLOOKUP($A20,városok!$A$2:$C$346,2,0)-VLOOKUP(AI$1,városok!$A$2:$C$346,2,0))^2+(VLOOKUP($A20,városok!$A$2:$C$346,3,0)-VLOOKUP(AI$1,városok!$A$2:$C$346,3,0))^2)/1000,0)</f>
        <v>169</v>
      </c>
      <c r="AJ20">
        <f ca="1">ROUND(SQRT((VLOOKUP($A20,városok!$A$2:$C$346,2,0)-VLOOKUP(AJ$1,városok!$A$2:$C$346,2,0))^2+(VLOOKUP($A20,városok!$A$2:$C$346,3,0)-VLOOKUP(AJ$1,városok!$A$2:$C$346,3,0))^2)/1000,0)</f>
        <v>127</v>
      </c>
      <c r="AK20">
        <f ca="1">ROUND(SQRT((VLOOKUP($A20,városok!$A$2:$C$346,2,0)-VLOOKUP(AK$1,városok!$A$2:$C$346,2,0))^2+(VLOOKUP($A20,városok!$A$2:$C$346,3,0)-VLOOKUP(AK$1,városok!$A$2:$C$346,3,0))^2)/1000,0)</f>
        <v>144</v>
      </c>
      <c r="AL20">
        <f ca="1">ROUND(SQRT((VLOOKUP($A20,városok!$A$2:$C$346,2,0)-VLOOKUP(AL$1,városok!$A$2:$C$346,2,0))^2+(VLOOKUP($A20,városok!$A$2:$C$346,3,0)-VLOOKUP(AL$1,városok!$A$2:$C$346,3,0))^2)/1000,0)</f>
        <v>129</v>
      </c>
      <c r="AM20">
        <f ca="1">ROUND(SQRT((VLOOKUP($A20,városok!$A$2:$C$346,2,0)-VLOOKUP(AM$1,városok!$A$2:$C$346,2,0))^2+(VLOOKUP($A20,városok!$A$2:$C$346,3,0)-VLOOKUP(AM$1,városok!$A$2:$C$346,3,0))^2)/1000,0)</f>
        <v>90</v>
      </c>
      <c r="AN20">
        <f ca="1">ROUND(SQRT((VLOOKUP($A20,városok!$A$2:$C$346,2,0)-VLOOKUP(AN$1,városok!$A$2:$C$346,2,0))^2+(VLOOKUP($A20,városok!$A$2:$C$346,3,0)-VLOOKUP(AN$1,városok!$A$2:$C$346,3,0))^2)/1000,0)</f>
        <v>143</v>
      </c>
      <c r="AO20">
        <f ca="1">ROUND(SQRT((VLOOKUP($A20,városok!$A$2:$C$346,2,0)-VLOOKUP(AO$1,városok!$A$2:$C$346,2,0))^2+(VLOOKUP($A20,városok!$A$2:$C$346,3,0)-VLOOKUP(AO$1,városok!$A$2:$C$346,3,0))^2)/1000,0)</f>
        <v>161</v>
      </c>
      <c r="AP20">
        <f ca="1">ROUND(SQRT((VLOOKUP($A20,városok!$A$2:$C$346,2,0)-VLOOKUP(AP$1,városok!$A$2:$C$346,2,0))^2+(VLOOKUP($A20,városok!$A$2:$C$346,3,0)-VLOOKUP(AP$1,városok!$A$2:$C$346,3,0))^2)/1000,0)</f>
        <v>143</v>
      </c>
      <c r="AQ20">
        <f ca="1">ROUND(SQRT((VLOOKUP($A20,városok!$A$2:$C$346,2,0)-VLOOKUP(AQ$1,városok!$A$2:$C$346,2,0))^2+(VLOOKUP($A20,városok!$A$2:$C$346,3,0)-VLOOKUP(AQ$1,városok!$A$2:$C$346,3,0))^2)/1000,0)</f>
        <v>133</v>
      </c>
      <c r="AR20">
        <f ca="1">ROUND(SQRT((VLOOKUP($A20,városok!$A$2:$C$346,2,0)-VLOOKUP(AR$1,városok!$A$2:$C$346,2,0))^2+(VLOOKUP($A20,városok!$A$2:$C$346,3,0)-VLOOKUP(AR$1,városok!$A$2:$C$346,3,0))^2)/1000,0)</f>
        <v>151</v>
      </c>
      <c r="AS20">
        <f ca="1">ROUND(SQRT((VLOOKUP($A20,városok!$A$2:$C$346,2,0)-VLOOKUP(AS$1,városok!$A$2:$C$346,2,0))^2+(VLOOKUP($A20,városok!$A$2:$C$346,3,0)-VLOOKUP(AS$1,városok!$A$2:$C$346,3,0))^2)/1000,0)</f>
        <v>173</v>
      </c>
      <c r="AT20">
        <f ca="1">ROUND(SQRT((VLOOKUP($A20,városok!$A$2:$C$346,2,0)-VLOOKUP(AT$1,városok!$A$2:$C$346,2,0))^2+(VLOOKUP($A20,városok!$A$2:$C$346,3,0)-VLOOKUP(AT$1,városok!$A$2:$C$346,3,0))^2)/1000,0)</f>
        <v>109</v>
      </c>
      <c r="AU20">
        <f ca="1">ROUND(SQRT((VLOOKUP($A20,városok!$A$2:$C$346,2,0)-VLOOKUP(AU$1,városok!$A$2:$C$346,2,0))^2+(VLOOKUP($A20,városok!$A$2:$C$346,3,0)-VLOOKUP(AU$1,városok!$A$2:$C$346,3,0))^2)/1000,0)</f>
        <v>103</v>
      </c>
      <c r="AV20">
        <f ca="1">ROUND(SQRT((VLOOKUP($A20,városok!$A$2:$C$346,2,0)-VLOOKUP(AV$1,városok!$A$2:$C$346,2,0))^2+(VLOOKUP($A20,városok!$A$2:$C$346,3,0)-VLOOKUP(AV$1,városok!$A$2:$C$346,3,0))^2)/1000,0)</f>
        <v>98</v>
      </c>
      <c r="AW20">
        <f ca="1">ROUND(SQRT((VLOOKUP($A20,városok!$A$2:$C$346,2,0)-VLOOKUP(AW$1,városok!$A$2:$C$346,2,0))^2+(VLOOKUP($A20,városok!$A$2:$C$346,3,0)-VLOOKUP(AW$1,városok!$A$2:$C$346,3,0))^2)/1000,0)</f>
        <v>98</v>
      </c>
      <c r="AX20">
        <f ca="1">ROUND(SQRT((VLOOKUP($A20,városok!$A$2:$C$346,2,0)-VLOOKUP(AX$1,városok!$A$2:$C$346,2,0))^2+(VLOOKUP($A20,városok!$A$2:$C$346,3,0)-VLOOKUP(AX$1,városok!$A$2:$C$346,3,0))^2)/1000,0)</f>
        <v>58</v>
      </c>
      <c r="AY20">
        <f ca="1">ROUND(SQRT((VLOOKUP($A20,városok!$A$2:$C$346,2,0)-VLOOKUP(AY$1,városok!$A$2:$C$346,2,0))^2+(VLOOKUP($A20,városok!$A$2:$C$346,3,0)-VLOOKUP(AY$1,városok!$A$2:$C$346,3,0))^2)/1000,0)</f>
        <v>125</v>
      </c>
      <c r="AZ20">
        <f ca="1">ROUND(SQRT((VLOOKUP($A20,városok!$A$2:$C$346,2,0)-VLOOKUP(AZ$1,városok!$A$2:$C$346,2,0))^2+(VLOOKUP($A20,városok!$A$2:$C$346,3,0)-VLOOKUP(AZ$1,városok!$A$2:$C$346,3,0))^2)/1000,0)</f>
        <v>138</v>
      </c>
      <c r="BA20">
        <f ca="1">ROUND(SQRT((VLOOKUP($A20,városok!$A$2:$C$346,2,0)-VLOOKUP(BA$1,városok!$A$2:$C$346,2,0))^2+(VLOOKUP($A20,városok!$A$2:$C$346,3,0)-VLOOKUP(BA$1,városok!$A$2:$C$346,3,0))^2)/1000,0)</f>
        <v>131</v>
      </c>
      <c r="BB20">
        <f ca="1">ROUND(SQRT((VLOOKUP($A20,városok!$A$2:$C$346,2,0)-VLOOKUP(BB$1,városok!$A$2:$C$346,2,0))^2+(VLOOKUP($A20,városok!$A$2:$C$346,3,0)-VLOOKUP(BB$1,városok!$A$2:$C$346,3,0))^2)/1000,0)</f>
        <v>111</v>
      </c>
      <c r="BC20">
        <f ca="1">ROUND(SQRT((VLOOKUP($A20,városok!$A$2:$C$346,2,0)-VLOOKUP(BC$1,városok!$A$2:$C$346,2,0))^2+(VLOOKUP($A20,városok!$A$2:$C$346,3,0)-VLOOKUP(BC$1,városok!$A$2:$C$346,3,0))^2)/1000,0)</f>
        <v>125</v>
      </c>
      <c r="BD20">
        <f ca="1">ROUND(SQRT((VLOOKUP($A20,városok!$A$2:$C$346,2,0)-VLOOKUP(BD$1,városok!$A$2:$C$346,2,0))^2+(VLOOKUP($A20,városok!$A$2:$C$346,3,0)-VLOOKUP(BD$1,városok!$A$2:$C$346,3,0))^2)/1000,0)</f>
        <v>108</v>
      </c>
      <c r="BE20">
        <f ca="1">ROUND(SQRT((VLOOKUP($A20,városok!$A$2:$C$346,2,0)-VLOOKUP(BE$1,városok!$A$2:$C$346,2,0))^2+(VLOOKUP($A20,városok!$A$2:$C$346,3,0)-VLOOKUP(BE$1,városok!$A$2:$C$346,3,0))^2)/1000,0)</f>
        <v>285</v>
      </c>
      <c r="BF20">
        <f ca="1">ROUND(SQRT((VLOOKUP($A20,városok!$A$2:$C$346,2,0)-VLOOKUP(BF$1,városok!$A$2:$C$346,2,0))^2+(VLOOKUP($A20,városok!$A$2:$C$346,3,0)-VLOOKUP(BF$1,városok!$A$2:$C$346,3,0))^2)/1000,0)</f>
        <v>273</v>
      </c>
      <c r="BG20">
        <f ca="1">ROUND(SQRT((VLOOKUP($A20,városok!$A$2:$C$346,2,0)-VLOOKUP(BG$1,városok!$A$2:$C$346,2,0))^2+(VLOOKUP($A20,városok!$A$2:$C$346,3,0)-VLOOKUP(BG$1,városok!$A$2:$C$346,3,0))^2)/1000,0)</f>
        <v>233</v>
      </c>
      <c r="BH20">
        <f ca="1">ROUND(SQRT((VLOOKUP($A20,városok!$A$2:$C$346,2,0)-VLOOKUP(BH$1,városok!$A$2:$C$346,2,0))^2+(VLOOKUP($A20,városok!$A$2:$C$346,3,0)-VLOOKUP(BH$1,városok!$A$2:$C$346,3,0))^2)/1000,0)</f>
        <v>232</v>
      </c>
      <c r="BI20">
        <f ca="1">ROUND(SQRT((VLOOKUP($A20,városok!$A$2:$C$346,2,0)-VLOOKUP(BI$1,városok!$A$2:$C$346,2,0))^2+(VLOOKUP($A20,városok!$A$2:$C$346,3,0)-VLOOKUP(BI$1,városok!$A$2:$C$346,3,0))^2)/1000,0)</f>
        <v>62</v>
      </c>
      <c r="BJ20">
        <f ca="1">ROUND(SQRT((VLOOKUP($A20,városok!$A$2:$C$346,2,0)-VLOOKUP(BJ$1,városok!$A$2:$C$346,2,0))^2+(VLOOKUP($A20,városok!$A$2:$C$346,3,0)-VLOOKUP(BJ$1,városok!$A$2:$C$346,3,0))^2)/1000,0)</f>
        <v>79</v>
      </c>
      <c r="BK20">
        <f ca="1">ROUND(SQRT((VLOOKUP($A20,városok!$A$2:$C$346,2,0)-VLOOKUP(BK$1,városok!$A$2:$C$346,2,0))^2+(VLOOKUP($A20,városok!$A$2:$C$346,3,0)-VLOOKUP(BK$1,városok!$A$2:$C$346,3,0))^2)/1000,0)</f>
        <v>59</v>
      </c>
      <c r="BL20">
        <f ca="1">ROUND(SQRT((VLOOKUP($A20,városok!$A$2:$C$346,2,0)-VLOOKUP(BL$1,városok!$A$2:$C$346,2,0))^2+(VLOOKUP($A20,városok!$A$2:$C$346,3,0)-VLOOKUP(BL$1,városok!$A$2:$C$346,3,0))^2)/1000,0)</f>
        <v>218</v>
      </c>
      <c r="BM20">
        <f ca="1">ROUND(SQRT((VLOOKUP($A20,városok!$A$2:$C$346,2,0)-VLOOKUP(BM$1,városok!$A$2:$C$346,2,0))^2+(VLOOKUP($A20,városok!$A$2:$C$346,3,0)-VLOOKUP(BM$1,városok!$A$2:$C$346,3,0))^2)/1000,0)</f>
        <v>202</v>
      </c>
      <c r="BN20">
        <f ca="1">ROUND(SQRT((VLOOKUP($A20,városok!$A$2:$C$346,2,0)-VLOOKUP(BN$1,városok!$A$2:$C$346,2,0))^2+(VLOOKUP($A20,városok!$A$2:$C$346,3,0)-VLOOKUP(BN$1,városok!$A$2:$C$346,3,0))^2)/1000,0)</f>
        <v>223</v>
      </c>
      <c r="BO20">
        <f ca="1">ROUND(SQRT((VLOOKUP($A20,városok!$A$2:$C$346,2,0)-VLOOKUP(BO$1,városok!$A$2:$C$346,2,0))^2+(VLOOKUP($A20,városok!$A$2:$C$346,3,0)-VLOOKUP(BO$1,városok!$A$2:$C$346,3,0))^2)/1000,0)</f>
        <v>117</v>
      </c>
      <c r="BP20">
        <f ca="1">ROUND(SQRT((VLOOKUP($A20,városok!$A$2:$C$346,2,0)-VLOOKUP(BP$1,városok!$A$2:$C$346,2,0))^2+(VLOOKUP($A20,városok!$A$2:$C$346,3,0)-VLOOKUP(BP$1,városok!$A$2:$C$346,3,0))^2)/1000,0)</f>
        <v>110</v>
      </c>
      <c r="BQ20">
        <f ca="1">ROUND(SQRT((VLOOKUP($A20,városok!$A$2:$C$346,2,0)-VLOOKUP(BQ$1,városok!$A$2:$C$346,2,0))^2+(VLOOKUP($A20,városok!$A$2:$C$346,3,0)-VLOOKUP(BQ$1,városok!$A$2:$C$346,3,0))^2)/1000,0)</f>
        <v>127</v>
      </c>
      <c r="BR20">
        <f ca="1">ROUND(SQRT((VLOOKUP($A20,városok!$A$2:$C$346,2,0)-VLOOKUP(BR$1,városok!$A$2:$C$346,2,0))^2+(VLOOKUP($A20,városok!$A$2:$C$346,3,0)-VLOOKUP(BR$1,városok!$A$2:$C$346,3,0))^2)/1000,0)</f>
        <v>165</v>
      </c>
      <c r="BS20">
        <f ca="1">ROUND(SQRT((VLOOKUP($A20,városok!$A$2:$C$346,2,0)-VLOOKUP(BS$1,városok!$A$2:$C$346,2,0))^2+(VLOOKUP($A20,városok!$A$2:$C$346,3,0)-VLOOKUP(BS$1,városok!$A$2:$C$346,3,0))^2)/1000,0)</f>
        <v>185</v>
      </c>
      <c r="BT20">
        <f ca="1">ROUND(SQRT((VLOOKUP($A20,városok!$A$2:$C$346,2,0)-VLOOKUP(BT$1,városok!$A$2:$C$346,2,0))^2+(VLOOKUP($A20,városok!$A$2:$C$346,3,0)-VLOOKUP(BT$1,városok!$A$2:$C$346,3,0))^2)/1000,0)</f>
        <v>197</v>
      </c>
    </row>
    <row r="21" spans="1:72" x14ac:dyDescent="0.2">
      <c r="A21" t="str">
        <f>városok!A21</f>
        <v>Szabadszállás</v>
      </c>
      <c r="B21">
        <f ca="1">ROUND(SQRT((VLOOKUP($A21,városok!$A$2:$C$346,2,0)-VLOOKUP(B$1,városok!$A$2:$C$346,2,0))^2+(VLOOKUP($A21,városok!$A$2:$C$346,3,0)-VLOOKUP(B$1,városok!$A$2:$C$346,3,0))^2)/1000,0)</f>
        <v>79</v>
      </c>
      <c r="C21">
        <f ca="1">ROUND(SQRT((VLOOKUP($A21,városok!$A$2:$C$346,2,0)-VLOOKUP(C$1,városok!$A$2:$C$346,2,0))^2+(VLOOKUP($A21,városok!$A$2:$C$346,3,0)-VLOOKUP(C$1,városok!$A$2:$C$346,3,0))^2)/1000,0)</f>
        <v>43</v>
      </c>
      <c r="D21">
        <f ca="1">ROUND(SQRT((VLOOKUP($A21,városok!$A$2:$C$346,2,0)-VLOOKUP(D$1,városok!$A$2:$C$346,2,0))^2+(VLOOKUP($A21,városok!$A$2:$C$346,3,0)-VLOOKUP(D$1,városok!$A$2:$C$346,3,0))^2)/1000,0)</f>
        <v>36</v>
      </c>
      <c r="E21">
        <f ca="1">ROUND(SQRT((VLOOKUP($A21,városok!$A$2:$C$346,2,0)-VLOOKUP(E$1,városok!$A$2:$C$346,2,0))^2+(VLOOKUP($A21,városok!$A$2:$C$346,3,0)-VLOOKUP(E$1,városok!$A$2:$C$346,3,0))^2)/1000,0)</f>
        <v>106</v>
      </c>
      <c r="F21">
        <f ca="1">ROUND(SQRT((VLOOKUP($A21,városok!$A$2:$C$346,2,0)-VLOOKUP(F$1,városok!$A$2:$C$346,2,0))^2+(VLOOKUP($A21,városok!$A$2:$C$346,3,0)-VLOOKUP(F$1,városok!$A$2:$C$346,3,0))^2)/1000,0)</f>
        <v>107</v>
      </c>
      <c r="G21">
        <f ca="1">ROUND(SQRT((VLOOKUP($A21,városok!$A$2:$C$346,2,0)-VLOOKUP(G$1,városok!$A$2:$C$346,2,0))^2+(VLOOKUP($A21,városok!$A$2:$C$346,3,0)-VLOOKUP(G$1,városok!$A$2:$C$346,3,0))^2)/1000,0)</f>
        <v>116</v>
      </c>
      <c r="H21">
        <f ca="1">ROUND(SQRT((VLOOKUP($A21,városok!$A$2:$C$346,2,0)-VLOOKUP(H$1,városok!$A$2:$C$346,2,0))^2+(VLOOKUP($A21,városok!$A$2:$C$346,3,0)-VLOOKUP(H$1,városok!$A$2:$C$346,3,0))^2)/1000,0)</f>
        <v>143</v>
      </c>
      <c r="I21">
        <f ca="1">ROUND(SQRT((VLOOKUP($A21,városok!$A$2:$C$346,2,0)-VLOOKUP(I$1,városok!$A$2:$C$346,2,0))^2+(VLOOKUP($A21,városok!$A$2:$C$346,3,0)-VLOOKUP(I$1,városok!$A$2:$C$346,3,0))^2)/1000,0)</f>
        <v>144</v>
      </c>
      <c r="J21">
        <f ca="1">ROUND(SQRT((VLOOKUP($A21,városok!$A$2:$C$346,2,0)-VLOOKUP(J$1,városok!$A$2:$C$346,2,0))^2+(VLOOKUP($A21,városok!$A$2:$C$346,3,0)-VLOOKUP(J$1,városok!$A$2:$C$346,3,0))^2)/1000,0)</f>
        <v>159</v>
      </c>
      <c r="K21">
        <f ca="1">ROUND(SQRT((VLOOKUP($A21,városok!$A$2:$C$346,2,0)-VLOOKUP(K$1,városok!$A$2:$C$346,2,0))^2+(VLOOKUP($A21,városok!$A$2:$C$346,3,0)-VLOOKUP(K$1,városok!$A$2:$C$346,3,0))^2)/1000,0)</f>
        <v>116</v>
      </c>
      <c r="L21">
        <f ca="1">ROUND(SQRT((VLOOKUP($A21,városok!$A$2:$C$346,2,0)-VLOOKUP(L$1,városok!$A$2:$C$346,2,0))^2+(VLOOKUP($A21,városok!$A$2:$C$346,3,0)-VLOOKUP(L$1,városok!$A$2:$C$346,3,0))^2)/1000,0)</f>
        <v>187</v>
      </c>
      <c r="M21">
        <f ca="1">ROUND(SQRT((VLOOKUP($A21,városok!$A$2:$C$346,2,0)-VLOOKUP(M$1,városok!$A$2:$C$346,2,0))^2+(VLOOKUP($A21,városok!$A$2:$C$346,3,0)-VLOOKUP(M$1,városok!$A$2:$C$346,3,0))^2)/1000,0)</f>
        <v>181</v>
      </c>
      <c r="N21">
        <f ca="1">ROUND(SQRT((VLOOKUP($A21,városok!$A$2:$C$346,2,0)-VLOOKUP(N$1,városok!$A$2:$C$346,2,0))^2+(VLOOKUP($A21,városok!$A$2:$C$346,3,0)-VLOOKUP(N$1,városok!$A$2:$C$346,3,0))^2)/1000,0)</f>
        <v>170</v>
      </c>
      <c r="O21">
        <f ca="1">ROUND(SQRT((VLOOKUP($A21,városok!$A$2:$C$346,2,0)-VLOOKUP(O$1,városok!$A$2:$C$346,2,0))^2+(VLOOKUP($A21,városok!$A$2:$C$346,3,0)-VLOOKUP(O$1,városok!$A$2:$C$346,3,0))^2)/1000,0)</f>
        <v>249</v>
      </c>
      <c r="P21">
        <f ca="1">ROUND(SQRT((VLOOKUP($A21,városok!$A$2:$C$346,2,0)-VLOOKUP(P$1,városok!$A$2:$C$346,2,0))^2+(VLOOKUP($A21,városok!$A$2:$C$346,3,0)-VLOOKUP(P$1,városok!$A$2:$C$346,3,0))^2)/1000,0)</f>
        <v>249</v>
      </c>
      <c r="Q21">
        <f ca="1">ROUND(SQRT((VLOOKUP($A21,városok!$A$2:$C$346,2,0)-VLOOKUP(Q$1,városok!$A$2:$C$346,2,0))^2+(VLOOKUP($A21,városok!$A$2:$C$346,3,0)-VLOOKUP(Q$1,városok!$A$2:$C$346,3,0))^2)/1000,0)</f>
        <v>98</v>
      </c>
      <c r="R21">
        <f ca="1">ROUND(SQRT((VLOOKUP($A21,városok!$A$2:$C$346,2,0)-VLOOKUP(R$1,városok!$A$2:$C$346,2,0))^2+(VLOOKUP($A21,városok!$A$2:$C$346,3,0)-VLOOKUP(R$1,városok!$A$2:$C$346,3,0))^2)/1000,0)</f>
        <v>121</v>
      </c>
      <c r="S21">
        <f ca="1">ROUND(SQRT((VLOOKUP($A21,városok!$A$2:$C$346,2,0)-VLOOKUP(S$1,városok!$A$2:$C$346,2,0))^2+(VLOOKUP($A21,városok!$A$2:$C$346,3,0)-VLOOKUP(S$1,városok!$A$2:$C$346,3,0))^2)/1000,0)</f>
        <v>100</v>
      </c>
      <c r="T21">
        <f ca="1">ROUND(SQRT((VLOOKUP($A21,városok!$A$2:$C$346,2,0)-VLOOKUP(T$1,városok!$A$2:$C$346,2,0))^2+(VLOOKUP($A21,városok!$A$2:$C$346,3,0)-VLOOKUP(T$1,városok!$A$2:$C$346,3,0))^2)/1000,0)</f>
        <v>81</v>
      </c>
      <c r="U21">
        <f ca="1">ROUND(SQRT((VLOOKUP($A21,városok!$A$2:$C$346,2,0)-VLOOKUP(U$1,városok!$A$2:$C$346,2,0))^2+(VLOOKUP($A21,városok!$A$2:$C$346,3,0)-VLOOKUP(U$1,városok!$A$2:$C$346,3,0))^2)/1000,0)</f>
        <v>24</v>
      </c>
      <c r="V21">
        <f ca="1">ROUND(SQRT((VLOOKUP($A21,városok!$A$2:$C$346,2,0)-VLOOKUP(V$1,városok!$A$2:$C$346,2,0))^2+(VLOOKUP($A21,városok!$A$2:$C$346,3,0)-VLOOKUP(V$1,városok!$A$2:$C$346,3,0))^2)/1000,0)</f>
        <v>73</v>
      </c>
      <c r="W21">
        <f ca="1">ROUND(SQRT((VLOOKUP($A21,városok!$A$2:$C$346,2,0)-VLOOKUP(W$1,városok!$A$2:$C$346,2,0))^2+(VLOOKUP($A21,városok!$A$2:$C$346,3,0)-VLOOKUP(W$1,városok!$A$2:$C$346,3,0))^2)/1000,0)</f>
        <v>46</v>
      </c>
      <c r="X21">
        <f ca="1">ROUND(SQRT((VLOOKUP($A21,városok!$A$2:$C$346,2,0)-VLOOKUP(X$1,városok!$A$2:$C$346,2,0))^2+(VLOOKUP($A21,városok!$A$2:$C$346,3,0)-VLOOKUP(X$1,városok!$A$2:$C$346,3,0))^2)/1000,0)</f>
        <v>82</v>
      </c>
      <c r="Y21">
        <f ca="1">ROUND(SQRT((VLOOKUP($A21,városok!$A$2:$C$346,2,0)-VLOOKUP(Y$1,városok!$A$2:$C$346,2,0))^2+(VLOOKUP($A21,városok!$A$2:$C$346,3,0)-VLOOKUP(Y$1,városok!$A$2:$C$346,3,0))^2)/1000,0)</f>
        <v>150</v>
      </c>
      <c r="Z21">
        <f ca="1">ROUND(SQRT((VLOOKUP($A21,városok!$A$2:$C$346,2,0)-VLOOKUP(Z$1,városok!$A$2:$C$346,2,0))^2+(VLOOKUP($A21,városok!$A$2:$C$346,3,0)-VLOOKUP(Z$1,városok!$A$2:$C$346,3,0))^2)/1000,0)</f>
        <v>168</v>
      </c>
      <c r="AA21">
        <f ca="1">ROUND(SQRT((VLOOKUP($A21,városok!$A$2:$C$346,2,0)-VLOOKUP(AA$1,városok!$A$2:$C$346,2,0))^2+(VLOOKUP($A21,városok!$A$2:$C$346,3,0)-VLOOKUP(AA$1,városok!$A$2:$C$346,3,0))^2)/1000,0)</f>
        <v>219</v>
      </c>
      <c r="AB21">
        <f ca="1">ROUND(SQRT((VLOOKUP($A21,városok!$A$2:$C$346,2,0)-VLOOKUP(AB$1,városok!$A$2:$C$346,2,0))^2+(VLOOKUP($A21,városok!$A$2:$C$346,3,0)-VLOOKUP(AB$1,városok!$A$2:$C$346,3,0))^2)/1000,0)</f>
        <v>197</v>
      </c>
      <c r="AC21">
        <f ca="1">ROUND(SQRT((VLOOKUP($A21,városok!$A$2:$C$346,2,0)-VLOOKUP(AC$1,városok!$A$2:$C$346,2,0))^2+(VLOOKUP($A21,városok!$A$2:$C$346,3,0)-VLOOKUP(AC$1,városok!$A$2:$C$346,3,0))^2)/1000,0)</f>
        <v>177</v>
      </c>
      <c r="AD21">
        <f ca="1">ROUND(SQRT((VLOOKUP($A21,városok!$A$2:$C$346,2,0)-VLOOKUP(AD$1,városok!$A$2:$C$346,2,0))^2+(VLOOKUP($A21,városok!$A$2:$C$346,3,0)-VLOOKUP(AD$1,városok!$A$2:$C$346,3,0))^2)/1000,0)</f>
        <v>159</v>
      </c>
      <c r="AE21">
        <f ca="1">ROUND(SQRT((VLOOKUP($A21,városok!$A$2:$C$346,2,0)-VLOOKUP(AE$1,városok!$A$2:$C$346,2,0))^2+(VLOOKUP($A21,városok!$A$2:$C$346,3,0)-VLOOKUP(AE$1,városok!$A$2:$C$346,3,0))^2)/1000,0)</f>
        <v>155</v>
      </c>
      <c r="AF21">
        <f ca="1">ROUND(SQRT((VLOOKUP($A21,városok!$A$2:$C$346,2,0)-VLOOKUP(AF$1,városok!$A$2:$C$346,2,0))^2+(VLOOKUP($A21,városok!$A$2:$C$346,3,0)-VLOOKUP(AF$1,városok!$A$2:$C$346,3,0))^2)/1000,0)</f>
        <v>144</v>
      </c>
      <c r="AG21">
        <f ca="1">ROUND(SQRT((VLOOKUP($A21,városok!$A$2:$C$346,2,0)-VLOOKUP(AG$1,városok!$A$2:$C$346,2,0))^2+(VLOOKUP($A21,városok!$A$2:$C$346,3,0)-VLOOKUP(AG$1,városok!$A$2:$C$346,3,0))^2)/1000,0)</f>
        <v>114</v>
      </c>
      <c r="AH21">
        <f ca="1">ROUND(SQRT((VLOOKUP($A21,városok!$A$2:$C$346,2,0)-VLOOKUP(AH$1,városok!$A$2:$C$346,2,0))^2+(VLOOKUP($A21,városok!$A$2:$C$346,3,0)-VLOOKUP(AH$1,városok!$A$2:$C$346,3,0))^2)/1000,0)</f>
        <v>94</v>
      </c>
      <c r="AI21">
        <f ca="1">ROUND(SQRT((VLOOKUP($A21,városok!$A$2:$C$346,2,0)-VLOOKUP(AI$1,városok!$A$2:$C$346,2,0))^2+(VLOOKUP($A21,városok!$A$2:$C$346,3,0)-VLOOKUP(AI$1,városok!$A$2:$C$346,3,0))^2)/1000,0)</f>
        <v>143</v>
      </c>
      <c r="AJ21">
        <f ca="1">ROUND(SQRT((VLOOKUP($A21,városok!$A$2:$C$346,2,0)-VLOOKUP(AJ$1,városok!$A$2:$C$346,2,0))^2+(VLOOKUP($A21,városok!$A$2:$C$346,3,0)-VLOOKUP(AJ$1,városok!$A$2:$C$346,3,0))^2)/1000,0)</f>
        <v>103</v>
      </c>
      <c r="AK21">
        <f ca="1">ROUND(SQRT((VLOOKUP($A21,városok!$A$2:$C$346,2,0)-VLOOKUP(AK$1,városok!$A$2:$C$346,2,0))^2+(VLOOKUP($A21,városok!$A$2:$C$346,3,0)-VLOOKUP(AK$1,városok!$A$2:$C$346,3,0))^2)/1000,0)</f>
        <v>141</v>
      </c>
      <c r="AL21">
        <f ca="1">ROUND(SQRT((VLOOKUP($A21,városok!$A$2:$C$346,2,0)-VLOOKUP(AL$1,városok!$A$2:$C$346,2,0))^2+(VLOOKUP($A21,városok!$A$2:$C$346,3,0)-VLOOKUP(AL$1,városok!$A$2:$C$346,3,0))^2)/1000,0)</f>
        <v>120</v>
      </c>
      <c r="AM21">
        <f ca="1">ROUND(SQRT((VLOOKUP($A21,városok!$A$2:$C$346,2,0)-VLOOKUP(AM$1,városok!$A$2:$C$346,2,0))^2+(VLOOKUP($A21,városok!$A$2:$C$346,3,0)-VLOOKUP(AM$1,városok!$A$2:$C$346,3,0))^2)/1000,0)</f>
        <v>81</v>
      </c>
      <c r="AN21">
        <f ca="1">ROUND(SQRT((VLOOKUP($A21,városok!$A$2:$C$346,2,0)-VLOOKUP(AN$1,városok!$A$2:$C$346,2,0))^2+(VLOOKUP($A21,városok!$A$2:$C$346,3,0)-VLOOKUP(AN$1,városok!$A$2:$C$346,3,0))^2)/1000,0)</f>
        <v>108</v>
      </c>
      <c r="AO21">
        <f ca="1">ROUND(SQRT((VLOOKUP($A21,városok!$A$2:$C$346,2,0)-VLOOKUP(AO$1,városok!$A$2:$C$346,2,0))^2+(VLOOKUP($A21,városok!$A$2:$C$346,3,0)-VLOOKUP(AO$1,városok!$A$2:$C$346,3,0))^2)/1000,0)</f>
        <v>127</v>
      </c>
      <c r="AP21">
        <f ca="1">ROUND(SQRT((VLOOKUP($A21,városok!$A$2:$C$346,2,0)-VLOOKUP(AP$1,városok!$A$2:$C$346,2,0))^2+(VLOOKUP($A21,városok!$A$2:$C$346,3,0)-VLOOKUP(AP$1,városok!$A$2:$C$346,3,0))^2)/1000,0)</f>
        <v>109</v>
      </c>
      <c r="AQ21">
        <f ca="1">ROUND(SQRT((VLOOKUP($A21,városok!$A$2:$C$346,2,0)-VLOOKUP(AQ$1,városok!$A$2:$C$346,2,0))^2+(VLOOKUP($A21,városok!$A$2:$C$346,3,0)-VLOOKUP(AQ$1,városok!$A$2:$C$346,3,0))^2)/1000,0)</f>
        <v>98</v>
      </c>
      <c r="AR21">
        <f ca="1">ROUND(SQRT((VLOOKUP($A21,városok!$A$2:$C$346,2,0)-VLOOKUP(AR$1,városok!$A$2:$C$346,2,0))^2+(VLOOKUP($A21,városok!$A$2:$C$346,3,0)-VLOOKUP(AR$1,városok!$A$2:$C$346,3,0))^2)/1000,0)</f>
        <v>122</v>
      </c>
      <c r="AS21">
        <f ca="1">ROUND(SQRT((VLOOKUP($A21,városok!$A$2:$C$346,2,0)-VLOOKUP(AS$1,városok!$A$2:$C$346,2,0))^2+(VLOOKUP($A21,városok!$A$2:$C$346,3,0)-VLOOKUP(AS$1,városok!$A$2:$C$346,3,0))^2)/1000,0)</f>
        <v>145</v>
      </c>
      <c r="AT21">
        <f ca="1">ROUND(SQRT((VLOOKUP($A21,városok!$A$2:$C$346,2,0)-VLOOKUP(AT$1,városok!$A$2:$C$346,2,0))^2+(VLOOKUP($A21,városok!$A$2:$C$346,3,0)-VLOOKUP(AT$1,városok!$A$2:$C$346,3,0))^2)/1000,0)</f>
        <v>73</v>
      </c>
      <c r="AU21">
        <f ca="1">ROUND(SQRT((VLOOKUP($A21,városok!$A$2:$C$346,2,0)-VLOOKUP(AU$1,városok!$A$2:$C$346,2,0))^2+(VLOOKUP($A21,városok!$A$2:$C$346,3,0)-VLOOKUP(AU$1,városok!$A$2:$C$346,3,0))^2)/1000,0)</f>
        <v>68</v>
      </c>
      <c r="AV21">
        <f ca="1">ROUND(SQRT((VLOOKUP($A21,városok!$A$2:$C$346,2,0)-VLOOKUP(AV$1,városok!$A$2:$C$346,2,0))^2+(VLOOKUP($A21,városok!$A$2:$C$346,3,0)-VLOOKUP(AV$1,városok!$A$2:$C$346,3,0))^2)/1000,0)</f>
        <v>63</v>
      </c>
      <c r="AW21">
        <f ca="1">ROUND(SQRT((VLOOKUP($A21,városok!$A$2:$C$346,2,0)-VLOOKUP(AW$1,városok!$A$2:$C$346,2,0))^2+(VLOOKUP($A21,városok!$A$2:$C$346,3,0)-VLOOKUP(AW$1,városok!$A$2:$C$346,3,0))^2)/1000,0)</f>
        <v>62</v>
      </c>
      <c r="AX21">
        <f ca="1">ROUND(SQRT((VLOOKUP($A21,városok!$A$2:$C$346,2,0)-VLOOKUP(AX$1,városok!$A$2:$C$346,2,0))^2+(VLOOKUP($A21,városok!$A$2:$C$346,3,0)-VLOOKUP(AX$1,városok!$A$2:$C$346,3,0))^2)/1000,0)</f>
        <v>46</v>
      </c>
      <c r="AY21">
        <f ca="1">ROUND(SQRT((VLOOKUP($A21,városok!$A$2:$C$346,2,0)-VLOOKUP(AY$1,városok!$A$2:$C$346,2,0))^2+(VLOOKUP($A21,városok!$A$2:$C$346,3,0)-VLOOKUP(AY$1,városok!$A$2:$C$346,3,0))^2)/1000,0)</f>
        <v>91</v>
      </c>
      <c r="AZ21">
        <f ca="1">ROUND(SQRT((VLOOKUP($A21,városok!$A$2:$C$346,2,0)-VLOOKUP(AZ$1,városok!$A$2:$C$346,2,0))^2+(VLOOKUP($A21,városok!$A$2:$C$346,3,0)-VLOOKUP(AZ$1,városok!$A$2:$C$346,3,0))^2)/1000,0)</f>
        <v>103</v>
      </c>
      <c r="BA21">
        <f ca="1">ROUND(SQRT((VLOOKUP($A21,városok!$A$2:$C$346,2,0)-VLOOKUP(BA$1,városok!$A$2:$C$346,2,0))^2+(VLOOKUP($A21,városok!$A$2:$C$346,3,0)-VLOOKUP(BA$1,városok!$A$2:$C$346,3,0))^2)/1000,0)</f>
        <v>116</v>
      </c>
      <c r="BB21">
        <f ca="1">ROUND(SQRT((VLOOKUP($A21,városok!$A$2:$C$346,2,0)-VLOOKUP(BB$1,városok!$A$2:$C$346,2,0))^2+(VLOOKUP($A21,városok!$A$2:$C$346,3,0)-VLOOKUP(BB$1,városok!$A$2:$C$346,3,0))^2)/1000,0)</f>
        <v>105</v>
      </c>
      <c r="BC21">
        <f ca="1">ROUND(SQRT((VLOOKUP($A21,városok!$A$2:$C$346,2,0)-VLOOKUP(BC$1,városok!$A$2:$C$346,2,0))^2+(VLOOKUP($A21,városok!$A$2:$C$346,3,0)-VLOOKUP(BC$1,városok!$A$2:$C$346,3,0))^2)/1000,0)</f>
        <v>123</v>
      </c>
      <c r="BD21">
        <f ca="1">ROUND(SQRT((VLOOKUP($A21,városok!$A$2:$C$346,2,0)-VLOOKUP(BD$1,városok!$A$2:$C$346,2,0))^2+(VLOOKUP($A21,városok!$A$2:$C$346,3,0)-VLOOKUP(BD$1,városok!$A$2:$C$346,3,0))^2)/1000,0)</f>
        <v>88</v>
      </c>
      <c r="BE21">
        <f ca="1">ROUND(SQRT((VLOOKUP($A21,városok!$A$2:$C$346,2,0)-VLOOKUP(BE$1,városok!$A$2:$C$346,2,0))^2+(VLOOKUP($A21,városok!$A$2:$C$346,3,0)-VLOOKUP(BE$1,városok!$A$2:$C$346,3,0))^2)/1000,0)</f>
        <v>282</v>
      </c>
      <c r="BF21">
        <f ca="1">ROUND(SQRT((VLOOKUP($A21,városok!$A$2:$C$346,2,0)-VLOOKUP(BF$1,városok!$A$2:$C$346,2,0))^2+(VLOOKUP($A21,városok!$A$2:$C$346,3,0)-VLOOKUP(BF$1,városok!$A$2:$C$346,3,0))^2)/1000,0)</f>
        <v>262</v>
      </c>
      <c r="BG21">
        <f ca="1">ROUND(SQRT((VLOOKUP($A21,városok!$A$2:$C$346,2,0)-VLOOKUP(BG$1,városok!$A$2:$C$346,2,0))^2+(VLOOKUP($A21,városok!$A$2:$C$346,3,0)-VLOOKUP(BG$1,városok!$A$2:$C$346,3,0))^2)/1000,0)</f>
        <v>219</v>
      </c>
      <c r="BH21">
        <f ca="1">ROUND(SQRT((VLOOKUP($A21,városok!$A$2:$C$346,2,0)-VLOOKUP(BH$1,városok!$A$2:$C$346,2,0))^2+(VLOOKUP($A21,városok!$A$2:$C$346,3,0)-VLOOKUP(BH$1,városok!$A$2:$C$346,3,0))^2)/1000,0)</f>
        <v>219</v>
      </c>
      <c r="BI21">
        <f ca="1">ROUND(SQRT((VLOOKUP($A21,városok!$A$2:$C$346,2,0)-VLOOKUP(BI$1,városok!$A$2:$C$346,2,0))^2+(VLOOKUP($A21,városok!$A$2:$C$346,3,0)-VLOOKUP(BI$1,városok!$A$2:$C$346,3,0))^2)/1000,0)</f>
        <v>70</v>
      </c>
      <c r="BJ21">
        <f ca="1">ROUND(SQRT((VLOOKUP($A21,városok!$A$2:$C$346,2,0)-VLOOKUP(BJ$1,városok!$A$2:$C$346,2,0))^2+(VLOOKUP($A21,városok!$A$2:$C$346,3,0)-VLOOKUP(BJ$1,városok!$A$2:$C$346,3,0))^2)/1000,0)</f>
        <v>88</v>
      </c>
      <c r="BK21">
        <f ca="1">ROUND(SQRT((VLOOKUP($A21,városok!$A$2:$C$346,2,0)-VLOOKUP(BK$1,városok!$A$2:$C$346,2,0))^2+(VLOOKUP($A21,városok!$A$2:$C$346,3,0)-VLOOKUP(BK$1,városok!$A$2:$C$346,3,0))^2)/1000,0)</f>
        <v>71</v>
      </c>
      <c r="BL21">
        <f ca="1">ROUND(SQRT((VLOOKUP($A21,városok!$A$2:$C$346,2,0)-VLOOKUP(BL$1,városok!$A$2:$C$346,2,0))^2+(VLOOKUP($A21,városok!$A$2:$C$346,3,0)-VLOOKUP(BL$1,városok!$A$2:$C$346,3,0))^2)/1000,0)</f>
        <v>200</v>
      </c>
      <c r="BM21">
        <f ca="1">ROUND(SQRT((VLOOKUP($A21,városok!$A$2:$C$346,2,0)-VLOOKUP(BM$1,városok!$A$2:$C$346,2,0))^2+(VLOOKUP($A21,városok!$A$2:$C$346,3,0)-VLOOKUP(BM$1,városok!$A$2:$C$346,3,0))^2)/1000,0)</f>
        <v>179</v>
      </c>
      <c r="BN21">
        <f ca="1">ROUND(SQRT((VLOOKUP($A21,városok!$A$2:$C$346,2,0)-VLOOKUP(BN$1,városok!$A$2:$C$346,2,0))^2+(VLOOKUP($A21,városok!$A$2:$C$346,3,0)-VLOOKUP(BN$1,városok!$A$2:$C$346,3,0))^2)/1000,0)</f>
        <v>201</v>
      </c>
      <c r="BO21">
        <f ca="1">ROUND(SQRT((VLOOKUP($A21,városok!$A$2:$C$346,2,0)-VLOOKUP(BO$1,városok!$A$2:$C$346,2,0))^2+(VLOOKUP($A21,városok!$A$2:$C$346,3,0)-VLOOKUP(BO$1,városok!$A$2:$C$346,3,0))^2)/1000,0)</f>
        <v>94</v>
      </c>
      <c r="BP21">
        <f ca="1">ROUND(SQRT((VLOOKUP($A21,városok!$A$2:$C$346,2,0)-VLOOKUP(BP$1,városok!$A$2:$C$346,2,0))^2+(VLOOKUP($A21,városok!$A$2:$C$346,3,0)-VLOOKUP(BP$1,városok!$A$2:$C$346,3,0))^2)/1000,0)</f>
        <v>86</v>
      </c>
      <c r="BQ21">
        <f ca="1">ROUND(SQRT((VLOOKUP($A21,városok!$A$2:$C$346,2,0)-VLOOKUP(BQ$1,városok!$A$2:$C$346,2,0))^2+(VLOOKUP($A21,városok!$A$2:$C$346,3,0)-VLOOKUP(BQ$1,városok!$A$2:$C$346,3,0))^2)/1000,0)</f>
        <v>102</v>
      </c>
      <c r="BR21">
        <f ca="1">ROUND(SQRT((VLOOKUP($A21,városok!$A$2:$C$346,2,0)-VLOOKUP(BR$1,városok!$A$2:$C$346,2,0))^2+(VLOOKUP($A21,városok!$A$2:$C$346,3,0)-VLOOKUP(BR$1,városok!$A$2:$C$346,3,0))^2)/1000,0)</f>
        <v>150</v>
      </c>
      <c r="BS21">
        <f ca="1">ROUND(SQRT((VLOOKUP($A21,városok!$A$2:$C$346,2,0)-VLOOKUP(BS$1,városok!$A$2:$C$346,2,0))^2+(VLOOKUP($A21,városok!$A$2:$C$346,3,0)-VLOOKUP(BS$1,városok!$A$2:$C$346,3,0))^2)/1000,0)</f>
        <v>177</v>
      </c>
      <c r="BT21">
        <f ca="1">ROUND(SQRT((VLOOKUP($A21,városok!$A$2:$C$346,2,0)-VLOOKUP(BT$1,városok!$A$2:$C$346,2,0))^2+(VLOOKUP($A21,városok!$A$2:$C$346,3,0)-VLOOKUP(BT$1,városok!$A$2:$C$346,3,0))^2)/1000,0)</f>
        <v>181</v>
      </c>
    </row>
    <row r="22" spans="1:72" x14ac:dyDescent="0.2">
      <c r="A22" t="str">
        <f>városok!A22</f>
        <v>Tiszakécske</v>
      </c>
      <c r="B22">
        <f ca="1">ROUND(SQRT((VLOOKUP($A22,városok!$A$2:$C$346,2,0)-VLOOKUP(B$1,városok!$A$2:$C$346,2,0))^2+(VLOOKUP($A22,városok!$A$2:$C$346,3,0)-VLOOKUP(B$1,városok!$A$2:$C$346,3,0))^2)/1000,0)</f>
        <v>120</v>
      </c>
      <c r="C22">
        <f ca="1">ROUND(SQRT((VLOOKUP($A22,városok!$A$2:$C$346,2,0)-VLOOKUP(C$1,városok!$A$2:$C$346,2,0))^2+(VLOOKUP($A22,városok!$A$2:$C$346,3,0)-VLOOKUP(C$1,városok!$A$2:$C$346,3,0))^2)/1000,0)</f>
        <v>97</v>
      </c>
      <c r="D22">
        <f ca="1">ROUND(SQRT((VLOOKUP($A22,városok!$A$2:$C$346,2,0)-VLOOKUP(D$1,városok!$A$2:$C$346,2,0))^2+(VLOOKUP($A22,városok!$A$2:$C$346,3,0)-VLOOKUP(D$1,városok!$A$2:$C$346,3,0))^2)/1000,0)</f>
        <v>31</v>
      </c>
      <c r="E22">
        <f ca="1">ROUND(SQRT((VLOOKUP($A22,városok!$A$2:$C$346,2,0)-VLOOKUP(E$1,városok!$A$2:$C$346,2,0))^2+(VLOOKUP($A22,városok!$A$2:$C$346,3,0)-VLOOKUP(E$1,városok!$A$2:$C$346,3,0))^2)/1000,0)</f>
        <v>163</v>
      </c>
      <c r="F22">
        <f ca="1">ROUND(SQRT((VLOOKUP($A22,városok!$A$2:$C$346,2,0)-VLOOKUP(F$1,városok!$A$2:$C$346,2,0))^2+(VLOOKUP($A22,városok!$A$2:$C$346,3,0)-VLOOKUP(F$1,városok!$A$2:$C$346,3,0))^2)/1000,0)</f>
        <v>151</v>
      </c>
      <c r="G22">
        <f ca="1">ROUND(SQRT((VLOOKUP($A22,városok!$A$2:$C$346,2,0)-VLOOKUP(G$1,városok!$A$2:$C$346,2,0))^2+(VLOOKUP($A22,városok!$A$2:$C$346,3,0)-VLOOKUP(G$1,városok!$A$2:$C$346,3,0))^2)/1000,0)</f>
        <v>171</v>
      </c>
      <c r="H22">
        <f ca="1">ROUND(SQRT((VLOOKUP($A22,városok!$A$2:$C$346,2,0)-VLOOKUP(H$1,városok!$A$2:$C$346,2,0))^2+(VLOOKUP($A22,városok!$A$2:$C$346,3,0)-VLOOKUP(H$1,városok!$A$2:$C$346,3,0))^2)/1000,0)</f>
        <v>202</v>
      </c>
      <c r="I22">
        <f ca="1">ROUND(SQRT((VLOOKUP($A22,városok!$A$2:$C$346,2,0)-VLOOKUP(I$1,városok!$A$2:$C$346,2,0))^2+(VLOOKUP($A22,városok!$A$2:$C$346,3,0)-VLOOKUP(I$1,városok!$A$2:$C$346,3,0))^2)/1000,0)</f>
        <v>80</v>
      </c>
      <c r="J22">
        <f ca="1">ROUND(SQRT((VLOOKUP($A22,városok!$A$2:$C$346,2,0)-VLOOKUP(J$1,városok!$A$2:$C$346,2,0))^2+(VLOOKUP($A22,városok!$A$2:$C$346,3,0)-VLOOKUP(J$1,városok!$A$2:$C$346,3,0))^2)/1000,0)</f>
        <v>96</v>
      </c>
      <c r="K22">
        <f ca="1">ROUND(SQRT((VLOOKUP($A22,városok!$A$2:$C$346,2,0)-VLOOKUP(K$1,városok!$A$2:$C$346,2,0))^2+(VLOOKUP($A22,városok!$A$2:$C$346,3,0)-VLOOKUP(K$1,városok!$A$2:$C$346,3,0))^2)/1000,0)</f>
        <v>60</v>
      </c>
      <c r="L22">
        <f ca="1">ROUND(SQRT((VLOOKUP($A22,városok!$A$2:$C$346,2,0)-VLOOKUP(L$1,városok!$A$2:$C$346,2,0))^2+(VLOOKUP($A22,városok!$A$2:$C$346,3,0)-VLOOKUP(L$1,városok!$A$2:$C$346,3,0))^2)/1000,0)</f>
        <v>152</v>
      </c>
      <c r="M22">
        <f ca="1">ROUND(SQRT((VLOOKUP($A22,városok!$A$2:$C$346,2,0)-VLOOKUP(M$1,városok!$A$2:$C$346,2,0))^2+(VLOOKUP($A22,városok!$A$2:$C$346,3,0)-VLOOKUP(M$1,városok!$A$2:$C$346,3,0))^2)/1000,0)</f>
        <v>140</v>
      </c>
      <c r="N22">
        <f ca="1">ROUND(SQRT((VLOOKUP($A22,városok!$A$2:$C$346,2,0)-VLOOKUP(N$1,városok!$A$2:$C$346,2,0))^2+(VLOOKUP($A22,városok!$A$2:$C$346,3,0)-VLOOKUP(N$1,városok!$A$2:$C$346,3,0))^2)/1000,0)</f>
        <v>144</v>
      </c>
      <c r="O22">
        <f ca="1">ROUND(SQRT((VLOOKUP($A22,városok!$A$2:$C$346,2,0)-VLOOKUP(O$1,városok!$A$2:$C$346,2,0))^2+(VLOOKUP($A22,városok!$A$2:$C$346,3,0)-VLOOKUP(O$1,városok!$A$2:$C$346,3,0))^2)/1000,0)</f>
        <v>200</v>
      </c>
      <c r="P22">
        <f ca="1">ROUND(SQRT((VLOOKUP($A22,városok!$A$2:$C$346,2,0)-VLOOKUP(P$1,városok!$A$2:$C$346,2,0))^2+(VLOOKUP($A22,városok!$A$2:$C$346,3,0)-VLOOKUP(P$1,városok!$A$2:$C$346,3,0))^2)/1000,0)</f>
        <v>200</v>
      </c>
      <c r="Q22">
        <f ca="1">ROUND(SQRT((VLOOKUP($A22,városok!$A$2:$C$346,2,0)-VLOOKUP(Q$1,városok!$A$2:$C$346,2,0))^2+(VLOOKUP($A22,városok!$A$2:$C$346,3,0)-VLOOKUP(Q$1,városok!$A$2:$C$346,3,0))^2)/1000,0)</f>
        <v>60</v>
      </c>
      <c r="R22">
        <f ca="1">ROUND(SQRT((VLOOKUP($A22,városok!$A$2:$C$346,2,0)-VLOOKUP(R$1,városok!$A$2:$C$346,2,0))^2+(VLOOKUP($A22,városok!$A$2:$C$346,3,0)-VLOOKUP(R$1,városok!$A$2:$C$346,3,0))^2)/1000,0)</f>
        <v>85</v>
      </c>
      <c r="S22">
        <f ca="1">ROUND(SQRT((VLOOKUP($A22,városok!$A$2:$C$346,2,0)-VLOOKUP(S$1,városok!$A$2:$C$346,2,0))^2+(VLOOKUP($A22,városok!$A$2:$C$346,3,0)-VLOOKUP(S$1,városok!$A$2:$C$346,3,0))^2)/1000,0)</f>
        <v>76</v>
      </c>
      <c r="T22">
        <f ca="1">ROUND(SQRT((VLOOKUP($A22,városok!$A$2:$C$346,2,0)-VLOOKUP(T$1,városok!$A$2:$C$346,2,0))^2+(VLOOKUP($A22,városok!$A$2:$C$346,3,0)-VLOOKUP(T$1,városok!$A$2:$C$346,3,0))^2)/1000,0)</f>
        <v>127</v>
      </c>
      <c r="U22">
        <f ca="1">ROUND(SQRT((VLOOKUP($A22,városok!$A$2:$C$346,2,0)-VLOOKUP(U$1,városok!$A$2:$C$346,2,0))^2+(VLOOKUP($A22,városok!$A$2:$C$346,3,0)-VLOOKUP(U$1,városok!$A$2:$C$346,3,0))^2)/1000,0)</f>
        <v>88</v>
      </c>
      <c r="V22">
        <f ca="1">ROUND(SQRT((VLOOKUP($A22,városok!$A$2:$C$346,2,0)-VLOOKUP(V$1,városok!$A$2:$C$346,2,0))^2+(VLOOKUP($A22,városok!$A$2:$C$346,3,0)-VLOOKUP(V$1,városok!$A$2:$C$346,3,0))^2)/1000,0)</f>
        <v>137</v>
      </c>
      <c r="W22">
        <f ca="1">ROUND(SQRT((VLOOKUP($A22,városok!$A$2:$C$346,2,0)-VLOOKUP(W$1,városok!$A$2:$C$346,2,0))^2+(VLOOKUP($A22,városok!$A$2:$C$346,3,0)-VLOOKUP(W$1,városok!$A$2:$C$346,3,0))^2)/1000,0)</f>
        <v>112</v>
      </c>
      <c r="X22">
        <f ca="1">ROUND(SQRT((VLOOKUP($A22,városok!$A$2:$C$346,2,0)-VLOOKUP(X$1,városok!$A$2:$C$346,2,0))^2+(VLOOKUP($A22,városok!$A$2:$C$346,3,0)-VLOOKUP(X$1,városok!$A$2:$C$346,3,0))^2)/1000,0)</f>
        <v>140</v>
      </c>
      <c r="Y22">
        <f ca="1">ROUND(SQRT((VLOOKUP($A22,városok!$A$2:$C$346,2,0)-VLOOKUP(Y$1,városok!$A$2:$C$346,2,0))^2+(VLOOKUP($A22,városok!$A$2:$C$346,3,0)-VLOOKUP(Y$1,városok!$A$2:$C$346,3,0))^2)/1000,0)</f>
        <v>204</v>
      </c>
      <c r="Z22">
        <f ca="1">ROUND(SQRT((VLOOKUP($A22,városok!$A$2:$C$346,2,0)-VLOOKUP(Z$1,városok!$A$2:$C$346,2,0))^2+(VLOOKUP($A22,városok!$A$2:$C$346,3,0)-VLOOKUP(Z$1,városok!$A$2:$C$346,3,0))^2)/1000,0)</f>
        <v>223</v>
      </c>
      <c r="AA22">
        <f ca="1">ROUND(SQRT((VLOOKUP($A22,városok!$A$2:$C$346,2,0)-VLOOKUP(AA$1,városok!$A$2:$C$346,2,0))^2+(VLOOKUP($A22,városok!$A$2:$C$346,3,0)-VLOOKUP(AA$1,városok!$A$2:$C$346,3,0))^2)/1000,0)</f>
        <v>278</v>
      </c>
      <c r="AB22">
        <f ca="1">ROUND(SQRT((VLOOKUP($A22,városok!$A$2:$C$346,2,0)-VLOOKUP(AB$1,városok!$A$2:$C$346,2,0))^2+(VLOOKUP($A22,városok!$A$2:$C$346,3,0)-VLOOKUP(AB$1,városok!$A$2:$C$346,3,0))^2)/1000,0)</f>
        <v>134</v>
      </c>
      <c r="AC22">
        <f ca="1">ROUND(SQRT((VLOOKUP($A22,városok!$A$2:$C$346,2,0)-VLOOKUP(AC$1,városok!$A$2:$C$346,2,0))^2+(VLOOKUP($A22,városok!$A$2:$C$346,3,0)-VLOOKUP(AC$1,városok!$A$2:$C$346,3,0))^2)/1000,0)</f>
        <v>114</v>
      </c>
      <c r="AD22">
        <f ca="1">ROUND(SQRT((VLOOKUP($A22,városok!$A$2:$C$346,2,0)-VLOOKUP(AD$1,városok!$A$2:$C$346,2,0))^2+(VLOOKUP($A22,városok!$A$2:$C$346,3,0)-VLOOKUP(AD$1,városok!$A$2:$C$346,3,0))^2)/1000,0)</f>
        <v>98</v>
      </c>
      <c r="AE22">
        <f ca="1">ROUND(SQRT((VLOOKUP($A22,városok!$A$2:$C$346,2,0)-VLOOKUP(AE$1,városok!$A$2:$C$346,2,0))^2+(VLOOKUP($A22,városok!$A$2:$C$346,3,0)-VLOOKUP(AE$1,városok!$A$2:$C$346,3,0))^2)/1000,0)</f>
        <v>90</v>
      </c>
      <c r="AF22">
        <f ca="1">ROUND(SQRT((VLOOKUP($A22,városok!$A$2:$C$346,2,0)-VLOOKUP(AF$1,városok!$A$2:$C$346,2,0))^2+(VLOOKUP($A22,városok!$A$2:$C$346,3,0)-VLOOKUP(AF$1,városok!$A$2:$C$346,3,0))^2)/1000,0)</f>
        <v>110</v>
      </c>
      <c r="AG22">
        <f ca="1">ROUND(SQRT((VLOOKUP($A22,városok!$A$2:$C$346,2,0)-VLOOKUP(AG$1,városok!$A$2:$C$346,2,0))^2+(VLOOKUP($A22,városok!$A$2:$C$346,3,0)-VLOOKUP(AG$1,városok!$A$2:$C$346,3,0))^2)/1000,0)</f>
        <v>95</v>
      </c>
      <c r="AH22">
        <f ca="1">ROUND(SQRT((VLOOKUP($A22,városok!$A$2:$C$346,2,0)-VLOOKUP(AH$1,városok!$A$2:$C$346,2,0))^2+(VLOOKUP($A22,városok!$A$2:$C$346,3,0)-VLOOKUP(AH$1,városok!$A$2:$C$346,3,0))^2)/1000,0)</f>
        <v>87</v>
      </c>
      <c r="AI22">
        <f ca="1">ROUND(SQRT((VLOOKUP($A22,városok!$A$2:$C$346,2,0)-VLOOKUP(AI$1,városok!$A$2:$C$346,2,0))^2+(VLOOKUP($A22,városok!$A$2:$C$346,3,0)-VLOOKUP(AI$1,városok!$A$2:$C$346,3,0))^2)/1000,0)</f>
        <v>121</v>
      </c>
      <c r="AJ22">
        <f ca="1">ROUND(SQRT((VLOOKUP($A22,városok!$A$2:$C$346,2,0)-VLOOKUP(AJ$1,városok!$A$2:$C$346,2,0))^2+(VLOOKUP($A22,városok!$A$2:$C$346,3,0)-VLOOKUP(AJ$1,városok!$A$2:$C$346,3,0))^2)/1000,0)</f>
        <v>79</v>
      </c>
      <c r="AK22">
        <f ca="1">ROUND(SQRT((VLOOKUP($A22,városok!$A$2:$C$346,2,0)-VLOOKUP(AK$1,városok!$A$2:$C$346,2,0))^2+(VLOOKUP($A22,városok!$A$2:$C$346,3,0)-VLOOKUP(AK$1,városok!$A$2:$C$346,3,0))^2)/1000,0)</f>
        <v>77</v>
      </c>
      <c r="AL22">
        <f ca="1">ROUND(SQRT((VLOOKUP($A22,városok!$A$2:$C$346,2,0)-VLOOKUP(AL$1,városok!$A$2:$C$346,2,0))^2+(VLOOKUP($A22,városok!$A$2:$C$346,3,0)-VLOOKUP(AL$1,városok!$A$2:$C$346,3,0))^2)/1000,0)</f>
        <v>63</v>
      </c>
      <c r="AM22">
        <f ca="1">ROUND(SQRT((VLOOKUP($A22,városok!$A$2:$C$346,2,0)-VLOOKUP(AM$1,városok!$A$2:$C$346,2,0))^2+(VLOOKUP($A22,városok!$A$2:$C$346,3,0)-VLOOKUP(AM$1,városok!$A$2:$C$346,3,0))^2)/1000,0)</f>
        <v>28</v>
      </c>
      <c r="AN22">
        <f ca="1">ROUND(SQRT((VLOOKUP($A22,városok!$A$2:$C$346,2,0)-VLOOKUP(AN$1,városok!$A$2:$C$346,2,0))^2+(VLOOKUP($A22,városok!$A$2:$C$346,3,0)-VLOOKUP(AN$1,városok!$A$2:$C$346,3,0))^2)/1000,0)</f>
        <v>140</v>
      </c>
      <c r="AO22">
        <f ca="1">ROUND(SQRT((VLOOKUP($A22,városok!$A$2:$C$346,2,0)-VLOOKUP(AO$1,városok!$A$2:$C$346,2,0))^2+(VLOOKUP($A22,városok!$A$2:$C$346,3,0)-VLOOKUP(AO$1,városok!$A$2:$C$346,3,0))^2)/1000,0)</f>
        <v>174</v>
      </c>
      <c r="AP22">
        <f ca="1">ROUND(SQRT((VLOOKUP($A22,városok!$A$2:$C$346,2,0)-VLOOKUP(AP$1,városok!$A$2:$C$346,2,0))^2+(VLOOKUP($A22,városok!$A$2:$C$346,3,0)-VLOOKUP(AP$1,városok!$A$2:$C$346,3,0))^2)/1000,0)</f>
        <v>155</v>
      </c>
      <c r="AQ22">
        <f ca="1">ROUND(SQRT((VLOOKUP($A22,városok!$A$2:$C$346,2,0)-VLOOKUP(AQ$1,városok!$A$2:$C$346,2,0))^2+(VLOOKUP($A22,városok!$A$2:$C$346,3,0)-VLOOKUP(AQ$1,városok!$A$2:$C$346,3,0))^2)/1000,0)</f>
        <v>146</v>
      </c>
      <c r="AR22">
        <f ca="1">ROUND(SQRT((VLOOKUP($A22,városok!$A$2:$C$346,2,0)-VLOOKUP(AR$1,városok!$A$2:$C$346,2,0))^2+(VLOOKUP($A22,városok!$A$2:$C$346,3,0)-VLOOKUP(AR$1,városok!$A$2:$C$346,3,0))^2)/1000,0)</f>
        <v>114</v>
      </c>
      <c r="AS22">
        <f ca="1">ROUND(SQRT((VLOOKUP($A22,városok!$A$2:$C$346,2,0)-VLOOKUP(AS$1,városok!$A$2:$C$346,2,0))^2+(VLOOKUP($A22,városok!$A$2:$C$346,3,0)-VLOOKUP(AS$1,városok!$A$2:$C$346,3,0))^2)/1000,0)</f>
        <v>133</v>
      </c>
      <c r="AT22">
        <f ca="1">ROUND(SQRT((VLOOKUP($A22,városok!$A$2:$C$346,2,0)-VLOOKUP(AT$1,városok!$A$2:$C$346,2,0))^2+(VLOOKUP($A22,városok!$A$2:$C$346,3,0)-VLOOKUP(AT$1,városok!$A$2:$C$346,3,0))^2)/1000,0)</f>
        <v>114</v>
      </c>
      <c r="AU22">
        <f ca="1">ROUND(SQRT((VLOOKUP($A22,városok!$A$2:$C$346,2,0)-VLOOKUP(AU$1,városok!$A$2:$C$346,2,0))^2+(VLOOKUP($A22,városok!$A$2:$C$346,3,0)-VLOOKUP(AU$1,városok!$A$2:$C$346,3,0))^2)/1000,0)</f>
        <v>104</v>
      </c>
      <c r="AV22">
        <f ca="1">ROUND(SQRT((VLOOKUP($A22,városok!$A$2:$C$346,2,0)-VLOOKUP(AV$1,városok!$A$2:$C$346,2,0))^2+(VLOOKUP($A22,városok!$A$2:$C$346,3,0)-VLOOKUP(AV$1,városok!$A$2:$C$346,3,0))^2)/1000,0)</f>
        <v>102</v>
      </c>
      <c r="AW22">
        <f ca="1">ROUND(SQRT((VLOOKUP($A22,városok!$A$2:$C$346,2,0)-VLOOKUP(AW$1,városok!$A$2:$C$346,2,0))^2+(VLOOKUP($A22,városok!$A$2:$C$346,3,0)-VLOOKUP(AW$1,városok!$A$2:$C$346,3,0))^2)/1000,0)</f>
        <v>104</v>
      </c>
      <c r="AX22">
        <f ca="1">ROUND(SQRT((VLOOKUP($A22,városok!$A$2:$C$346,2,0)-VLOOKUP(AX$1,városok!$A$2:$C$346,2,0))^2+(VLOOKUP($A22,városok!$A$2:$C$346,3,0)-VLOOKUP(AX$1,városok!$A$2:$C$346,3,0))^2)/1000,0)</f>
        <v>26</v>
      </c>
      <c r="AY22">
        <f ca="1">ROUND(SQRT((VLOOKUP($A22,városok!$A$2:$C$346,2,0)-VLOOKUP(AY$1,városok!$A$2:$C$346,2,0))^2+(VLOOKUP($A22,városok!$A$2:$C$346,3,0)-VLOOKUP(AY$1,városok!$A$2:$C$346,3,0))^2)/1000,0)</f>
        <v>114</v>
      </c>
      <c r="AZ22">
        <f ca="1">ROUND(SQRT((VLOOKUP($A22,városok!$A$2:$C$346,2,0)-VLOOKUP(AZ$1,városok!$A$2:$C$346,2,0))^2+(VLOOKUP($A22,városok!$A$2:$C$346,3,0)-VLOOKUP(AZ$1,városok!$A$2:$C$346,3,0))^2)/1000,0)</f>
        <v>127</v>
      </c>
      <c r="BA22">
        <f ca="1">ROUND(SQRT((VLOOKUP($A22,városok!$A$2:$C$346,2,0)-VLOOKUP(BA$1,városok!$A$2:$C$346,2,0))^2+(VLOOKUP($A22,városok!$A$2:$C$346,3,0)-VLOOKUP(BA$1,városok!$A$2:$C$346,3,0))^2)/1000,0)</f>
        <v>183</v>
      </c>
      <c r="BB22">
        <f ca="1">ROUND(SQRT((VLOOKUP($A22,városok!$A$2:$C$346,2,0)-VLOOKUP(BB$1,városok!$A$2:$C$346,2,0))^2+(VLOOKUP($A22,városok!$A$2:$C$346,3,0)-VLOOKUP(BB$1,városok!$A$2:$C$346,3,0))^2)/1000,0)</f>
        <v>170</v>
      </c>
      <c r="BC22">
        <f ca="1">ROUND(SQRT((VLOOKUP($A22,városok!$A$2:$C$346,2,0)-VLOOKUP(BC$1,városok!$A$2:$C$346,2,0))^2+(VLOOKUP($A22,városok!$A$2:$C$346,3,0)-VLOOKUP(BC$1,városok!$A$2:$C$346,3,0))^2)/1000,0)</f>
        <v>187</v>
      </c>
      <c r="BD22">
        <f ca="1">ROUND(SQRT((VLOOKUP($A22,városok!$A$2:$C$346,2,0)-VLOOKUP(BD$1,városok!$A$2:$C$346,2,0))^2+(VLOOKUP($A22,városok!$A$2:$C$346,3,0)-VLOOKUP(BD$1,városok!$A$2:$C$346,3,0))^2)/1000,0)</f>
        <v>155</v>
      </c>
      <c r="BE22">
        <f ca="1">ROUND(SQRT((VLOOKUP($A22,városok!$A$2:$C$346,2,0)-VLOOKUP(BE$1,városok!$A$2:$C$346,2,0))^2+(VLOOKUP($A22,városok!$A$2:$C$346,3,0)-VLOOKUP(BE$1,városok!$A$2:$C$346,3,0))^2)/1000,0)</f>
        <v>219</v>
      </c>
      <c r="BF22">
        <f ca="1">ROUND(SQRT((VLOOKUP($A22,városok!$A$2:$C$346,2,0)-VLOOKUP(BF$1,városok!$A$2:$C$346,2,0))^2+(VLOOKUP($A22,városok!$A$2:$C$346,3,0)-VLOOKUP(BF$1,városok!$A$2:$C$346,3,0))^2)/1000,0)</f>
        <v>207</v>
      </c>
      <c r="BG22">
        <f ca="1">ROUND(SQRT((VLOOKUP($A22,városok!$A$2:$C$346,2,0)-VLOOKUP(BG$1,városok!$A$2:$C$346,2,0))^2+(VLOOKUP($A22,városok!$A$2:$C$346,3,0)-VLOOKUP(BG$1,városok!$A$2:$C$346,3,0))^2)/1000,0)</f>
        <v>168</v>
      </c>
      <c r="BH22">
        <f ca="1">ROUND(SQRT((VLOOKUP($A22,városok!$A$2:$C$346,2,0)-VLOOKUP(BH$1,városok!$A$2:$C$346,2,0))^2+(VLOOKUP($A22,városok!$A$2:$C$346,3,0)-VLOOKUP(BH$1,városok!$A$2:$C$346,3,0))^2)/1000,0)</f>
        <v>168</v>
      </c>
      <c r="BI22">
        <f ca="1">ROUND(SQRT((VLOOKUP($A22,városok!$A$2:$C$346,2,0)-VLOOKUP(BI$1,városok!$A$2:$C$346,2,0))^2+(VLOOKUP($A22,városok!$A$2:$C$346,3,0)-VLOOKUP(BI$1,városok!$A$2:$C$346,3,0))^2)/1000,0)</f>
        <v>128</v>
      </c>
      <c r="BJ22">
        <f ca="1">ROUND(SQRT((VLOOKUP($A22,városok!$A$2:$C$346,2,0)-VLOOKUP(BJ$1,városok!$A$2:$C$346,2,0))^2+(VLOOKUP($A22,városok!$A$2:$C$346,3,0)-VLOOKUP(BJ$1,városok!$A$2:$C$346,3,0))^2)/1000,0)</f>
        <v>145</v>
      </c>
      <c r="BK22">
        <f ca="1">ROUND(SQRT((VLOOKUP($A22,városok!$A$2:$C$346,2,0)-VLOOKUP(BK$1,városok!$A$2:$C$346,2,0))^2+(VLOOKUP($A22,városok!$A$2:$C$346,3,0)-VLOOKUP(BK$1,városok!$A$2:$C$346,3,0))^2)/1000,0)</f>
        <v>125</v>
      </c>
      <c r="BL22">
        <f ca="1">ROUND(SQRT((VLOOKUP($A22,városok!$A$2:$C$346,2,0)-VLOOKUP(BL$1,városok!$A$2:$C$346,2,0))^2+(VLOOKUP($A22,városok!$A$2:$C$346,3,0)-VLOOKUP(BL$1,városok!$A$2:$C$346,3,0))^2)/1000,0)</f>
        <v>266</v>
      </c>
      <c r="BM22">
        <f ca="1">ROUND(SQRT((VLOOKUP($A22,városok!$A$2:$C$346,2,0)-VLOOKUP(BM$1,városok!$A$2:$C$346,2,0))^2+(VLOOKUP($A22,városok!$A$2:$C$346,3,0)-VLOOKUP(BM$1,városok!$A$2:$C$346,3,0))^2)/1000,0)</f>
        <v>243</v>
      </c>
      <c r="BN22">
        <f ca="1">ROUND(SQRT((VLOOKUP($A22,városok!$A$2:$C$346,2,0)-VLOOKUP(BN$1,városok!$A$2:$C$346,2,0))^2+(VLOOKUP($A22,városok!$A$2:$C$346,3,0)-VLOOKUP(BN$1,városok!$A$2:$C$346,3,0))^2)/1000,0)</f>
        <v>266</v>
      </c>
      <c r="BO22">
        <f ca="1">ROUND(SQRT((VLOOKUP($A22,városok!$A$2:$C$346,2,0)-VLOOKUP(BO$1,városok!$A$2:$C$346,2,0))^2+(VLOOKUP($A22,városok!$A$2:$C$346,3,0)-VLOOKUP(BO$1,városok!$A$2:$C$346,3,0))^2)/1000,0)</f>
        <v>159</v>
      </c>
      <c r="BP22">
        <f ca="1">ROUND(SQRT((VLOOKUP($A22,városok!$A$2:$C$346,2,0)-VLOOKUP(BP$1,városok!$A$2:$C$346,2,0))^2+(VLOOKUP($A22,városok!$A$2:$C$346,3,0)-VLOOKUP(BP$1,városok!$A$2:$C$346,3,0))^2)/1000,0)</f>
        <v>151</v>
      </c>
      <c r="BQ22">
        <f ca="1">ROUND(SQRT((VLOOKUP($A22,városok!$A$2:$C$346,2,0)-VLOOKUP(BQ$1,városok!$A$2:$C$346,2,0))^2+(VLOOKUP($A22,városok!$A$2:$C$346,3,0)-VLOOKUP(BQ$1,városok!$A$2:$C$346,3,0))^2)/1000,0)</f>
        <v>167</v>
      </c>
      <c r="BR22">
        <f ca="1">ROUND(SQRT((VLOOKUP($A22,városok!$A$2:$C$346,2,0)-VLOOKUP(BR$1,városok!$A$2:$C$346,2,0))^2+(VLOOKUP($A22,városok!$A$2:$C$346,3,0)-VLOOKUP(BR$1,városok!$A$2:$C$346,3,0))^2)/1000,0)</f>
        <v>217</v>
      </c>
      <c r="BS22">
        <f ca="1">ROUND(SQRT((VLOOKUP($A22,városok!$A$2:$C$346,2,0)-VLOOKUP(BS$1,városok!$A$2:$C$346,2,0))^2+(VLOOKUP($A22,városok!$A$2:$C$346,3,0)-VLOOKUP(BS$1,városok!$A$2:$C$346,3,0))^2)/1000,0)</f>
        <v>243</v>
      </c>
      <c r="BT22">
        <f ca="1">ROUND(SQRT((VLOOKUP($A22,városok!$A$2:$C$346,2,0)-VLOOKUP(BT$1,városok!$A$2:$C$346,2,0))^2+(VLOOKUP($A22,városok!$A$2:$C$346,3,0)-VLOOKUP(BT$1,városok!$A$2:$C$346,3,0))^2)/1000,0)</f>
        <v>248</v>
      </c>
    </row>
    <row r="23" spans="1:72" x14ac:dyDescent="0.2">
      <c r="A23" t="str">
        <f>városok!A23</f>
        <v>Tompa</v>
      </c>
      <c r="B23">
        <f ca="1">ROUND(SQRT((VLOOKUP($A23,városok!$A$2:$C$346,2,0)-VLOOKUP(B$1,városok!$A$2:$C$346,2,0))^2+(VLOOKUP($A23,városok!$A$2:$C$346,3,0)-VLOOKUP(B$1,városok!$A$2:$C$346,3,0))^2)/1000,0)</f>
        <v>44</v>
      </c>
      <c r="C23">
        <f ca="1">ROUND(SQRT((VLOOKUP($A23,városok!$A$2:$C$346,2,0)-VLOOKUP(C$1,városok!$A$2:$C$346,2,0))^2+(VLOOKUP($A23,városok!$A$2:$C$346,3,0)-VLOOKUP(C$1,városok!$A$2:$C$346,3,0))^2)/1000,0)</f>
        <v>56</v>
      </c>
      <c r="D23">
        <f ca="1">ROUND(SQRT((VLOOKUP($A23,városok!$A$2:$C$346,2,0)-VLOOKUP(D$1,városok!$A$2:$C$346,2,0))^2+(VLOOKUP($A23,városok!$A$2:$C$346,3,0)-VLOOKUP(D$1,városok!$A$2:$C$346,3,0))^2)/1000,0)</f>
        <v>79</v>
      </c>
      <c r="E23">
        <f ca="1">ROUND(SQRT((VLOOKUP($A23,városok!$A$2:$C$346,2,0)-VLOOKUP(E$1,városok!$A$2:$C$346,2,0))^2+(VLOOKUP($A23,városok!$A$2:$C$346,3,0)-VLOOKUP(E$1,városok!$A$2:$C$346,3,0))^2)/1000,0)</f>
        <v>98</v>
      </c>
      <c r="F23">
        <f ca="1">ROUND(SQRT((VLOOKUP($A23,városok!$A$2:$C$346,2,0)-VLOOKUP(F$1,városok!$A$2:$C$346,2,0))^2+(VLOOKUP($A23,városok!$A$2:$C$346,3,0)-VLOOKUP(F$1,városok!$A$2:$C$346,3,0))^2)/1000,0)</f>
        <v>70</v>
      </c>
      <c r="G23">
        <f ca="1">ROUND(SQRT((VLOOKUP($A23,városok!$A$2:$C$346,2,0)-VLOOKUP(G$1,városok!$A$2:$C$346,2,0))^2+(VLOOKUP($A23,városok!$A$2:$C$346,3,0)-VLOOKUP(G$1,városok!$A$2:$C$346,3,0))^2)/1000,0)</f>
        <v>100</v>
      </c>
      <c r="H23">
        <f ca="1">ROUND(SQRT((VLOOKUP($A23,városok!$A$2:$C$346,2,0)-VLOOKUP(H$1,városok!$A$2:$C$346,2,0))^2+(VLOOKUP($A23,városok!$A$2:$C$346,3,0)-VLOOKUP(H$1,városok!$A$2:$C$346,3,0))^2)/1000,0)</f>
        <v>135</v>
      </c>
      <c r="I23">
        <f ca="1">ROUND(SQRT((VLOOKUP($A23,városok!$A$2:$C$346,2,0)-VLOOKUP(I$1,városok!$A$2:$C$346,2,0))^2+(VLOOKUP($A23,városok!$A$2:$C$346,3,0)-VLOOKUP(I$1,városok!$A$2:$C$346,3,0))^2)/1000,0)</f>
        <v>130</v>
      </c>
      <c r="J23">
        <f ca="1">ROUND(SQRT((VLOOKUP($A23,városok!$A$2:$C$346,2,0)-VLOOKUP(J$1,városok!$A$2:$C$346,2,0))^2+(VLOOKUP($A23,városok!$A$2:$C$346,3,0)-VLOOKUP(J$1,városok!$A$2:$C$346,3,0))^2)/1000,0)</f>
        <v>143</v>
      </c>
      <c r="K23">
        <f ca="1">ROUND(SQRT((VLOOKUP($A23,városok!$A$2:$C$346,2,0)-VLOOKUP(K$1,városok!$A$2:$C$346,2,0))^2+(VLOOKUP($A23,városok!$A$2:$C$346,3,0)-VLOOKUP(K$1,városok!$A$2:$C$346,3,0))^2)/1000,0)</f>
        <v>96</v>
      </c>
      <c r="L23">
        <f ca="1">ROUND(SQRT((VLOOKUP($A23,városok!$A$2:$C$346,2,0)-VLOOKUP(L$1,városok!$A$2:$C$346,2,0))^2+(VLOOKUP($A23,városok!$A$2:$C$346,3,0)-VLOOKUP(L$1,városok!$A$2:$C$346,3,0))^2)/1000,0)</f>
        <v>243</v>
      </c>
      <c r="M23">
        <f ca="1">ROUND(SQRT((VLOOKUP($A23,városok!$A$2:$C$346,2,0)-VLOOKUP(M$1,városok!$A$2:$C$346,2,0))^2+(VLOOKUP($A23,városok!$A$2:$C$346,3,0)-VLOOKUP(M$1,városok!$A$2:$C$346,3,0))^2)/1000,0)</f>
        <v>232</v>
      </c>
      <c r="N23">
        <f ca="1">ROUND(SQRT((VLOOKUP($A23,városok!$A$2:$C$346,2,0)-VLOOKUP(N$1,városok!$A$2:$C$346,2,0))^2+(VLOOKUP($A23,városok!$A$2:$C$346,3,0)-VLOOKUP(N$1,városok!$A$2:$C$346,3,0))^2)/1000,0)</f>
        <v>232</v>
      </c>
      <c r="O23">
        <f ca="1">ROUND(SQRT((VLOOKUP($A23,városok!$A$2:$C$346,2,0)-VLOOKUP(O$1,városok!$A$2:$C$346,2,0))^2+(VLOOKUP($A23,városok!$A$2:$C$346,3,0)-VLOOKUP(O$1,városok!$A$2:$C$346,3,0))^2)/1000,0)</f>
        <v>292</v>
      </c>
      <c r="P23">
        <f ca="1">ROUND(SQRT((VLOOKUP($A23,városok!$A$2:$C$346,2,0)-VLOOKUP(P$1,városok!$A$2:$C$346,2,0))^2+(VLOOKUP($A23,városok!$A$2:$C$346,3,0)-VLOOKUP(P$1,városok!$A$2:$C$346,3,0))^2)/1000,0)</f>
        <v>292</v>
      </c>
      <c r="Q23">
        <f ca="1">ROUND(SQRT((VLOOKUP($A23,városok!$A$2:$C$346,2,0)-VLOOKUP(Q$1,városok!$A$2:$C$346,2,0))^2+(VLOOKUP($A23,városok!$A$2:$C$346,3,0)-VLOOKUP(Q$1,városok!$A$2:$C$346,3,0))^2)/1000,0)</f>
        <v>65</v>
      </c>
      <c r="R23">
        <f ca="1">ROUND(SQRT((VLOOKUP($A23,városok!$A$2:$C$346,2,0)-VLOOKUP(R$1,városok!$A$2:$C$346,2,0))^2+(VLOOKUP($A23,városok!$A$2:$C$346,3,0)-VLOOKUP(R$1,városok!$A$2:$C$346,3,0))^2)/1000,0)</f>
        <v>73</v>
      </c>
      <c r="S23">
        <f ca="1">ROUND(SQRT((VLOOKUP($A23,városok!$A$2:$C$346,2,0)-VLOOKUP(S$1,városok!$A$2:$C$346,2,0))^2+(VLOOKUP($A23,városok!$A$2:$C$346,3,0)-VLOOKUP(S$1,városok!$A$2:$C$346,3,0))^2)/1000,0)</f>
        <v>49</v>
      </c>
      <c r="T23">
        <f ca="1">ROUND(SQRT((VLOOKUP($A23,városok!$A$2:$C$346,2,0)-VLOOKUP(T$1,városok!$A$2:$C$346,2,0))^2+(VLOOKUP($A23,városok!$A$2:$C$346,3,0)-VLOOKUP(T$1,városok!$A$2:$C$346,3,0))^2)/1000,0)</f>
        <v>159</v>
      </c>
      <c r="U23">
        <f ca="1">ROUND(SQRT((VLOOKUP($A23,városok!$A$2:$C$346,2,0)-VLOOKUP(U$1,városok!$A$2:$C$346,2,0))^2+(VLOOKUP($A23,városok!$A$2:$C$346,3,0)-VLOOKUP(U$1,városok!$A$2:$C$346,3,0))^2)/1000,0)</f>
        <v>96</v>
      </c>
      <c r="V23">
        <f ca="1">ROUND(SQRT((VLOOKUP($A23,városok!$A$2:$C$346,2,0)-VLOOKUP(V$1,városok!$A$2:$C$346,2,0))^2+(VLOOKUP($A23,városok!$A$2:$C$346,3,0)-VLOOKUP(V$1,városok!$A$2:$C$346,3,0))^2)/1000,0)</f>
        <v>134</v>
      </c>
      <c r="W23">
        <f ca="1">ROUND(SQRT((VLOOKUP($A23,városok!$A$2:$C$346,2,0)-VLOOKUP(W$1,városok!$A$2:$C$346,2,0))^2+(VLOOKUP($A23,városok!$A$2:$C$346,3,0)-VLOOKUP(W$1,városok!$A$2:$C$346,3,0))^2)/1000,0)</f>
        <v>103</v>
      </c>
      <c r="X23">
        <f ca="1">ROUND(SQRT((VLOOKUP($A23,városok!$A$2:$C$346,2,0)-VLOOKUP(X$1,városok!$A$2:$C$346,2,0))^2+(VLOOKUP($A23,városok!$A$2:$C$346,3,0)-VLOOKUP(X$1,városok!$A$2:$C$346,3,0))^2)/1000,0)</f>
        <v>152</v>
      </c>
      <c r="Y23">
        <f ca="1">ROUND(SQRT((VLOOKUP($A23,városok!$A$2:$C$346,2,0)-VLOOKUP(Y$1,városok!$A$2:$C$346,2,0))^2+(VLOOKUP($A23,városok!$A$2:$C$346,3,0)-VLOOKUP(Y$1,városok!$A$2:$C$346,3,0))^2)/1000,0)</f>
        <v>219</v>
      </c>
      <c r="Z23">
        <f ca="1">ROUND(SQRT((VLOOKUP($A23,városok!$A$2:$C$346,2,0)-VLOOKUP(Z$1,városok!$A$2:$C$346,2,0))^2+(VLOOKUP($A23,városok!$A$2:$C$346,3,0)-VLOOKUP(Z$1,városok!$A$2:$C$346,3,0))^2)/1000,0)</f>
        <v>236</v>
      </c>
      <c r="AA23">
        <f ca="1">ROUND(SQRT((VLOOKUP($A23,városok!$A$2:$C$346,2,0)-VLOOKUP(AA$1,városok!$A$2:$C$346,2,0))^2+(VLOOKUP($A23,városok!$A$2:$C$346,3,0)-VLOOKUP(AA$1,városok!$A$2:$C$346,3,0))^2)/1000,0)</f>
        <v>278</v>
      </c>
      <c r="AB23">
        <f ca="1">ROUND(SQRT((VLOOKUP($A23,városok!$A$2:$C$346,2,0)-VLOOKUP(AB$1,városok!$A$2:$C$346,2,0))^2+(VLOOKUP($A23,városok!$A$2:$C$346,3,0)-VLOOKUP(AB$1,városok!$A$2:$C$346,3,0))^2)/1000,0)</f>
        <v>218</v>
      </c>
      <c r="AC23">
        <f ca="1">ROUND(SQRT((VLOOKUP($A23,városok!$A$2:$C$346,2,0)-VLOOKUP(AC$1,városok!$A$2:$C$346,2,0))^2+(VLOOKUP($A23,városok!$A$2:$C$346,3,0)-VLOOKUP(AC$1,városok!$A$2:$C$346,3,0))^2)/1000,0)</f>
        <v>198</v>
      </c>
      <c r="AD23">
        <f ca="1">ROUND(SQRT((VLOOKUP($A23,városok!$A$2:$C$346,2,0)-VLOOKUP(AD$1,városok!$A$2:$C$346,2,0))^2+(VLOOKUP($A23,városok!$A$2:$C$346,3,0)-VLOOKUP(AD$1,városok!$A$2:$C$346,3,0))^2)/1000,0)</f>
        <v>184</v>
      </c>
      <c r="AE23">
        <f ca="1">ROUND(SQRT((VLOOKUP($A23,városok!$A$2:$C$346,2,0)-VLOOKUP(AE$1,városok!$A$2:$C$346,2,0))^2+(VLOOKUP($A23,városok!$A$2:$C$346,3,0)-VLOOKUP(AE$1,városok!$A$2:$C$346,3,0))^2)/1000,0)</f>
        <v>173</v>
      </c>
      <c r="AF23">
        <f ca="1">ROUND(SQRT((VLOOKUP($A23,városok!$A$2:$C$346,2,0)-VLOOKUP(AF$1,városok!$A$2:$C$346,2,0))^2+(VLOOKUP($A23,városok!$A$2:$C$346,3,0)-VLOOKUP(AF$1,városok!$A$2:$C$346,3,0))^2)/1000,0)</f>
        <v>199</v>
      </c>
      <c r="AG23">
        <f ca="1">ROUND(SQRT((VLOOKUP($A23,városok!$A$2:$C$346,2,0)-VLOOKUP(AG$1,városok!$A$2:$C$346,2,0))^2+(VLOOKUP($A23,városok!$A$2:$C$346,3,0)-VLOOKUP(AG$1,városok!$A$2:$C$346,3,0))^2)/1000,0)</f>
        <v>178</v>
      </c>
      <c r="AH23">
        <f ca="1">ROUND(SQRT((VLOOKUP($A23,városok!$A$2:$C$346,2,0)-VLOOKUP(AH$1,városok!$A$2:$C$346,2,0))^2+(VLOOKUP($A23,városok!$A$2:$C$346,3,0)-VLOOKUP(AH$1,városok!$A$2:$C$346,3,0))^2)/1000,0)</f>
        <v>163</v>
      </c>
      <c r="AI23">
        <f ca="1">ROUND(SQRT((VLOOKUP($A23,városok!$A$2:$C$346,2,0)-VLOOKUP(AI$1,városok!$A$2:$C$346,2,0))^2+(VLOOKUP($A23,városok!$A$2:$C$346,3,0)-VLOOKUP(AI$1,városok!$A$2:$C$346,3,0))^2)/1000,0)</f>
        <v>207</v>
      </c>
      <c r="AJ23">
        <f ca="1">ROUND(SQRT((VLOOKUP($A23,városok!$A$2:$C$346,2,0)-VLOOKUP(AJ$1,városok!$A$2:$C$346,2,0))^2+(VLOOKUP($A23,városok!$A$2:$C$346,3,0)-VLOOKUP(AJ$1,városok!$A$2:$C$346,3,0))^2)/1000,0)</f>
        <v>164</v>
      </c>
      <c r="AK23">
        <f ca="1">ROUND(SQRT((VLOOKUP($A23,városok!$A$2:$C$346,2,0)-VLOOKUP(AK$1,városok!$A$2:$C$346,2,0))^2+(VLOOKUP($A23,városok!$A$2:$C$346,3,0)-VLOOKUP(AK$1,városok!$A$2:$C$346,3,0))^2)/1000,0)</f>
        <v>163</v>
      </c>
      <c r="AL23">
        <f ca="1">ROUND(SQRT((VLOOKUP($A23,városok!$A$2:$C$346,2,0)-VLOOKUP(AL$1,városok!$A$2:$C$346,2,0))^2+(VLOOKUP($A23,városok!$A$2:$C$346,3,0)-VLOOKUP(AL$1,városok!$A$2:$C$346,3,0))^2)/1000,0)</f>
        <v>154</v>
      </c>
      <c r="AM23">
        <f ca="1">ROUND(SQRT((VLOOKUP($A23,városok!$A$2:$C$346,2,0)-VLOOKUP(AM$1,városok!$A$2:$C$346,2,0))^2+(VLOOKUP($A23,városok!$A$2:$C$346,3,0)-VLOOKUP(AM$1,városok!$A$2:$C$346,3,0))^2)/1000,0)</f>
        <v>119</v>
      </c>
      <c r="AN23">
        <f ca="1">ROUND(SQRT((VLOOKUP($A23,városok!$A$2:$C$346,2,0)-VLOOKUP(AN$1,városok!$A$2:$C$346,2,0))^2+(VLOOKUP($A23,városok!$A$2:$C$346,3,0)-VLOOKUP(AN$1,városok!$A$2:$C$346,3,0))^2)/1000,0)</f>
        <v>186</v>
      </c>
      <c r="AO23">
        <f ca="1">ROUND(SQRT((VLOOKUP($A23,városok!$A$2:$C$346,2,0)-VLOOKUP(AO$1,városok!$A$2:$C$346,2,0))^2+(VLOOKUP($A23,városok!$A$2:$C$346,3,0)-VLOOKUP(AO$1,városok!$A$2:$C$346,3,0))^2)/1000,0)</f>
        <v>202</v>
      </c>
      <c r="AP23">
        <f ca="1">ROUND(SQRT((VLOOKUP($A23,városok!$A$2:$C$346,2,0)-VLOOKUP(AP$1,városok!$A$2:$C$346,2,0))^2+(VLOOKUP($A23,városok!$A$2:$C$346,3,0)-VLOOKUP(AP$1,városok!$A$2:$C$346,3,0))^2)/1000,0)</f>
        <v>184</v>
      </c>
      <c r="AQ23">
        <f ca="1">ROUND(SQRT((VLOOKUP($A23,városok!$A$2:$C$346,2,0)-VLOOKUP(AQ$1,városok!$A$2:$C$346,2,0))^2+(VLOOKUP($A23,városok!$A$2:$C$346,3,0)-VLOOKUP(AQ$1,városok!$A$2:$C$346,3,0))^2)/1000,0)</f>
        <v>174</v>
      </c>
      <c r="AR23">
        <f ca="1">ROUND(SQRT((VLOOKUP($A23,városok!$A$2:$C$346,2,0)-VLOOKUP(AR$1,városok!$A$2:$C$346,2,0))^2+(VLOOKUP($A23,városok!$A$2:$C$346,3,0)-VLOOKUP(AR$1,városok!$A$2:$C$346,3,0))^2)/1000,0)</f>
        <v>191</v>
      </c>
      <c r="AS23">
        <f ca="1">ROUND(SQRT((VLOOKUP($A23,városok!$A$2:$C$346,2,0)-VLOOKUP(AS$1,városok!$A$2:$C$346,2,0))^2+(VLOOKUP($A23,városok!$A$2:$C$346,3,0)-VLOOKUP(AS$1,városok!$A$2:$C$346,3,0))^2)/1000,0)</f>
        <v>213</v>
      </c>
      <c r="AT23">
        <f ca="1">ROUND(SQRT((VLOOKUP($A23,városok!$A$2:$C$346,2,0)-VLOOKUP(AT$1,városok!$A$2:$C$346,2,0))^2+(VLOOKUP($A23,városok!$A$2:$C$346,3,0)-VLOOKUP(AT$1,városok!$A$2:$C$346,3,0))^2)/1000,0)</f>
        <v>151</v>
      </c>
      <c r="AU23">
        <f ca="1">ROUND(SQRT((VLOOKUP($A23,városok!$A$2:$C$346,2,0)-VLOOKUP(AU$1,városok!$A$2:$C$346,2,0))^2+(VLOOKUP($A23,városok!$A$2:$C$346,3,0)-VLOOKUP(AU$1,városok!$A$2:$C$346,3,0))^2)/1000,0)</f>
        <v>146</v>
      </c>
      <c r="AV23">
        <f ca="1">ROUND(SQRT((VLOOKUP($A23,városok!$A$2:$C$346,2,0)-VLOOKUP(AV$1,városok!$A$2:$C$346,2,0))^2+(VLOOKUP($A23,városok!$A$2:$C$346,3,0)-VLOOKUP(AV$1,városok!$A$2:$C$346,3,0))^2)/1000,0)</f>
        <v>141</v>
      </c>
      <c r="AW23">
        <f ca="1">ROUND(SQRT((VLOOKUP($A23,városok!$A$2:$C$346,2,0)-VLOOKUP(AW$1,városok!$A$2:$C$346,2,0))^2+(VLOOKUP($A23,városok!$A$2:$C$346,3,0)-VLOOKUP(AW$1,városok!$A$2:$C$346,3,0))^2)/1000,0)</f>
        <v>141</v>
      </c>
      <c r="AX23">
        <f ca="1">ROUND(SQRT((VLOOKUP($A23,városok!$A$2:$C$346,2,0)-VLOOKUP(AX$1,városok!$A$2:$C$346,2,0))^2+(VLOOKUP($A23,városok!$A$2:$C$346,3,0)-VLOOKUP(AX$1,városok!$A$2:$C$346,3,0))^2)/1000,0)</f>
        <v>94</v>
      </c>
      <c r="AY23">
        <f ca="1">ROUND(SQRT((VLOOKUP($A23,városok!$A$2:$C$346,2,0)-VLOOKUP(AY$1,városok!$A$2:$C$346,2,0))^2+(VLOOKUP($A23,városok!$A$2:$C$346,3,0)-VLOOKUP(AY$1,városok!$A$2:$C$346,3,0))^2)/1000,0)</f>
        <v>168</v>
      </c>
      <c r="AZ23">
        <f ca="1">ROUND(SQRT((VLOOKUP($A23,városok!$A$2:$C$346,2,0)-VLOOKUP(AZ$1,városok!$A$2:$C$346,2,0))^2+(VLOOKUP($A23,városok!$A$2:$C$346,3,0)-VLOOKUP(AZ$1,városok!$A$2:$C$346,3,0))^2)/1000,0)</f>
        <v>181</v>
      </c>
      <c r="BA23">
        <f ca="1">ROUND(SQRT((VLOOKUP($A23,városok!$A$2:$C$346,2,0)-VLOOKUP(BA$1,városok!$A$2:$C$346,2,0))^2+(VLOOKUP($A23,városok!$A$2:$C$346,3,0)-VLOOKUP(BA$1,városok!$A$2:$C$346,3,0))^2)/1000,0)</f>
        <v>154</v>
      </c>
      <c r="BB23">
        <f ca="1">ROUND(SQRT((VLOOKUP($A23,városok!$A$2:$C$346,2,0)-VLOOKUP(BB$1,városok!$A$2:$C$346,2,0))^2+(VLOOKUP($A23,városok!$A$2:$C$346,3,0)-VLOOKUP(BB$1,városok!$A$2:$C$346,3,0))^2)/1000,0)</f>
        <v>128</v>
      </c>
      <c r="BC23">
        <f ca="1">ROUND(SQRT((VLOOKUP($A23,városok!$A$2:$C$346,2,0)-VLOOKUP(BC$1,városok!$A$2:$C$346,2,0))^2+(VLOOKUP($A23,városok!$A$2:$C$346,3,0)-VLOOKUP(BC$1,városok!$A$2:$C$346,3,0))^2)/1000,0)</f>
        <v>135</v>
      </c>
      <c r="BD23">
        <f ca="1">ROUND(SQRT((VLOOKUP($A23,városok!$A$2:$C$346,2,0)-VLOOKUP(BD$1,városok!$A$2:$C$346,2,0))^2+(VLOOKUP($A23,városok!$A$2:$C$346,3,0)-VLOOKUP(BD$1,városok!$A$2:$C$346,3,0))^2)/1000,0)</f>
        <v>137</v>
      </c>
      <c r="BE23">
        <f ca="1">ROUND(SQRT((VLOOKUP($A23,városok!$A$2:$C$346,2,0)-VLOOKUP(BE$1,városok!$A$2:$C$346,2,0))^2+(VLOOKUP($A23,városok!$A$2:$C$346,3,0)-VLOOKUP(BE$1,városok!$A$2:$C$346,3,0))^2)/1000,0)</f>
        <v>300</v>
      </c>
      <c r="BF23">
        <f ca="1">ROUND(SQRT((VLOOKUP($A23,városok!$A$2:$C$346,2,0)-VLOOKUP(BF$1,városok!$A$2:$C$346,2,0))^2+(VLOOKUP($A23,városok!$A$2:$C$346,3,0)-VLOOKUP(BF$1,városok!$A$2:$C$346,3,0))^2)/1000,0)</f>
        <v>296</v>
      </c>
      <c r="BG23">
        <f ca="1">ROUND(SQRT((VLOOKUP($A23,városok!$A$2:$C$346,2,0)-VLOOKUP(BG$1,városok!$A$2:$C$346,2,0))^2+(VLOOKUP($A23,városok!$A$2:$C$346,3,0)-VLOOKUP(BG$1,városok!$A$2:$C$346,3,0))^2)/1000,0)</f>
        <v>259</v>
      </c>
      <c r="BH23">
        <f ca="1">ROUND(SQRT((VLOOKUP($A23,városok!$A$2:$C$346,2,0)-VLOOKUP(BH$1,városok!$A$2:$C$346,2,0))^2+(VLOOKUP($A23,városok!$A$2:$C$346,3,0)-VLOOKUP(BH$1,városok!$A$2:$C$346,3,0))^2)/1000,0)</f>
        <v>259</v>
      </c>
      <c r="BI23">
        <f ca="1">ROUND(SQRT((VLOOKUP($A23,városok!$A$2:$C$346,2,0)-VLOOKUP(BI$1,városok!$A$2:$C$346,2,0))^2+(VLOOKUP($A23,városok!$A$2:$C$346,3,0)-VLOOKUP(BI$1,városok!$A$2:$C$346,3,0))^2)/1000,0)</f>
        <v>73</v>
      </c>
      <c r="BJ23">
        <f ca="1">ROUND(SQRT((VLOOKUP($A23,városok!$A$2:$C$346,2,0)-VLOOKUP(BJ$1,városok!$A$2:$C$346,2,0))^2+(VLOOKUP($A23,városok!$A$2:$C$346,3,0)-VLOOKUP(BJ$1,városok!$A$2:$C$346,3,0))^2)/1000,0)</f>
        <v>83</v>
      </c>
      <c r="BK23">
        <f ca="1">ROUND(SQRT((VLOOKUP($A23,városok!$A$2:$C$346,2,0)-VLOOKUP(BK$1,városok!$A$2:$C$346,2,0))^2+(VLOOKUP($A23,városok!$A$2:$C$346,3,0)-VLOOKUP(BK$1,városok!$A$2:$C$346,3,0))^2)/1000,0)</f>
        <v>66</v>
      </c>
      <c r="BL23">
        <f ca="1">ROUND(SQRT((VLOOKUP($A23,városok!$A$2:$C$346,2,0)-VLOOKUP(BL$1,városok!$A$2:$C$346,2,0))^2+(VLOOKUP($A23,városok!$A$2:$C$346,3,0)-VLOOKUP(BL$1,városok!$A$2:$C$346,3,0))^2)/1000,0)</f>
        <v>242</v>
      </c>
      <c r="BM23">
        <f ca="1">ROUND(SQRT((VLOOKUP($A23,városok!$A$2:$C$346,2,0)-VLOOKUP(BM$1,városok!$A$2:$C$346,2,0))^2+(VLOOKUP($A23,városok!$A$2:$C$346,3,0)-VLOOKUP(BM$1,városok!$A$2:$C$346,3,0))^2)/1000,0)</f>
        <v>231</v>
      </c>
      <c r="BN23">
        <f ca="1">ROUND(SQRT((VLOOKUP($A23,városok!$A$2:$C$346,2,0)-VLOOKUP(BN$1,városok!$A$2:$C$346,2,0))^2+(VLOOKUP($A23,városok!$A$2:$C$346,3,0)-VLOOKUP(BN$1,városok!$A$2:$C$346,3,0))^2)/1000,0)</f>
        <v>250</v>
      </c>
      <c r="BO23">
        <f ca="1">ROUND(SQRT((VLOOKUP($A23,városok!$A$2:$C$346,2,0)-VLOOKUP(BO$1,városok!$A$2:$C$346,2,0))^2+(VLOOKUP($A23,városok!$A$2:$C$346,3,0)-VLOOKUP(BO$1,városok!$A$2:$C$346,3,0))^2)/1000,0)</f>
        <v>148</v>
      </c>
      <c r="BP23">
        <f ca="1">ROUND(SQRT((VLOOKUP($A23,városok!$A$2:$C$346,2,0)-VLOOKUP(BP$1,városok!$A$2:$C$346,2,0))^2+(VLOOKUP($A23,városok!$A$2:$C$346,3,0)-VLOOKUP(BP$1,városok!$A$2:$C$346,3,0))^2)/1000,0)</f>
        <v>143</v>
      </c>
      <c r="BQ23">
        <f ca="1">ROUND(SQRT((VLOOKUP($A23,városok!$A$2:$C$346,2,0)-VLOOKUP(BQ$1,városok!$A$2:$C$346,2,0))^2+(VLOOKUP($A23,városok!$A$2:$C$346,3,0)-VLOOKUP(BQ$1,városok!$A$2:$C$346,3,0))^2)/1000,0)</f>
        <v>159</v>
      </c>
      <c r="BR23">
        <f ca="1">ROUND(SQRT((VLOOKUP($A23,városok!$A$2:$C$346,2,0)-VLOOKUP(BR$1,városok!$A$2:$C$346,2,0))^2+(VLOOKUP($A23,városok!$A$2:$C$346,3,0)-VLOOKUP(BR$1,városok!$A$2:$C$346,3,0))^2)/1000,0)</f>
        <v>186</v>
      </c>
      <c r="BS23">
        <f ca="1">ROUND(SQRT((VLOOKUP($A23,városok!$A$2:$C$346,2,0)-VLOOKUP(BS$1,városok!$A$2:$C$346,2,0))^2+(VLOOKUP($A23,városok!$A$2:$C$346,3,0)-VLOOKUP(BS$1,városok!$A$2:$C$346,3,0))^2)/1000,0)</f>
        <v>197</v>
      </c>
      <c r="BT23">
        <f ca="1">ROUND(SQRT((VLOOKUP($A23,városok!$A$2:$C$346,2,0)-VLOOKUP(BT$1,városok!$A$2:$C$346,2,0))^2+(VLOOKUP($A23,városok!$A$2:$C$346,3,0)-VLOOKUP(BT$1,városok!$A$2:$C$346,3,0))^2)/1000,0)</f>
        <v>218</v>
      </c>
    </row>
    <row r="24" spans="1:72" x14ac:dyDescent="0.2">
      <c r="A24" t="str">
        <f>városok!A24</f>
        <v>Bóly</v>
      </c>
      <c r="B24">
        <f ca="1">ROUND(SQRT((VLOOKUP($A24,városok!$A$2:$C$346,2,0)-VLOOKUP(B$1,városok!$A$2:$C$346,2,0))^2+(VLOOKUP($A24,városok!$A$2:$C$346,3,0)-VLOOKUP(B$1,városok!$A$2:$C$346,3,0))^2)/1000,0)</f>
        <v>42</v>
      </c>
      <c r="C24">
        <f ca="1">ROUND(SQRT((VLOOKUP($A24,városok!$A$2:$C$346,2,0)-VLOOKUP(C$1,városok!$A$2:$C$346,2,0))^2+(VLOOKUP($A24,városok!$A$2:$C$346,3,0)-VLOOKUP(C$1,városok!$A$2:$C$346,3,0))^2)/1000,0)</f>
        <v>72</v>
      </c>
      <c r="D24">
        <f ca="1">ROUND(SQRT((VLOOKUP($A24,városok!$A$2:$C$346,2,0)-VLOOKUP(D$1,városok!$A$2:$C$346,2,0))^2+(VLOOKUP($A24,városok!$A$2:$C$346,3,0)-VLOOKUP(D$1,városok!$A$2:$C$346,3,0))^2)/1000,0)</f>
        <v>138</v>
      </c>
      <c r="E24">
        <f ca="1">ROUND(SQRT((VLOOKUP($A24,városok!$A$2:$C$346,2,0)-VLOOKUP(E$1,városok!$A$2:$C$346,2,0))^2+(VLOOKUP($A24,városok!$A$2:$C$346,3,0)-VLOOKUP(E$1,városok!$A$2:$C$346,3,0))^2)/1000,0)</f>
        <v>32</v>
      </c>
      <c r="F24">
        <f ca="1">ROUND(SQRT((VLOOKUP($A24,városok!$A$2:$C$346,2,0)-VLOOKUP(F$1,városok!$A$2:$C$346,2,0))^2+(VLOOKUP($A24,városok!$A$2:$C$346,3,0)-VLOOKUP(F$1,városok!$A$2:$C$346,3,0))^2)/1000,0)</f>
        <v>13</v>
      </c>
      <c r="G24">
        <f ca="1">ROUND(SQRT((VLOOKUP($A24,városok!$A$2:$C$346,2,0)-VLOOKUP(G$1,városok!$A$2:$C$346,2,0))^2+(VLOOKUP($A24,városok!$A$2:$C$346,3,0)-VLOOKUP(G$1,városok!$A$2:$C$346,3,0))^2)/1000,0)</f>
        <v>24</v>
      </c>
      <c r="H24">
        <f ca="1">ROUND(SQRT((VLOOKUP($A24,városok!$A$2:$C$346,2,0)-VLOOKUP(H$1,városok!$A$2:$C$346,2,0))^2+(VLOOKUP($A24,városok!$A$2:$C$346,3,0)-VLOOKUP(H$1,városok!$A$2:$C$346,3,0))^2)/1000,0)</f>
        <v>56</v>
      </c>
      <c r="I24">
        <f ca="1">ROUND(SQRT((VLOOKUP($A24,városok!$A$2:$C$346,2,0)-VLOOKUP(I$1,városok!$A$2:$C$346,2,0))^2+(VLOOKUP($A24,városok!$A$2:$C$346,3,0)-VLOOKUP(I$1,városok!$A$2:$C$346,3,0))^2)/1000,0)</f>
        <v>213</v>
      </c>
      <c r="J24">
        <f ca="1">ROUND(SQRT((VLOOKUP($A24,városok!$A$2:$C$346,2,0)-VLOOKUP(J$1,városok!$A$2:$C$346,2,0))^2+(VLOOKUP($A24,városok!$A$2:$C$346,3,0)-VLOOKUP(J$1,városok!$A$2:$C$346,3,0))^2)/1000,0)</f>
        <v>225</v>
      </c>
      <c r="K24">
        <f ca="1">ROUND(SQRT((VLOOKUP($A24,városok!$A$2:$C$346,2,0)-VLOOKUP(K$1,városok!$A$2:$C$346,2,0))^2+(VLOOKUP($A24,városok!$A$2:$C$346,3,0)-VLOOKUP(K$1,városok!$A$2:$C$346,3,0))^2)/1000,0)</f>
        <v>179</v>
      </c>
      <c r="L24">
        <f ca="1">ROUND(SQRT((VLOOKUP($A24,városok!$A$2:$C$346,2,0)-VLOOKUP(L$1,városok!$A$2:$C$346,2,0))^2+(VLOOKUP($A24,városok!$A$2:$C$346,3,0)-VLOOKUP(L$1,városok!$A$2:$C$346,3,0))^2)/1000,0)</f>
        <v>301</v>
      </c>
      <c r="M24">
        <f ca="1">ROUND(SQRT((VLOOKUP($A24,városok!$A$2:$C$346,2,0)-VLOOKUP(M$1,városok!$A$2:$C$346,2,0))^2+(VLOOKUP($A24,városok!$A$2:$C$346,3,0)-VLOOKUP(M$1,városok!$A$2:$C$346,3,0))^2)/1000,0)</f>
        <v>294</v>
      </c>
      <c r="N24">
        <f ca="1">ROUND(SQRT((VLOOKUP($A24,városok!$A$2:$C$346,2,0)-VLOOKUP(N$1,városok!$A$2:$C$346,2,0))^2+(VLOOKUP($A24,városok!$A$2:$C$346,3,0)-VLOOKUP(N$1,városok!$A$2:$C$346,3,0))^2)/1000,0)</f>
        <v>285</v>
      </c>
      <c r="O24">
        <f ca="1">ROUND(SQRT((VLOOKUP($A24,városok!$A$2:$C$346,2,0)-VLOOKUP(O$1,városok!$A$2:$C$346,2,0))^2+(VLOOKUP($A24,városok!$A$2:$C$346,3,0)-VLOOKUP(O$1,városok!$A$2:$C$346,3,0))^2)/1000,0)</f>
        <v>360</v>
      </c>
      <c r="P24">
        <f ca="1">ROUND(SQRT((VLOOKUP($A24,városok!$A$2:$C$346,2,0)-VLOOKUP(P$1,városok!$A$2:$C$346,2,0))^2+(VLOOKUP($A24,városok!$A$2:$C$346,3,0)-VLOOKUP(P$1,városok!$A$2:$C$346,3,0))^2)/1000,0)</f>
        <v>360</v>
      </c>
      <c r="Q24">
        <f ca="1">ROUND(SQRT((VLOOKUP($A24,városok!$A$2:$C$346,2,0)-VLOOKUP(Q$1,városok!$A$2:$C$346,2,0))^2+(VLOOKUP($A24,városok!$A$2:$C$346,3,0)-VLOOKUP(Q$1,városok!$A$2:$C$346,3,0))^2)/1000,0)</f>
        <v>148</v>
      </c>
      <c r="R24">
        <f ca="1">ROUND(SQRT((VLOOKUP($A24,városok!$A$2:$C$346,2,0)-VLOOKUP(R$1,városok!$A$2:$C$346,2,0))^2+(VLOOKUP($A24,városok!$A$2:$C$346,3,0)-VLOOKUP(R$1,városok!$A$2:$C$346,3,0))^2)/1000,0)</f>
        <v>154</v>
      </c>
      <c r="S24">
        <f ca="1">ROUND(SQRT((VLOOKUP($A24,városok!$A$2:$C$346,2,0)-VLOOKUP(S$1,városok!$A$2:$C$346,2,0))^2+(VLOOKUP($A24,városok!$A$2:$C$346,3,0)-VLOOKUP(S$1,városok!$A$2:$C$346,3,0))^2)/1000,0)</f>
        <v>131</v>
      </c>
      <c r="T24">
        <f ca="1">ROUND(SQRT((VLOOKUP($A24,városok!$A$2:$C$346,2,0)-VLOOKUP(T$1,városok!$A$2:$C$346,2,0))^2+(VLOOKUP($A24,városok!$A$2:$C$346,3,0)-VLOOKUP(T$1,városok!$A$2:$C$346,3,0))^2)/1000,0)</f>
        <v>170</v>
      </c>
      <c r="U24">
        <f ca="1">ROUND(SQRT((VLOOKUP($A24,városok!$A$2:$C$346,2,0)-VLOOKUP(U$1,városok!$A$2:$C$346,2,0))^2+(VLOOKUP($A24,városok!$A$2:$C$346,3,0)-VLOOKUP(U$1,városok!$A$2:$C$346,3,0))^2)/1000,0)</f>
        <v>116</v>
      </c>
      <c r="V24">
        <f ca="1">ROUND(SQRT((VLOOKUP($A24,városok!$A$2:$C$346,2,0)-VLOOKUP(V$1,városok!$A$2:$C$346,2,0))^2+(VLOOKUP($A24,városok!$A$2:$C$346,3,0)-VLOOKUP(V$1,városok!$A$2:$C$346,3,0))^2)/1000,0)</f>
        <v>123</v>
      </c>
      <c r="W24">
        <f ca="1">ROUND(SQRT((VLOOKUP($A24,városok!$A$2:$C$346,2,0)-VLOOKUP(W$1,városok!$A$2:$C$346,2,0))^2+(VLOOKUP($A24,városok!$A$2:$C$346,3,0)-VLOOKUP(W$1,városok!$A$2:$C$346,3,0))^2)/1000,0)</f>
        <v>103</v>
      </c>
      <c r="X24">
        <f ca="1">ROUND(SQRT((VLOOKUP($A24,városok!$A$2:$C$346,2,0)-VLOOKUP(X$1,városok!$A$2:$C$346,2,0))^2+(VLOOKUP($A24,városok!$A$2:$C$346,3,0)-VLOOKUP(X$1,városok!$A$2:$C$346,3,0))^2)/1000,0)</f>
        <v>148</v>
      </c>
      <c r="Y24">
        <f ca="1">ROUND(SQRT((VLOOKUP($A24,városok!$A$2:$C$346,2,0)-VLOOKUP(Y$1,városok!$A$2:$C$346,2,0))^2+(VLOOKUP($A24,városok!$A$2:$C$346,3,0)-VLOOKUP(Y$1,városok!$A$2:$C$346,3,0))^2)/1000,0)</f>
        <v>203</v>
      </c>
      <c r="Z24">
        <f ca="1">ROUND(SQRT((VLOOKUP($A24,városok!$A$2:$C$346,2,0)-VLOOKUP(Z$1,városok!$A$2:$C$346,2,0))^2+(VLOOKUP($A24,városok!$A$2:$C$346,3,0)-VLOOKUP(Z$1,városok!$A$2:$C$346,3,0))^2)/1000,0)</f>
        <v>215</v>
      </c>
      <c r="AA24">
        <f ca="1">ROUND(SQRT((VLOOKUP($A24,városok!$A$2:$C$346,2,0)-VLOOKUP(AA$1,városok!$A$2:$C$346,2,0))^2+(VLOOKUP($A24,városok!$A$2:$C$346,3,0)-VLOOKUP(AA$1,városok!$A$2:$C$346,3,0))^2)/1000,0)</f>
        <v>241</v>
      </c>
      <c r="AB24">
        <f ca="1">ROUND(SQRT((VLOOKUP($A24,városok!$A$2:$C$346,2,0)-VLOOKUP(AB$1,városok!$A$2:$C$346,2,0))^2+(VLOOKUP($A24,városok!$A$2:$C$346,3,0)-VLOOKUP(AB$1,városok!$A$2:$C$346,3,0))^2)/1000,0)</f>
        <v>295</v>
      </c>
      <c r="AC24">
        <f ca="1">ROUND(SQRT((VLOOKUP($A24,városok!$A$2:$C$346,2,0)-VLOOKUP(AC$1,városok!$A$2:$C$346,2,0))^2+(VLOOKUP($A24,városok!$A$2:$C$346,3,0)-VLOOKUP(AC$1,városok!$A$2:$C$346,3,0))^2)/1000,0)</f>
        <v>275</v>
      </c>
      <c r="AD24">
        <f ca="1">ROUND(SQRT((VLOOKUP($A24,városok!$A$2:$C$346,2,0)-VLOOKUP(AD$1,városok!$A$2:$C$346,2,0))^2+(VLOOKUP($A24,városok!$A$2:$C$346,3,0)-VLOOKUP(AD$1,városok!$A$2:$C$346,3,0))^2)/1000,0)</f>
        <v>259</v>
      </c>
      <c r="AE24">
        <f ca="1">ROUND(SQRT((VLOOKUP($A24,városok!$A$2:$C$346,2,0)-VLOOKUP(AE$1,városok!$A$2:$C$346,2,0))^2+(VLOOKUP($A24,városok!$A$2:$C$346,3,0)-VLOOKUP(AE$1,városok!$A$2:$C$346,3,0))^2)/1000,0)</f>
        <v>250</v>
      </c>
      <c r="AF24">
        <f ca="1">ROUND(SQRT((VLOOKUP($A24,városok!$A$2:$C$346,2,0)-VLOOKUP(AF$1,városok!$A$2:$C$346,2,0))^2+(VLOOKUP($A24,városok!$A$2:$C$346,3,0)-VLOOKUP(AF$1,városok!$A$2:$C$346,3,0))^2)/1000,0)</f>
        <v>258</v>
      </c>
      <c r="AG24">
        <f ca="1">ROUND(SQRT((VLOOKUP($A24,városok!$A$2:$C$346,2,0)-VLOOKUP(AG$1,városok!$A$2:$C$346,2,0))^2+(VLOOKUP($A24,városok!$A$2:$C$346,3,0)-VLOOKUP(AG$1,városok!$A$2:$C$346,3,0))^2)/1000,0)</f>
        <v>229</v>
      </c>
      <c r="AH24">
        <f ca="1">ROUND(SQRT((VLOOKUP($A24,városok!$A$2:$C$346,2,0)-VLOOKUP(AH$1,városok!$A$2:$C$346,2,0))^2+(VLOOKUP($A24,városok!$A$2:$C$346,3,0)-VLOOKUP(AH$1,városok!$A$2:$C$346,3,0))^2)/1000,0)</f>
        <v>209</v>
      </c>
      <c r="AI24">
        <f ca="1">ROUND(SQRT((VLOOKUP($A24,városok!$A$2:$C$346,2,0)-VLOOKUP(AI$1,városok!$A$2:$C$346,2,0))^2+(VLOOKUP($A24,városok!$A$2:$C$346,3,0)-VLOOKUP(AI$1,városok!$A$2:$C$346,3,0))^2)/1000,0)</f>
        <v>258</v>
      </c>
      <c r="AJ24">
        <f ca="1">ROUND(SQRT((VLOOKUP($A24,városok!$A$2:$C$346,2,0)-VLOOKUP(AJ$1,városok!$A$2:$C$346,2,0))^2+(VLOOKUP($A24,városok!$A$2:$C$346,3,0)-VLOOKUP(AJ$1,városok!$A$2:$C$346,3,0))^2)/1000,0)</f>
        <v>217</v>
      </c>
      <c r="AK24">
        <f ca="1">ROUND(SQRT((VLOOKUP($A24,városok!$A$2:$C$346,2,0)-VLOOKUP(AK$1,városok!$A$2:$C$346,2,0))^2+(VLOOKUP($A24,városok!$A$2:$C$346,3,0)-VLOOKUP(AK$1,városok!$A$2:$C$346,3,0))^2)/1000,0)</f>
        <v>238</v>
      </c>
      <c r="AL24">
        <f ca="1">ROUND(SQRT((VLOOKUP($A24,városok!$A$2:$C$346,2,0)-VLOOKUP(AL$1,városok!$A$2:$C$346,2,0))^2+(VLOOKUP($A24,városok!$A$2:$C$346,3,0)-VLOOKUP(AL$1,városok!$A$2:$C$346,3,0))^2)/1000,0)</f>
        <v>224</v>
      </c>
      <c r="AM24">
        <f ca="1">ROUND(SQRT((VLOOKUP($A24,városok!$A$2:$C$346,2,0)-VLOOKUP(AM$1,városok!$A$2:$C$346,2,0))^2+(VLOOKUP($A24,városok!$A$2:$C$346,3,0)-VLOOKUP(AM$1,városok!$A$2:$C$346,3,0))^2)/1000,0)</f>
        <v>186</v>
      </c>
      <c r="AN24">
        <f ca="1">ROUND(SQRT((VLOOKUP($A24,városok!$A$2:$C$346,2,0)-VLOOKUP(AN$1,városok!$A$2:$C$346,2,0))^2+(VLOOKUP($A24,városok!$A$2:$C$346,3,0)-VLOOKUP(AN$1,városok!$A$2:$C$346,3,0))^2)/1000,0)</f>
        <v>204</v>
      </c>
      <c r="AO24">
        <f ca="1">ROUND(SQRT((VLOOKUP($A24,városok!$A$2:$C$346,2,0)-VLOOKUP(AO$1,városok!$A$2:$C$346,2,0))^2+(VLOOKUP($A24,városok!$A$2:$C$346,3,0)-VLOOKUP(AO$1,városok!$A$2:$C$346,3,0))^2)/1000,0)</f>
        <v>200</v>
      </c>
      <c r="AP24">
        <f ca="1">ROUND(SQRT((VLOOKUP($A24,városok!$A$2:$C$346,2,0)-VLOOKUP(AP$1,városok!$A$2:$C$346,2,0))^2+(VLOOKUP($A24,városok!$A$2:$C$346,3,0)-VLOOKUP(AP$1,városok!$A$2:$C$346,3,0))^2)/1000,0)</f>
        <v>187</v>
      </c>
      <c r="AQ24">
        <f ca="1">ROUND(SQRT((VLOOKUP($A24,városok!$A$2:$C$346,2,0)-VLOOKUP(AQ$1,városok!$A$2:$C$346,2,0))^2+(VLOOKUP($A24,városok!$A$2:$C$346,3,0)-VLOOKUP(AQ$1,városok!$A$2:$C$346,3,0))^2)/1000,0)</f>
        <v>178</v>
      </c>
      <c r="AR24">
        <f ca="1">ROUND(SQRT((VLOOKUP($A24,városok!$A$2:$C$346,2,0)-VLOOKUP(AR$1,városok!$A$2:$C$346,2,0))^2+(VLOOKUP($A24,városok!$A$2:$C$346,3,0)-VLOOKUP(AR$1,városok!$A$2:$C$346,3,0))^2)/1000,0)</f>
        <v>235</v>
      </c>
      <c r="AS24">
        <f ca="1">ROUND(SQRT((VLOOKUP($A24,városok!$A$2:$C$346,2,0)-VLOOKUP(AS$1,városok!$A$2:$C$346,2,0))^2+(VLOOKUP($A24,városok!$A$2:$C$346,3,0)-VLOOKUP(AS$1,városok!$A$2:$C$346,3,0))^2)/1000,0)</f>
        <v>258</v>
      </c>
      <c r="AT24">
        <f ca="1">ROUND(SQRT((VLOOKUP($A24,városok!$A$2:$C$346,2,0)-VLOOKUP(AT$1,városok!$A$2:$C$346,2,0))^2+(VLOOKUP($A24,városok!$A$2:$C$346,3,0)-VLOOKUP(AT$1,városok!$A$2:$C$346,3,0))^2)/1000,0)</f>
        <v>169</v>
      </c>
      <c r="AU24">
        <f ca="1">ROUND(SQRT((VLOOKUP($A24,városok!$A$2:$C$346,2,0)-VLOOKUP(AU$1,városok!$A$2:$C$346,2,0))^2+(VLOOKUP($A24,városok!$A$2:$C$346,3,0)-VLOOKUP(AU$1,városok!$A$2:$C$346,3,0))^2)/1000,0)</f>
        <v>169</v>
      </c>
      <c r="AV24">
        <f ca="1">ROUND(SQRT((VLOOKUP($A24,városok!$A$2:$C$346,2,0)-VLOOKUP(AV$1,városok!$A$2:$C$346,2,0))^2+(VLOOKUP($A24,városok!$A$2:$C$346,3,0)-VLOOKUP(AV$1,városok!$A$2:$C$346,3,0))^2)/1000,0)</f>
        <v>164</v>
      </c>
      <c r="AW24">
        <f ca="1">ROUND(SQRT((VLOOKUP($A24,városok!$A$2:$C$346,2,0)-VLOOKUP(AW$1,városok!$A$2:$C$346,2,0))^2+(VLOOKUP($A24,városok!$A$2:$C$346,3,0)-VLOOKUP(AW$1,városok!$A$2:$C$346,3,0))^2)/1000,0)</f>
        <v>162</v>
      </c>
      <c r="AX24">
        <f ca="1">ROUND(SQRT((VLOOKUP($A24,városok!$A$2:$C$346,2,0)-VLOOKUP(AX$1,városok!$A$2:$C$346,2,0))^2+(VLOOKUP($A24,városok!$A$2:$C$346,3,0)-VLOOKUP(AX$1,városok!$A$2:$C$346,3,0))^2)/1000,0)</f>
        <v>153</v>
      </c>
      <c r="AY24">
        <f ca="1">ROUND(SQRT((VLOOKUP($A24,városok!$A$2:$C$346,2,0)-VLOOKUP(AY$1,városok!$A$2:$C$346,2,0))^2+(VLOOKUP($A24,városok!$A$2:$C$346,3,0)-VLOOKUP(AY$1,városok!$A$2:$C$346,3,0))^2)/1000,0)</f>
        <v>195</v>
      </c>
      <c r="AZ24">
        <f ca="1">ROUND(SQRT((VLOOKUP($A24,városok!$A$2:$C$346,2,0)-VLOOKUP(AZ$1,városok!$A$2:$C$346,2,0))^2+(VLOOKUP($A24,városok!$A$2:$C$346,3,0)-VLOOKUP(AZ$1,városok!$A$2:$C$346,3,0))^2)/1000,0)</f>
        <v>205</v>
      </c>
      <c r="BA24">
        <f ca="1">ROUND(SQRT((VLOOKUP($A24,városok!$A$2:$C$346,2,0)-VLOOKUP(BA$1,városok!$A$2:$C$346,2,0))^2+(VLOOKUP($A24,városok!$A$2:$C$346,3,0)-VLOOKUP(BA$1,városok!$A$2:$C$346,3,0))^2)/1000,0)</f>
        <v>110</v>
      </c>
      <c r="BB24">
        <f ca="1">ROUND(SQRT((VLOOKUP($A24,városok!$A$2:$C$346,2,0)-VLOOKUP(BB$1,városok!$A$2:$C$346,2,0))^2+(VLOOKUP($A24,városok!$A$2:$C$346,3,0)-VLOOKUP(BB$1,városok!$A$2:$C$346,3,0))^2)/1000,0)</f>
        <v>78</v>
      </c>
      <c r="BC24">
        <f ca="1">ROUND(SQRT((VLOOKUP($A24,városok!$A$2:$C$346,2,0)-VLOOKUP(BC$1,városok!$A$2:$C$346,2,0))^2+(VLOOKUP($A24,városok!$A$2:$C$346,3,0)-VLOOKUP(BC$1,városok!$A$2:$C$346,3,0))^2)/1000,0)</f>
        <v>71</v>
      </c>
      <c r="BD24">
        <f ca="1">ROUND(SQRT((VLOOKUP($A24,városok!$A$2:$C$346,2,0)-VLOOKUP(BD$1,városok!$A$2:$C$346,2,0))^2+(VLOOKUP($A24,városok!$A$2:$C$346,3,0)-VLOOKUP(BD$1,városok!$A$2:$C$346,3,0))^2)/1000,0)</f>
        <v>110</v>
      </c>
      <c r="BE24">
        <f ca="1">ROUND(SQRT((VLOOKUP($A24,városok!$A$2:$C$346,2,0)-VLOOKUP(BE$1,városok!$A$2:$C$346,2,0))^2+(VLOOKUP($A24,városok!$A$2:$C$346,3,0)-VLOOKUP(BE$1,városok!$A$2:$C$346,3,0))^2)/1000,0)</f>
        <v>379</v>
      </c>
      <c r="BF24">
        <f ca="1">ROUND(SQRT((VLOOKUP($A24,városok!$A$2:$C$346,2,0)-VLOOKUP(BF$1,városok!$A$2:$C$346,2,0))^2+(VLOOKUP($A24,városok!$A$2:$C$346,3,0)-VLOOKUP(BF$1,városok!$A$2:$C$346,3,0))^2)/1000,0)</f>
        <v>369</v>
      </c>
      <c r="BG24">
        <f ca="1">ROUND(SQRT((VLOOKUP($A24,városok!$A$2:$C$346,2,0)-VLOOKUP(BG$1,városok!$A$2:$C$346,2,0))^2+(VLOOKUP($A24,városok!$A$2:$C$346,3,0)-VLOOKUP(BG$1,városok!$A$2:$C$346,3,0))^2)/1000,0)</f>
        <v>328</v>
      </c>
      <c r="BH24">
        <f ca="1">ROUND(SQRT((VLOOKUP($A24,városok!$A$2:$C$346,2,0)-VLOOKUP(BH$1,városok!$A$2:$C$346,2,0))^2+(VLOOKUP($A24,városok!$A$2:$C$346,3,0)-VLOOKUP(BH$1,városok!$A$2:$C$346,3,0))^2)/1000,0)</f>
        <v>328</v>
      </c>
      <c r="BI24">
        <f ca="1">ROUND(SQRT((VLOOKUP($A24,városok!$A$2:$C$346,2,0)-VLOOKUP(BI$1,városok!$A$2:$C$346,2,0))^2+(VLOOKUP($A24,városok!$A$2:$C$346,3,0)-VLOOKUP(BI$1,városok!$A$2:$C$346,3,0))^2)/1000,0)</f>
        <v>49</v>
      </c>
      <c r="BJ24">
        <f ca="1">ROUND(SQRT((VLOOKUP($A24,városok!$A$2:$C$346,2,0)-VLOOKUP(BJ$1,városok!$A$2:$C$346,2,0))^2+(VLOOKUP($A24,városok!$A$2:$C$346,3,0)-VLOOKUP(BJ$1,városok!$A$2:$C$346,3,0))^2)/1000,0)</f>
        <v>36</v>
      </c>
      <c r="BK24">
        <f ca="1">ROUND(SQRT((VLOOKUP($A24,városok!$A$2:$C$346,2,0)-VLOOKUP(BK$1,városok!$A$2:$C$346,2,0))^2+(VLOOKUP($A24,városok!$A$2:$C$346,3,0)-VLOOKUP(BK$1,városok!$A$2:$C$346,3,0))^2)/1000,0)</f>
        <v>45</v>
      </c>
      <c r="BL24">
        <f ca="1">ROUND(SQRT((VLOOKUP($A24,városok!$A$2:$C$346,2,0)-VLOOKUP(BL$1,városok!$A$2:$C$346,2,0))^2+(VLOOKUP($A24,városok!$A$2:$C$346,3,0)-VLOOKUP(BL$1,városok!$A$2:$C$346,3,0))^2)/1000,0)</f>
        <v>188</v>
      </c>
      <c r="BM24">
        <f ca="1">ROUND(SQRT((VLOOKUP($A24,városok!$A$2:$C$346,2,0)-VLOOKUP(BM$1,városok!$A$2:$C$346,2,0))^2+(VLOOKUP($A24,városok!$A$2:$C$346,3,0)-VLOOKUP(BM$1,városok!$A$2:$C$346,3,0))^2)/1000,0)</f>
        <v>188</v>
      </c>
      <c r="BN24">
        <f ca="1">ROUND(SQRT((VLOOKUP($A24,városok!$A$2:$C$346,2,0)-VLOOKUP(BN$1,városok!$A$2:$C$346,2,0))^2+(VLOOKUP($A24,városok!$A$2:$C$346,3,0)-VLOOKUP(BN$1,városok!$A$2:$C$346,3,0))^2)/1000,0)</f>
        <v>202</v>
      </c>
      <c r="BO24">
        <f ca="1">ROUND(SQRT((VLOOKUP($A24,városok!$A$2:$C$346,2,0)-VLOOKUP(BO$1,városok!$A$2:$C$346,2,0))^2+(VLOOKUP($A24,városok!$A$2:$C$346,3,0)-VLOOKUP(BO$1,városok!$A$2:$C$346,3,0))^2)/1000,0)</f>
        <v>125</v>
      </c>
      <c r="BP24">
        <f ca="1">ROUND(SQRT((VLOOKUP($A24,városok!$A$2:$C$346,2,0)-VLOOKUP(BP$1,városok!$A$2:$C$346,2,0))^2+(VLOOKUP($A24,városok!$A$2:$C$346,3,0)-VLOOKUP(BP$1,városok!$A$2:$C$346,3,0))^2)/1000,0)</f>
        <v>123</v>
      </c>
      <c r="BQ24">
        <f ca="1">ROUND(SQRT((VLOOKUP($A24,városok!$A$2:$C$346,2,0)-VLOOKUP(BQ$1,városok!$A$2:$C$346,2,0))^2+(VLOOKUP($A24,városok!$A$2:$C$346,3,0)-VLOOKUP(BQ$1,városok!$A$2:$C$346,3,0))^2)/1000,0)</f>
        <v>134</v>
      </c>
      <c r="BR24">
        <f ca="1">ROUND(SQRT((VLOOKUP($A24,városok!$A$2:$C$346,2,0)-VLOOKUP(BR$1,városok!$A$2:$C$346,2,0))^2+(VLOOKUP($A24,városok!$A$2:$C$346,3,0)-VLOOKUP(BR$1,városok!$A$2:$C$346,3,0))^2)/1000,0)</f>
        <v>132</v>
      </c>
      <c r="BS24">
        <f ca="1">ROUND(SQRT((VLOOKUP($A24,városok!$A$2:$C$346,2,0)-VLOOKUP(BS$1,városok!$A$2:$C$346,2,0))^2+(VLOOKUP($A24,városok!$A$2:$C$346,3,0)-VLOOKUP(BS$1,városok!$A$2:$C$346,3,0))^2)/1000,0)</f>
        <v>129</v>
      </c>
      <c r="BT24">
        <f ca="1">ROUND(SQRT((VLOOKUP($A24,városok!$A$2:$C$346,2,0)-VLOOKUP(BT$1,városok!$A$2:$C$346,2,0))^2+(VLOOKUP($A24,városok!$A$2:$C$346,3,0)-VLOOKUP(BT$1,városok!$A$2:$C$346,3,0))^2)/1000,0)</f>
        <v>161</v>
      </c>
    </row>
    <row r="25" spans="1:72" x14ac:dyDescent="0.2">
      <c r="A25" t="str">
        <f>városok!A25</f>
        <v>Harkány</v>
      </c>
      <c r="B25">
        <f ca="1">ROUND(SQRT((VLOOKUP($A25,városok!$A$2:$C$346,2,0)-VLOOKUP(B$1,városok!$A$2:$C$346,2,0))^2+(VLOOKUP($A25,városok!$A$2:$C$346,3,0)-VLOOKUP(B$1,városok!$A$2:$C$346,3,0))^2)/1000,0)</f>
        <v>67</v>
      </c>
      <c r="C25">
        <f ca="1">ROUND(SQRT((VLOOKUP($A25,városok!$A$2:$C$346,2,0)-VLOOKUP(C$1,városok!$A$2:$C$346,2,0))^2+(VLOOKUP($A25,városok!$A$2:$C$346,3,0)-VLOOKUP(C$1,városok!$A$2:$C$346,3,0))^2)/1000,0)</f>
        <v>95</v>
      </c>
      <c r="D25">
        <f ca="1">ROUND(SQRT((VLOOKUP($A25,városok!$A$2:$C$346,2,0)-VLOOKUP(D$1,városok!$A$2:$C$346,2,0))^2+(VLOOKUP($A25,városok!$A$2:$C$346,3,0)-VLOOKUP(D$1,városok!$A$2:$C$346,3,0))^2)/1000,0)</f>
        <v>162</v>
      </c>
      <c r="E25">
        <f ca="1">ROUND(SQRT((VLOOKUP($A25,városok!$A$2:$C$346,2,0)-VLOOKUP(E$1,városok!$A$2:$C$346,2,0))^2+(VLOOKUP($A25,városok!$A$2:$C$346,3,0)-VLOOKUP(E$1,városok!$A$2:$C$346,3,0))^2)/1000,0)</f>
        <v>38</v>
      </c>
      <c r="F25">
        <f ca="1">ROUND(SQRT((VLOOKUP($A25,városok!$A$2:$C$346,2,0)-VLOOKUP(F$1,városok!$A$2:$C$346,2,0))^2+(VLOOKUP($A25,városok!$A$2:$C$346,3,0)-VLOOKUP(F$1,városok!$A$2:$C$346,3,0))^2)/1000,0)</f>
        <v>38</v>
      </c>
      <c r="G25">
        <f ca="1">ROUND(SQRT((VLOOKUP($A25,városok!$A$2:$C$346,2,0)-VLOOKUP(G$1,városok!$A$2:$C$346,2,0))^2+(VLOOKUP($A25,városok!$A$2:$C$346,3,0)-VLOOKUP(G$1,városok!$A$2:$C$346,3,0))^2)/1000,0)</f>
        <v>26</v>
      </c>
      <c r="H25">
        <f ca="1">ROUND(SQRT((VLOOKUP($A25,városok!$A$2:$C$346,2,0)-VLOOKUP(H$1,városok!$A$2:$C$346,2,0))^2+(VLOOKUP($A25,városok!$A$2:$C$346,3,0)-VLOOKUP(H$1,városok!$A$2:$C$346,3,0))^2)/1000,0)</f>
        <v>41</v>
      </c>
      <c r="I25">
        <f ca="1">ROUND(SQRT((VLOOKUP($A25,városok!$A$2:$C$346,2,0)-VLOOKUP(I$1,városok!$A$2:$C$346,2,0))^2+(VLOOKUP($A25,városok!$A$2:$C$346,3,0)-VLOOKUP(I$1,városok!$A$2:$C$346,3,0))^2)/1000,0)</f>
        <v>238</v>
      </c>
      <c r="J25">
        <f ca="1">ROUND(SQRT((VLOOKUP($A25,városok!$A$2:$C$346,2,0)-VLOOKUP(J$1,városok!$A$2:$C$346,2,0))^2+(VLOOKUP($A25,városok!$A$2:$C$346,3,0)-VLOOKUP(J$1,városok!$A$2:$C$346,3,0))^2)/1000,0)</f>
        <v>250</v>
      </c>
      <c r="K25">
        <f ca="1">ROUND(SQRT((VLOOKUP($A25,városok!$A$2:$C$346,2,0)-VLOOKUP(K$1,városok!$A$2:$C$346,2,0))^2+(VLOOKUP($A25,városok!$A$2:$C$346,3,0)-VLOOKUP(K$1,városok!$A$2:$C$346,3,0))^2)/1000,0)</f>
        <v>204</v>
      </c>
      <c r="L25">
        <f ca="1">ROUND(SQRT((VLOOKUP($A25,városok!$A$2:$C$346,2,0)-VLOOKUP(L$1,városok!$A$2:$C$346,2,0))^2+(VLOOKUP($A25,városok!$A$2:$C$346,3,0)-VLOOKUP(L$1,városok!$A$2:$C$346,3,0))^2)/1000,0)</f>
        <v>324</v>
      </c>
      <c r="M25">
        <f ca="1">ROUND(SQRT((VLOOKUP($A25,városok!$A$2:$C$346,2,0)-VLOOKUP(M$1,városok!$A$2:$C$346,2,0))^2+(VLOOKUP($A25,városok!$A$2:$C$346,3,0)-VLOOKUP(M$1,városok!$A$2:$C$346,3,0))^2)/1000,0)</f>
        <v>317</v>
      </c>
      <c r="N25">
        <f ca="1">ROUND(SQRT((VLOOKUP($A25,városok!$A$2:$C$346,2,0)-VLOOKUP(N$1,városok!$A$2:$C$346,2,0))^2+(VLOOKUP($A25,városok!$A$2:$C$346,3,0)-VLOOKUP(N$1,városok!$A$2:$C$346,3,0))^2)/1000,0)</f>
        <v>307</v>
      </c>
      <c r="O25">
        <f ca="1">ROUND(SQRT((VLOOKUP($A25,városok!$A$2:$C$346,2,0)-VLOOKUP(O$1,városok!$A$2:$C$346,2,0))^2+(VLOOKUP($A25,városok!$A$2:$C$346,3,0)-VLOOKUP(O$1,városok!$A$2:$C$346,3,0))^2)/1000,0)</f>
        <v>384</v>
      </c>
      <c r="P25">
        <f ca="1">ROUND(SQRT((VLOOKUP($A25,városok!$A$2:$C$346,2,0)-VLOOKUP(P$1,városok!$A$2:$C$346,2,0))^2+(VLOOKUP($A25,városok!$A$2:$C$346,3,0)-VLOOKUP(P$1,városok!$A$2:$C$346,3,0))^2)/1000,0)</f>
        <v>384</v>
      </c>
      <c r="Q25">
        <f ca="1">ROUND(SQRT((VLOOKUP($A25,városok!$A$2:$C$346,2,0)-VLOOKUP(Q$1,városok!$A$2:$C$346,2,0))^2+(VLOOKUP($A25,városok!$A$2:$C$346,3,0)-VLOOKUP(Q$1,városok!$A$2:$C$346,3,0))^2)/1000,0)</f>
        <v>173</v>
      </c>
      <c r="R25">
        <f ca="1">ROUND(SQRT((VLOOKUP($A25,városok!$A$2:$C$346,2,0)-VLOOKUP(R$1,városok!$A$2:$C$346,2,0))^2+(VLOOKUP($A25,városok!$A$2:$C$346,3,0)-VLOOKUP(R$1,városok!$A$2:$C$346,3,0))^2)/1000,0)</f>
        <v>178</v>
      </c>
      <c r="S25">
        <f ca="1">ROUND(SQRT((VLOOKUP($A25,városok!$A$2:$C$346,2,0)-VLOOKUP(S$1,városok!$A$2:$C$346,2,0))^2+(VLOOKUP($A25,városok!$A$2:$C$346,3,0)-VLOOKUP(S$1,városok!$A$2:$C$346,3,0))^2)/1000,0)</f>
        <v>155</v>
      </c>
      <c r="T25">
        <f ca="1">ROUND(SQRT((VLOOKUP($A25,városok!$A$2:$C$346,2,0)-VLOOKUP(T$1,városok!$A$2:$C$346,2,0))^2+(VLOOKUP($A25,városok!$A$2:$C$346,3,0)-VLOOKUP(T$1,városok!$A$2:$C$346,3,0))^2)/1000,0)</f>
        <v>185</v>
      </c>
      <c r="U25">
        <f ca="1">ROUND(SQRT((VLOOKUP($A25,városok!$A$2:$C$346,2,0)-VLOOKUP(U$1,városok!$A$2:$C$346,2,0))^2+(VLOOKUP($A25,városok!$A$2:$C$346,3,0)-VLOOKUP(U$1,városok!$A$2:$C$346,3,0))^2)/1000,0)</f>
        <v>135</v>
      </c>
      <c r="V25">
        <f ca="1">ROUND(SQRT((VLOOKUP($A25,városok!$A$2:$C$346,2,0)-VLOOKUP(V$1,városok!$A$2:$C$346,2,0))^2+(VLOOKUP($A25,városok!$A$2:$C$346,3,0)-VLOOKUP(V$1,városok!$A$2:$C$346,3,0))^2)/1000,0)</f>
        <v>135</v>
      </c>
      <c r="W25">
        <f ca="1">ROUND(SQRT((VLOOKUP($A25,városok!$A$2:$C$346,2,0)-VLOOKUP(W$1,városok!$A$2:$C$346,2,0))^2+(VLOOKUP($A25,városok!$A$2:$C$346,3,0)-VLOOKUP(W$1,városok!$A$2:$C$346,3,0))^2)/1000,0)</f>
        <v>119</v>
      </c>
      <c r="X25">
        <f ca="1">ROUND(SQRT((VLOOKUP($A25,városok!$A$2:$C$346,2,0)-VLOOKUP(X$1,városok!$A$2:$C$346,2,0))^2+(VLOOKUP($A25,városok!$A$2:$C$346,3,0)-VLOOKUP(X$1,városok!$A$2:$C$346,3,0))^2)/1000,0)</f>
        <v>161</v>
      </c>
      <c r="Y25">
        <f ca="1">ROUND(SQRT((VLOOKUP($A25,városok!$A$2:$C$346,2,0)-VLOOKUP(Y$1,városok!$A$2:$C$346,2,0))^2+(VLOOKUP($A25,városok!$A$2:$C$346,3,0)-VLOOKUP(Y$1,városok!$A$2:$C$346,3,0))^2)/1000,0)</f>
        <v>210</v>
      </c>
      <c r="Z25">
        <f ca="1">ROUND(SQRT((VLOOKUP($A25,városok!$A$2:$C$346,2,0)-VLOOKUP(Z$1,városok!$A$2:$C$346,2,0))^2+(VLOOKUP($A25,városok!$A$2:$C$346,3,0)-VLOOKUP(Z$1,városok!$A$2:$C$346,3,0))^2)/1000,0)</f>
        <v>220</v>
      </c>
      <c r="AA25">
        <f ca="1">ROUND(SQRT((VLOOKUP($A25,városok!$A$2:$C$346,2,0)-VLOOKUP(AA$1,városok!$A$2:$C$346,2,0))^2+(VLOOKUP($A25,városok!$A$2:$C$346,3,0)-VLOOKUP(AA$1,városok!$A$2:$C$346,3,0))^2)/1000,0)</f>
        <v>240</v>
      </c>
      <c r="AB25">
        <f ca="1">ROUND(SQRT((VLOOKUP($A25,városok!$A$2:$C$346,2,0)-VLOOKUP(AB$1,városok!$A$2:$C$346,2,0))^2+(VLOOKUP($A25,városok!$A$2:$C$346,3,0)-VLOOKUP(AB$1,városok!$A$2:$C$346,3,0))^2)/1000,0)</f>
        <v>320</v>
      </c>
      <c r="AC25">
        <f ca="1">ROUND(SQRT((VLOOKUP($A25,városok!$A$2:$C$346,2,0)-VLOOKUP(AC$1,városok!$A$2:$C$346,2,0))^2+(VLOOKUP($A25,városok!$A$2:$C$346,3,0)-VLOOKUP(AC$1,városok!$A$2:$C$346,3,0))^2)/1000,0)</f>
        <v>300</v>
      </c>
      <c r="AD25">
        <f ca="1">ROUND(SQRT((VLOOKUP($A25,városok!$A$2:$C$346,2,0)-VLOOKUP(AD$1,városok!$A$2:$C$346,2,0))^2+(VLOOKUP($A25,városok!$A$2:$C$346,3,0)-VLOOKUP(AD$1,városok!$A$2:$C$346,3,0))^2)/1000,0)</f>
        <v>284</v>
      </c>
      <c r="AE25">
        <f ca="1">ROUND(SQRT((VLOOKUP($A25,városok!$A$2:$C$346,2,0)-VLOOKUP(AE$1,városok!$A$2:$C$346,2,0))^2+(VLOOKUP($A25,városok!$A$2:$C$346,3,0)-VLOOKUP(AE$1,városok!$A$2:$C$346,3,0))^2)/1000,0)</f>
        <v>275</v>
      </c>
      <c r="AF25">
        <f ca="1">ROUND(SQRT((VLOOKUP($A25,városok!$A$2:$C$346,2,0)-VLOOKUP(AF$1,városok!$A$2:$C$346,2,0))^2+(VLOOKUP($A25,városok!$A$2:$C$346,3,0)-VLOOKUP(AF$1,városok!$A$2:$C$346,3,0))^2)/1000,0)</f>
        <v>280</v>
      </c>
      <c r="AG25">
        <f ca="1">ROUND(SQRT((VLOOKUP($A25,városok!$A$2:$C$346,2,0)-VLOOKUP(AG$1,városok!$A$2:$C$346,2,0))^2+(VLOOKUP($A25,városok!$A$2:$C$346,3,0)-VLOOKUP(AG$1,városok!$A$2:$C$346,3,0))^2)/1000,0)</f>
        <v>251</v>
      </c>
      <c r="AH25">
        <f ca="1">ROUND(SQRT((VLOOKUP($A25,városok!$A$2:$C$346,2,0)-VLOOKUP(AH$1,városok!$A$2:$C$346,2,0))^2+(VLOOKUP($A25,városok!$A$2:$C$346,3,0)-VLOOKUP(AH$1,városok!$A$2:$C$346,3,0))^2)/1000,0)</f>
        <v>230</v>
      </c>
      <c r="AI25">
        <f ca="1">ROUND(SQRT((VLOOKUP($A25,városok!$A$2:$C$346,2,0)-VLOOKUP(AI$1,városok!$A$2:$C$346,2,0))^2+(VLOOKUP($A25,városok!$A$2:$C$346,3,0)-VLOOKUP(AI$1,városok!$A$2:$C$346,3,0))^2)/1000,0)</f>
        <v>280</v>
      </c>
      <c r="AJ25">
        <f ca="1">ROUND(SQRT((VLOOKUP($A25,városok!$A$2:$C$346,2,0)-VLOOKUP(AJ$1,városok!$A$2:$C$346,2,0))^2+(VLOOKUP($A25,városok!$A$2:$C$346,3,0)-VLOOKUP(AJ$1,városok!$A$2:$C$346,3,0))^2)/1000,0)</f>
        <v>240</v>
      </c>
      <c r="AK25">
        <f ca="1">ROUND(SQRT((VLOOKUP($A25,városok!$A$2:$C$346,2,0)-VLOOKUP(AK$1,városok!$A$2:$C$346,2,0))^2+(VLOOKUP($A25,városok!$A$2:$C$346,3,0)-VLOOKUP(AK$1,városok!$A$2:$C$346,3,0))^2)/1000,0)</f>
        <v>263</v>
      </c>
      <c r="AL25">
        <f ca="1">ROUND(SQRT((VLOOKUP($A25,városok!$A$2:$C$346,2,0)-VLOOKUP(AL$1,városok!$A$2:$C$346,2,0))^2+(VLOOKUP($A25,városok!$A$2:$C$346,3,0)-VLOOKUP(AL$1,városok!$A$2:$C$346,3,0))^2)/1000,0)</f>
        <v>249</v>
      </c>
      <c r="AM25">
        <f ca="1">ROUND(SQRT((VLOOKUP($A25,városok!$A$2:$C$346,2,0)-VLOOKUP(AM$1,városok!$A$2:$C$346,2,0))^2+(VLOOKUP($A25,városok!$A$2:$C$346,3,0)-VLOOKUP(AM$1,városok!$A$2:$C$346,3,0))^2)/1000,0)</f>
        <v>210</v>
      </c>
      <c r="AN25">
        <f ca="1">ROUND(SQRT((VLOOKUP($A25,városok!$A$2:$C$346,2,0)-VLOOKUP(AN$1,városok!$A$2:$C$346,2,0))^2+(VLOOKUP($A25,városok!$A$2:$C$346,3,0)-VLOOKUP(AN$1,városok!$A$2:$C$346,3,0))^2)/1000,0)</f>
        <v>219</v>
      </c>
      <c r="AO25">
        <f ca="1">ROUND(SQRT((VLOOKUP($A25,városok!$A$2:$C$346,2,0)-VLOOKUP(AO$1,városok!$A$2:$C$346,2,0))^2+(VLOOKUP($A25,városok!$A$2:$C$346,3,0)-VLOOKUP(AO$1,városok!$A$2:$C$346,3,0))^2)/1000,0)</f>
        <v>211</v>
      </c>
      <c r="AP25">
        <f ca="1">ROUND(SQRT((VLOOKUP($A25,városok!$A$2:$C$346,2,0)-VLOOKUP(AP$1,városok!$A$2:$C$346,2,0))^2+(VLOOKUP($A25,városok!$A$2:$C$346,3,0)-VLOOKUP(AP$1,városok!$A$2:$C$346,3,0))^2)/1000,0)</f>
        <v>200</v>
      </c>
      <c r="AQ25">
        <f ca="1">ROUND(SQRT((VLOOKUP($A25,városok!$A$2:$C$346,2,0)-VLOOKUP(AQ$1,városok!$A$2:$C$346,2,0))^2+(VLOOKUP($A25,városok!$A$2:$C$346,3,0)-VLOOKUP(AQ$1,városok!$A$2:$C$346,3,0))^2)/1000,0)</f>
        <v>192</v>
      </c>
      <c r="AR25">
        <f ca="1">ROUND(SQRT((VLOOKUP($A25,városok!$A$2:$C$346,2,0)-VLOOKUP(AR$1,városok!$A$2:$C$346,2,0))^2+(VLOOKUP($A25,városok!$A$2:$C$346,3,0)-VLOOKUP(AR$1,városok!$A$2:$C$346,3,0))^2)/1000,0)</f>
        <v>256</v>
      </c>
      <c r="AS25">
        <f ca="1">ROUND(SQRT((VLOOKUP($A25,városok!$A$2:$C$346,2,0)-VLOOKUP(AS$1,városok!$A$2:$C$346,2,0))^2+(VLOOKUP($A25,városok!$A$2:$C$346,3,0)-VLOOKUP(AS$1,városok!$A$2:$C$346,3,0))^2)/1000,0)</f>
        <v>279</v>
      </c>
      <c r="AT25">
        <f ca="1">ROUND(SQRT((VLOOKUP($A25,városok!$A$2:$C$346,2,0)-VLOOKUP(AT$1,városok!$A$2:$C$346,2,0))^2+(VLOOKUP($A25,városok!$A$2:$C$346,3,0)-VLOOKUP(AT$1,városok!$A$2:$C$346,3,0))^2)/1000,0)</f>
        <v>186</v>
      </c>
      <c r="AU25">
        <f ca="1">ROUND(SQRT((VLOOKUP($A25,városok!$A$2:$C$346,2,0)-VLOOKUP(AU$1,városok!$A$2:$C$346,2,0))^2+(VLOOKUP($A25,városok!$A$2:$C$346,3,0)-VLOOKUP(AU$1,városok!$A$2:$C$346,3,0))^2)/1000,0)</f>
        <v>187</v>
      </c>
      <c r="AV25">
        <f ca="1">ROUND(SQRT((VLOOKUP($A25,városok!$A$2:$C$346,2,0)-VLOOKUP(AV$1,városok!$A$2:$C$346,2,0))^2+(VLOOKUP($A25,városok!$A$2:$C$346,3,0)-VLOOKUP(AV$1,városok!$A$2:$C$346,3,0))^2)/1000,0)</f>
        <v>182</v>
      </c>
      <c r="AW25">
        <f ca="1">ROUND(SQRT((VLOOKUP($A25,városok!$A$2:$C$346,2,0)-VLOOKUP(AW$1,városok!$A$2:$C$346,2,0))^2+(VLOOKUP($A25,városok!$A$2:$C$346,3,0)-VLOOKUP(AW$1,városok!$A$2:$C$346,3,0))^2)/1000,0)</f>
        <v>180</v>
      </c>
      <c r="AX25">
        <f ca="1">ROUND(SQRT((VLOOKUP($A25,városok!$A$2:$C$346,2,0)-VLOOKUP(AX$1,városok!$A$2:$C$346,2,0))^2+(VLOOKUP($A25,városok!$A$2:$C$346,3,0)-VLOOKUP(AX$1,városok!$A$2:$C$346,3,0))^2)/1000,0)</f>
        <v>177</v>
      </c>
      <c r="AY25">
        <f ca="1">ROUND(SQRT((VLOOKUP($A25,városok!$A$2:$C$346,2,0)-VLOOKUP(AY$1,városok!$A$2:$C$346,2,0))^2+(VLOOKUP($A25,városok!$A$2:$C$346,3,0)-VLOOKUP(AY$1,városok!$A$2:$C$346,3,0))^2)/1000,0)</f>
        <v>214</v>
      </c>
      <c r="AZ25">
        <f ca="1">ROUND(SQRT((VLOOKUP($A25,városok!$A$2:$C$346,2,0)-VLOOKUP(AZ$1,városok!$A$2:$C$346,2,0))^2+(VLOOKUP($A25,városok!$A$2:$C$346,3,0)-VLOOKUP(AZ$1,városok!$A$2:$C$346,3,0))^2)/1000,0)</f>
        <v>223</v>
      </c>
      <c r="BA25">
        <f ca="1">ROUND(SQRT((VLOOKUP($A25,városok!$A$2:$C$346,2,0)-VLOOKUP(BA$1,városok!$A$2:$C$346,2,0))^2+(VLOOKUP($A25,városok!$A$2:$C$346,3,0)-VLOOKUP(BA$1,városok!$A$2:$C$346,3,0))^2)/1000,0)</f>
        <v>112</v>
      </c>
      <c r="BB25">
        <f ca="1">ROUND(SQRT((VLOOKUP($A25,városok!$A$2:$C$346,2,0)-VLOOKUP(BB$1,városok!$A$2:$C$346,2,0))^2+(VLOOKUP($A25,városok!$A$2:$C$346,3,0)-VLOOKUP(BB$1,városok!$A$2:$C$346,3,0))^2)/1000,0)</f>
        <v>80</v>
      </c>
      <c r="BC25">
        <f ca="1">ROUND(SQRT((VLOOKUP($A25,városok!$A$2:$C$346,2,0)-VLOOKUP(BC$1,városok!$A$2:$C$346,2,0))^2+(VLOOKUP($A25,városok!$A$2:$C$346,3,0)-VLOOKUP(BC$1,városok!$A$2:$C$346,3,0))^2)/1000,0)</f>
        <v>66</v>
      </c>
      <c r="BD25">
        <f ca="1">ROUND(SQRT((VLOOKUP($A25,városok!$A$2:$C$346,2,0)-VLOOKUP(BD$1,városok!$A$2:$C$346,2,0))^2+(VLOOKUP($A25,városok!$A$2:$C$346,3,0)-VLOOKUP(BD$1,városok!$A$2:$C$346,3,0))^2)/1000,0)</f>
        <v>119</v>
      </c>
      <c r="BE25">
        <f ca="1">ROUND(SQRT((VLOOKUP($A25,városok!$A$2:$C$346,2,0)-VLOOKUP(BE$1,városok!$A$2:$C$346,2,0))^2+(VLOOKUP($A25,városok!$A$2:$C$346,3,0)-VLOOKUP(BE$1,városok!$A$2:$C$346,3,0))^2)/1000,0)</f>
        <v>404</v>
      </c>
      <c r="BF25">
        <f ca="1">ROUND(SQRT((VLOOKUP($A25,városok!$A$2:$C$346,2,0)-VLOOKUP(BF$1,városok!$A$2:$C$346,2,0))^2+(VLOOKUP($A25,városok!$A$2:$C$346,3,0)-VLOOKUP(BF$1,városok!$A$2:$C$346,3,0))^2)/1000,0)</f>
        <v>393</v>
      </c>
      <c r="BG25">
        <f ca="1">ROUND(SQRT((VLOOKUP($A25,városok!$A$2:$C$346,2,0)-VLOOKUP(BG$1,városok!$A$2:$C$346,2,0))^2+(VLOOKUP($A25,városok!$A$2:$C$346,3,0)-VLOOKUP(BG$1,városok!$A$2:$C$346,3,0))^2)/1000,0)</f>
        <v>353</v>
      </c>
      <c r="BH25">
        <f ca="1">ROUND(SQRT((VLOOKUP($A25,városok!$A$2:$C$346,2,0)-VLOOKUP(BH$1,városok!$A$2:$C$346,2,0))^2+(VLOOKUP($A25,városok!$A$2:$C$346,3,0)-VLOOKUP(BH$1,városok!$A$2:$C$346,3,0))^2)/1000,0)</f>
        <v>352</v>
      </c>
      <c r="BI25">
        <f ca="1">ROUND(SQRT((VLOOKUP($A25,városok!$A$2:$C$346,2,0)-VLOOKUP(BI$1,városok!$A$2:$C$346,2,0))^2+(VLOOKUP($A25,városok!$A$2:$C$346,3,0)-VLOOKUP(BI$1,városok!$A$2:$C$346,3,0))^2)/1000,0)</f>
        <v>68</v>
      </c>
      <c r="BJ25">
        <f ca="1">ROUND(SQRT((VLOOKUP($A25,városok!$A$2:$C$346,2,0)-VLOOKUP(BJ$1,városok!$A$2:$C$346,2,0))^2+(VLOOKUP($A25,városok!$A$2:$C$346,3,0)-VLOOKUP(BJ$1,városok!$A$2:$C$346,3,0))^2)/1000,0)</f>
        <v>51</v>
      </c>
      <c r="BK25">
        <f ca="1">ROUND(SQRT((VLOOKUP($A25,városok!$A$2:$C$346,2,0)-VLOOKUP(BK$1,városok!$A$2:$C$346,2,0))^2+(VLOOKUP($A25,városok!$A$2:$C$346,3,0)-VLOOKUP(BK$1,városok!$A$2:$C$346,3,0))^2)/1000,0)</f>
        <v>66</v>
      </c>
      <c r="BL25">
        <f ca="1">ROUND(SQRT((VLOOKUP($A25,városok!$A$2:$C$346,2,0)-VLOOKUP(BL$1,városok!$A$2:$C$346,2,0))^2+(VLOOKUP($A25,városok!$A$2:$C$346,3,0)-VLOOKUP(BL$1,városok!$A$2:$C$346,3,0))^2)/1000,0)</f>
        <v>181</v>
      </c>
      <c r="BM25">
        <f ca="1">ROUND(SQRT((VLOOKUP($A25,városok!$A$2:$C$346,2,0)-VLOOKUP(BM$1,városok!$A$2:$C$346,2,0))^2+(VLOOKUP($A25,városok!$A$2:$C$346,3,0)-VLOOKUP(BM$1,városok!$A$2:$C$346,3,0))^2)/1000,0)</f>
        <v>186</v>
      </c>
      <c r="BN25">
        <f ca="1">ROUND(SQRT((VLOOKUP($A25,városok!$A$2:$C$346,2,0)-VLOOKUP(BN$1,városok!$A$2:$C$346,2,0))^2+(VLOOKUP($A25,városok!$A$2:$C$346,3,0)-VLOOKUP(BN$1,városok!$A$2:$C$346,3,0))^2)/1000,0)</f>
        <v>198</v>
      </c>
      <c r="BO25">
        <f ca="1">ROUND(SQRT((VLOOKUP($A25,városok!$A$2:$C$346,2,0)-VLOOKUP(BO$1,városok!$A$2:$C$346,2,0))^2+(VLOOKUP($A25,városok!$A$2:$C$346,3,0)-VLOOKUP(BO$1,városok!$A$2:$C$346,3,0))^2)/1000,0)</f>
        <v>133</v>
      </c>
      <c r="BP25">
        <f ca="1">ROUND(SQRT((VLOOKUP($A25,városok!$A$2:$C$346,2,0)-VLOOKUP(BP$1,városok!$A$2:$C$346,2,0))^2+(VLOOKUP($A25,városok!$A$2:$C$346,3,0)-VLOOKUP(BP$1,városok!$A$2:$C$346,3,0))^2)/1000,0)</f>
        <v>133</v>
      </c>
      <c r="BQ25">
        <f ca="1">ROUND(SQRT((VLOOKUP($A25,városok!$A$2:$C$346,2,0)-VLOOKUP(BQ$1,városok!$A$2:$C$346,2,0))^2+(VLOOKUP($A25,városok!$A$2:$C$346,3,0)-VLOOKUP(BQ$1,városok!$A$2:$C$346,3,0))^2)/1000,0)</f>
        <v>141</v>
      </c>
      <c r="BR25">
        <f ca="1">ROUND(SQRT((VLOOKUP($A25,városok!$A$2:$C$346,2,0)-VLOOKUP(BR$1,városok!$A$2:$C$346,2,0))^2+(VLOOKUP($A25,városok!$A$2:$C$346,3,0)-VLOOKUP(BR$1,városok!$A$2:$C$346,3,0))^2)/1000,0)</f>
        <v>128</v>
      </c>
      <c r="BS25">
        <f ca="1">ROUND(SQRT((VLOOKUP($A25,városok!$A$2:$C$346,2,0)-VLOOKUP(BS$1,városok!$A$2:$C$346,2,0))^2+(VLOOKUP($A25,városok!$A$2:$C$346,3,0)-VLOOKUP(BS$1,városok!$A$2:$C$346,3,0))^2)/1000,0)</f>
        <v>117</v>
      </c>
      <c r="BT25">
        <f ca="1">ROUND(SQRT((VLOOKUP($A25,városok!$A$2:$C$346,2,0)-VLOOKUP(BT$1,városok!$A$2:$C$346,2,0))^2+(VLOOKUP($A25,városok!$A$2:$C$346,3,0)-VLOOKUP(BT$1,városok!$A$2:$C$346,3,0))^2)/1000,0)</f>
        <v>154</v>
      </c>
    </row>
    <row r="26" spans="1:72" x14ac:dyDescent="0.2">
      <c r="A26" t="str">
        <f>városok!A26</f>
        <v>Komló</v>
      </c>
      <c r="B26">
        <f ca="1">ROUND(SQRT((VLOOKUP($A26,városok!$A$2:$C$346,2,0)-VLOOKUP(B$1,városok!$A$2:$C$346,2,0))^2+(VLOOKUP($A26,városok!$A$2:$C$346,3,0)-VLOOKUP(B$1,városok!$A$2:$C$346,3,0))^2)/1000,0)</f>
        <v>54</v>
      </c>
      <c r="C26">
        <f ca="1">ROUND(SQRT((VLOOKUP($A26,városok!$A$2:$C$346,2,0)-VLOOKUP(C$1,városok!$A$2:$C$346,2,0))^2+(VLOOKUP($A26,városok!$A$2:$C$346,3,0)-VLOOKUP(C$1,városok!$A$2:$C$346,3,0))^2)/1000,0)</f>
        <v>67</v>
      </c>
      <c r="D26">
        <f ca="1">ROUND(SQRT((VLOOKUP($A26,városok!$A$2:$C$346,2,0)-VLOOKUP(D$1,városok!$A$2:$C$346,2,0))^2+(VLOOKUP($A26,városok!$A$2:$C$346,3,0)-VLOOKUP(D$1,városok!$A$2:$C$346,3,0))^2)/1000,0)</f>
        <v>136</v>
      </c>
      <c r="E26">
        <f ca="1">ROUND(SQRT((VLOOKUP($A26,városok!$A$2:$C$346,2,0)-VLOOKUP(E$1,városok!$A$2:$C$346,2,0))^2+(VLOOKUP($A26,városok!$A$2:$C$346,3,0)-VLOOKUP(E$1,városok!$A$2:$C$346,3,0))^2)/1000,0)</f>
        <v>0</v>
      </c>
      <c r="F26">
        <f ca="1">ROUND(SQRT((VLOOKUP($A26,városok!$A$2:$C$346,2,0)-VLOOKUP(F$1,városok!$A$2:$C$346,2,0))^2+(VLOOKUP($A26,városok!$A$2:$C$346,3,0)-VLOOKUP(F$1,városok!$A$2:$C$346,3,0))^2)/1000,0)</f>
        <v>40</v>
      </c>
      <c r="G26">
        <f ca="1">ROUND(SQRT((VLOOKUP($A26,városok!$A$2:$C$346,2,0)-VLOOKUP(G$1,városok!$A$2:$C$346,2,0))^2+(VLOOKUP($A26,városok!$A$2:$C$346,3,0)-VLOOKUP(G$1,városok!$A$2:$C$346,3,0))^2)/1000,0)</f>
        <v>12</v>
      </c>
      <c r="H26">
        <f ca="1">ROUND(SQRT((VLOOKUP($A26,városok!$A$2:$C$346,2,0)-VLOOKUP(H$1,városok!$A$2:$C$346,2,0))^2+(VLOOKUP($A26,városok!$A$2:$C$346,3,0)-VLOOKUP(H$1,városok!$A$2:$C$346,3,0))^2)/1000,0)</f>
        <v>39</v>
      </c>
      <c r="I26">
        <f ca="1">ROUND(SQRT((VLOOKUP($A26,városok!$A$2:$C$346,2,0)-VLOOKUP(I$1,városok!$A$2:$C$346,2,0))^2+(VLOOKUP($A26,városok!$A$2:$C$346,3,0)-VLOOKUP(I$1,városok!$A$2:$C$346,3,0))^2)/1000,0)</f>
        <v>223</v>
      </c>
      <c r="J26">
        <f ca="1">ROUND(SQRT((VLOOKUP($A26,városok!$A$2:$C$346,2,0)-VLOOKUP(J$1,városok!$A$2:$C$346,2,0))^2+(VLOOKUP($A26,városok!$A$2:$C$346,3,0)-VLOOKUP(J$1,városok!$A$2:$C$346,3,0))^2)/1000,0)</f>
        <v>237</v>
      </c>
      <c r="K26">
        <f ca="1">ROUND(SQRT((VLOOKUP($A26,városok!$A$2:$C$346,2,0)-VLOOKUP(K$1,városok!$A$2:$C$346,2,0))^2+(VLOOKUP($A26,városok!$A$2:$C$346,3,0)-VLOOKUP(K$1,városok!$A$2:$C$346,3,0))^2)/1000,0)</f>
        <v>190</v>
      </c>
      <c r="L26">
        <f ca="1">ROUND(SQRT((VLOOKUP($A26,városok!$A$2:$C$346,2,0)-VLOOKUP(L$1,városok!$A$2:$C$346,2,0))^2+(VLOOKUP($A26,városok!$A$2:$C$346,3,0)-VLOOKUP(L$1,városok!$A$2:$C$346,3,0))^2)/1000,0)</f>
        <v>292</v>
      </c>
      <c r="M26">
        <f ca="1">ROUND(SQRT((VLOOKUP($A26,városok!$A$2:$C$346,2,0)-VLOOKUP(M$1,városok!$A$2:$C$346,2,0))^2+(VLOOKUP($A26,városok!$A$2:$C$346,3,0)-VLOOKUP(M$1,városok!$A$2:$C$346,3,0))^2)/1000,0)</f>
        <v>287</v>
      </c>
      <c r="N26">
        <f ca="1">ROUND(SQRT((VLOOKUP($A26,városok!$A$2:$C$346,2,0)-VLOOKUP(N$1,városok!$A$2:$C$346,2,0))^2+(VLOOKUP($A26,városok!$A$2:$C$346,3,0)-VLOOKUP(N$1,városok!$A$2:$C$346,3,0))^2)/1000,0)</f>
        <v>273</v>
      </c>
      <c r="O26">
        <f ca="1">ROUND(SQRT((VLOOKUP($A26,városok!$A$2:$C$346,2,0)-VLOOKUP(O$1,városok!$A$2:$C$346,2,0))^2+(VLOOKUP($A26,városok!$A$2:$C$346,3,0)-VLOOKUP(O$1,városok!$A$2:$C$346,3,0))^2)/1000,0)</f>
        <v>355</v>
      </c>
      <c r="P26">
        <f ca="1">ROUND(SQRT((VLOOKUP($A26,városok!$A$2:$C$346,2,0)-VLOOKUP(P$1,városok!$A$2:$C$346,2,0))^2+(VLOOKUP($A26,városok!$A$2:$C$346,3,0)-VLOOKUP(P$1,városok!$A$2:$C$346,3,0))^2)/1000,0)</f>
        <v>355</v>
      </c>
      <c r="Q26">
        <f ca="1">ROUND(SQRT((VLOOKUP($A26,városok!$A$2:$C$346,2,0)-VLOOKUP(Q$1,városok!$A$2:$C$346,2,0))^2+(VLOOKUP($A26,városok!$A$2:$C$346,3,0)-VLOOKUP(Q$1,városok!$A$2:$C$346,3,0))^2)/1000,0)</f>
        <v>161</v>
      </c>
      <c r="R26">
        <f ca="1">ROUND(SQRT((VLOOKUP($A26,városok!$A$2:$C$346,2,0)-VLOOKUP(R$1,városok!$A$2:$C$346,2,0))^2+(VLOOKUP($A26,városok!$A$2:$C$346,3,0)-VLOOKUP(R$1,városok!$A$2:$C$346,3,0))^2)/1000,0)</f>
        <v>171</v>
      </c>
      <c r="S26">
        <f ca="1">ROUND(SQRT((VLOOKUP($A26,városok!$A$2:$C$346,2,0)-VLOOKUP(S$1,városok!$A$2:$C$346,2,0))^2+(VLOOKUP($A26,városok!$A$2:$C$346,3,0)-VLOOKUP(S$1,városok!$A$2:$C$346,3,0))^2)/1000,0)</f>
        <v>147</v>
      </c>
      <c r="T26">
        <f ca="1">ROUND(SQRT((VLOOKUP($A26,városok!$A$2:$C$346,2,0)-VLOOKUP(T$1,városok!$A$2:$C$346,2,0))^2+(VLOOKUP($A26,városok!$A$2:$C$346,3,0)-VLOOKUP(T$1,városok!$A$2:$C$346,3,0))^2)/1000,0)</f>
        <v>147</v>
      </c>
      <c r="U26">
        <f ca="1">ROUND(SQRT((VLOOKUP($A26,városok!$A$2:$C$346,2,0)-VLOOKUP(U$1,városok!$A$2:$C$346,2,0))^2+(VLOOKUP($A26,városok!$A$2:$C$346,3,0)-VLOOKUP(U$1,városok!$A$2:$C$346,3,0))^2)/1000,0)</f>
        <v>101</v>
      </c>
      <c r="V26">
        <f ca="1">ROUND(SQRT((VLOOKUP($A26,városok!$A$2:$C$346,2,0)-VLOOKUP(V$1,városok!$A$2:$C$346,2,0))^2+(VLOOKUP($A26,városok!$A$2:$C$346,3,0)-VLOOKUP(V$1,városok!$A$2:$C$346,3,0))^2)/1000,0)</f>
        <v>97</v>
      </c>
      <c r="W26">
        <f ca="1">ROUND(SQRT((VLOOKUP($A26,városok!$A$2:$C$346,2,0)-VLOOKUP(W$1,városok!$A$2:$C$346,2,0))^2+(VLOOKUP($A26,városok!$A$2:$C$346,3,0)-VLOOKUP(W$1,városok!$A$2:$C$346,3,0))^2)/1000,0)</f>
        <v>82</v>
      </c>
      <c r="X26">
        <f ca="1">ROUND(SQRT((VLOOKUP($A26,városok!$A$2:$C$346,2,0)-VLOOKUP(X$1,városok!$A$2:$C$346,2,0))^2+(VLOOKUP($A26,városok!$A$2:$C$346,3,0)-VLOOKUP(X$1,városok!$A$2:$C$346,3,0))^2)/1000,0)</f>
        <v>123</v>
      </c>
      <c r="Y26">
        <f ca="1">ROUND(SQRT((VLOOKUP($A26,városok!$A$2:$C$346,2,0)-VLOOKUP(Y$1,városok!$A$2:$C$346,2,0))^2+(VLOOKUP($A26,városok!$A$2:$C$346,3,0)-VLOOKUP(Y$1,városok!$A$2:$C$346,3,0))^2)/1000,0)</f>
        <v>173</v>
      </c>
      <c r="Z26">
        <f ca="1">ROUND(SQRT((VLOOKUP($A26,városok!$A$2:$C$346,2,0)-VLOOKUP(Z$1,városok!$A$2:$C$346,2,0))^2+(VLOOKUP($A26,városok!$A$2:$C$346,3,0)-VLOOKUP(Z$1,városok!$A$2:$C$346,3,0))^2)/1000,0)</f>
        <v>184</v>
      </c>
      <c r="AA26">
        <f ca="1">ROUND(SQRT((VLOOKUP($A26,városok!$A$2:$C$346,2,0)-VLOOKUP(AA$1,városok!$A$2:$C$346,2,0))^2+(VLOOKUP($A26,városok!$A$2:$C$346,3,0)-VLOOKUP(AA$1,városok!$A$2:$C$346,3,0))^2)/1000,0)</f>
        <v>210</v>
      </c>
      <c r="AB26">
        <f ca="1">ROUND(SQRT((VLOOKUP($A26,városok!$A$2:$C$346,2,0)-VLOOKUP(AB$1,városok!$A$2:$C$346,2,0))^2+(VLOOKUP($A26,városok!$A$2:$C$346,3,0)-VLOOKUP(AB$1,városok!$A$2:$C$346,3,0))^2)/1000,0)</f>
        <v>297</v>
      </c>
      <c r="AC26">
        <f ca="1">ROUND(SQRT((VLOOKUP($A26,városok!$A$2:$C$346,2,0)-VLOOKUP(AC$1,városok!$A$2:$C$346,2,0))^2+(VLOOKUP($A26,városok!$A$2:$C$346,3,0)-VLOOKUP(AC$1,városok!$A$2:$C$346,3,0))^2)/1000,0)</f>
        <v>277</v>
      </c>
      <c r="AD26">
        <f ca="1">ROUND(SQRT((VLOOKUP($A26,városok!$A$2:$C$346,2,0)-VLOOKUP(AD$1,városok!$A$2:$C$346,2,0))^2+(VLOOKUP($A26,városok!$A$2:$C$346,3,0)-VLOOKUP(AD$1,városok!$A$2:$C$346,3,0))^2)/1000,0)</f>
        <v>260</v>
      </c>
      <c r="AE26">
        <f ca="1">ROUND(SQRT((VLOOKUP($A26,városok!$A$2:$C$346,2,0)-VLOOKUP(AE$1,városok!$A$2:$C$346,2,0))^2+(VLOOKUP($A26,városok!$A$2:$C$346,3,0)-VLOOKUP(AE$1,városok!$A$2:$C$346,3,0))^2)/1000,0)</f>
        <v>253</v>
      </c>
      <c r="AF26">
        <f ca="1">ROUND(SQRT((VLOOKUP($A26,városok!$A$2:$C$346,2,0)-VLOOKUP(AF$1,városok!$A$2:$C$346,2,0))^2+(VLOOKUP($A26,városok!$A$2:$C$346,3,0)-VLOOKUP(AF$1,városok!$A$2:$C$346,3,0))^2)/1000,0)</f>
        <v>249</v>
      </c>
      <c r="AG26">
        <f ca="1">ROUND(SQRT((VLOOKUP($A26,városok!$A$2:$C$346,2,0)-VLOOKUP(AG$1,városok!$A$2:$C$346,2,0))^2+(VLOOKUP($A26,városok!$A$2:$C$346,3,0)-VLOOKUP(AG$1,városok!$A$2:$C$346,3,0))^2)/1000,0)</f>
        <v>218</v>
      </c>
      <c r="AH26">
        <f ca="1">ROUND(SQRT((VLOOKUP($A26,városok!$A$2:$C$346,2,0)-VLOOKUP(AH$1,városok!$A$2:$C$346,2,0))^2+(VLOOKUP($A26,városok!$A$2:$C$346,3,0)-VLOOKUP(AH$1,városok!$A$2:$C$346,3,0))^2)/1000,0)</f>
        <v>196</v>
      </c>
      <c r="AI26">
        <f ca="1">ROUND(SQRT((VLOOKUP($A26,városok!$A$2:$C$346,2,0)-VLOOKUP(AI$1,városok!$A$2:$C$346,2,0))^2+(VLOOKUP($A26,városok!$A$2:$C$346,3,0)-VLOOKUP(AI$1,városok!$A$2:$C$346,3,0))^2)/1000,0)</f>
        <v>247</v>
      </c>
      <c r="AJ26">
        <f ca="1">ROUND(SQRT((VLOOKUP($A26,városok!$A$2:$C$346,2,0)-VLOOKUP(AJ$1,városok!$A$2:$C$346,2,0))^2+(VLOOKUP($A26,városok!$A$2:$C$346,3,0)-VLOOKUP(AJ$1,városok!$A$2:$C$346,3,0))^2)/1000,0)</f>
        <v>208</v>
      </c>
      <c r="AK26">
        <f ca="1">ROUND(SQRT((VLOOKUP($A26,városok!$A$2:$C$346,2,0)-VLOOKUP(AK$1,városok!$A$2:$C$346,2,0))^2+(VLOOKUP($A26,városok!$A$2:$C$346,3,0)-VLOOKUP(AK$1,városok!$A$2:$C$346,3,0))^2)/1000,0)</f>
        <v>240</v>
      </c>
      <c r="AL26">
        <f ca="1">ROUND(SQRT((VLOOKUP($A26,városok!$A$2:$C$346,2,0)-VLOOKUP(AL$1,városok!$A$2:$C$346,2,0))^2+(VLOOKUP($A26,városok!$A$2:$C$346,3,0)-VLOOKUP(AL$1,városok!$A$2:$C$346,3,0))^2)/1000,0)</f>
        <v>223</v>
      </c>
      <c r="AM26">
        <f ca="1">ROUND(SQRT((VLOOKUP($A26,városok!$A$2:$C$346,2,0)-VLOOKUP(AM$1,városok!$A$2:$C$346,2,0))^2+(VLOOKUP($A26,városok!$A$2:$C$346,3,0)-VLOOKUP(AM$1,városok!$A$2:$C$346,3,0))^2)/1000,0)</f>
        <v>184</v>
      </c>
      <c r="AN26">
        <f ca="1">ROUND(SQRT((VLOOKUP($A26,városok!$A$2:$C$346,2,0)-VLOOKUP(AN$1,városok!$A$2:$C$346,2,0))^2+(VLOOKUP($A26,városok!$A$2:$C$346,3,0)-VLOOKUP(AN$1,városok!$A$2:$C$346,3,0))^2)/1000,0)</f>
        <v>182</v>
      </c>
      <c r="AO26">
        <f ca="1">ROUND(SQRT((VLOOKUP($A26,városok!$A$2:$C$346,2,0)-VLOOKUP(AO$1,városok!$A$2:$C$346,2,0))^2+(VLOOKUP($A26,városok!$A$2:$C$346,3,0)-VLOOKUP(AO$1,városok!$A$2:$C$346,3,0))^2)/1000,0)</f>
        <v>173</v>
      </c>
      <c r="AP26">
        <f ca="1">ROUND(SQRT((VLOOKUP($A26,városok!$A$2:$C$346,2,0)-VLOOKUP(AP$1,városok!$A$2:$C$346,2,0))^2+(VLOOKUP($A26,városok!$A$2:$C$346,3,0)-VLOOKUP(AP$1,városok!$A$2:$C$346,3,0))^2)/1000,0)</f>
        <v>162</v>
      </c>
      <c r="AQ26">
        <f ca="1">ROUND(SQRT((VLOOKUP($A26,városok!$A$2:$C$346,2,0)-VLOOKUP(AQ$1,városok!$A$2:$C$346,2,0))^2+(VLOOKUP($A26,városok!$A$2:$C$346,3,0)-VLOOKUP(AQ$1,városok!$A$2:$C$346,3,0))^2)/1000,0)</f>
        <v>154</v>
      </c>
      <c r="AR26">
        <f ca="1">ROUND(SQRT((VLOOKUP($A26,városok!$A$2:$C$346,2,0)-VLOOKUP(AR$1,városok!$A$2:$C$346,2,0))^2+(VLOOKUP($A26,városok!$A$2:$C$346,3,0)-VLOOKUP(AR$1,városok!$A$2:$C$346,3,0))^2)/1000,0)</f>
        <v>221</v>
      </c>
      <c r="AS26">
        <f ca="1">ROUND(SQRT((VLOOKUP($A26,városok!$A$2:$C$346,2,0)-VLOOKUP(AS$1,városok!$A$2:$C$346,2,0))^2+(VLOOKUP($A26,városok!$A$2:$C$346,3,0)-VLOOKUP(AS$1,városok!$A$2:$C$346,3,0))^2)/1000,0)</f>
        <v>244</v>
      </c>
      <c r="AT26">
        <f ca="1">ROUND(SQRT((VLOOKUP($A26,városok!$A$2:$C$346,2,0)-VLOOKUP(AT$1,városok!$A$2:$C$346,2,0))^2+(VLOOKUP($A26,városok!$A$2:$C$346,3,0)-VLOOKUP(AT$1,városok!$A$2:$C$346,3,0))^2)/1000,0)</f>
        <v>149</v>
      </c>
      <c r="AU26">
        <f ca="1">ROUND(SQRT((VLOOKUP($A26,városok!$A$2:$C$346,2,0)-VLOOKUP(AU$1,városok!$A$2:$C$346,2,0))^2+(VLOOKUP($A26,városok!$A$2:$C$346,3,0)-VLOOKUP(AU$1,városok!$A$2:$C$346,3,0))^2)/1000,0)</f>
        <v>151</v>
      </c>
      <c r="AV26">
        <f ca="1">ROUND(SQRT((VLOOKUP($A26,városok!$A$2:$C$346,2,0)-VLOOKUP(AV$1,városok!$A$2:$C$346,2,0))^2+(VLOOKUP($A26,városok!$A$2:$C$346,3,0)-VLOOKUP(AV$1,városok!$A$2:$C$346,3,0))^2)/1000,0)</f>
        <v>145</v>
      </c>
      <c r="AW26">
        <f ca="1">ROUND(SQRT((VLOOKUP($A26,városok!$A$2:$C$346,2,0)-VLOOKUP(AW$1,városok!$A$2:$C$346,2,0))^2+(VLOOKUP($A26,városok!$A$2:$C$346,3,0)-VLOOKUP(AW$1,városok!$A$2:$C$346,3,0))^2)/1000,0)</f>
        <v>143</v>
      </c>
      <c r="AX26">
        <f ca="1">ROUND(SQRT((VLOOKUP($A26,városok!$A$2:$C$346,2,0)-VLOOKUP(AX$1,városok!$A$2:$C$346,2,0))^2+(VLOOKUP($A26,városok!$A$2:$C$346,3,0)-VLOOKUP(AX$1,városok!$A$2:$C$346,3,0))^2)/1000,0)</f>
        <v>149</v>
      </c>
      <c r="AY26">
        <f ca="1">ROUND(SQRT((VLOOKUP($A26,városok!$A$2:$C$346,2,0)-VLOOKUP(AY$1,városok!$A$2:$C$346,2,0))^2+(VLOOKUP($A26,városok!$A$2:$C$346,3,0)-VLOOKUP(AY$1,városok!$A$2:$C$346,3,0))^2)/1000,0)</f>
        <v>177</v>
      </c>
      <c r="AZ26">
        <f ca="1">ROUND(SQRT((VLOOKUP($A26,városok!$A$2:$C$346,2,0)-VLOOKUP(AZ$1,városok!$A$2:$C$346,2,0))^2+(VLOOKUP($A26,városok!$A$2:$C$346,3,0)-VLOOKUP(AZ$1,városok!$A$2:$C$346,3,0))^2)/1000,0)</f>
        <v>185</v>
      </c>
      <c r="BA26">
        <f ca="1">ROUND(SQRT((VLOOKUP($A26,városok!$A$2:$C$346,2,0)-VLOOKUP(BA$1,városok!$A$2:$C$346,2,0))^2+(VLOOKUP($A26,városok!$A$2:$C$346,3,0)-VLOOKUP(BA$1,városok!$A$2:$C$346,3,0))^2)/1000,0)</f>
        <v>79</v>
      </c>
      <c r="BB26">
        <f ca="1">ROUND(SQRT((VLOOKUP($A26,városok!$A$2:$C$346,2,0)-VLOOKUP(BB$1,városok!$A$2:$C$346,2,0))^2+(VLOOKUP($A26,városok!$A$2:$C$346,3,0)-VLOOKUP(BB$1,városok!$A$2:$C$346,3,0))^2)/1000,0)</f>
        <v>46</v>
      </c>
      <c r="BC26">
        <f ca="1">ROUND(SQRT((VLOOKUP($A26,városok!$A$2:$C$346,2,0)-VLOOKUP(BC$1,városok!$A$2:$C$346,2,0))^2+(VLOOKUP($A26,városok!$A$2:$C$346,3,0)-VLOOKUP(BC$1,városok!$A$2:$C$346,3,0))^2)/1000,0)</f>
        <v>40</v>
      </c>
      <c r="BD26">
        <f ca="1">ROUND(SQRT((VLOOKUP($A26,városok!$A$2:$C$346,2,0)-VLOOKUP(BD$1,városok!$A$2:$C$346,2,0))^2+(VLOOKUP($A26,városok!$A$2:$C$346,3,0)-VLOOKUP(BD$1,városok!$A$2:$C$346,3,0))^2)/1000,0)</f>
        <v>81</v>
      </c>
      <c r="BE26">
        <f ca="1">ROUND(SQRT((VLOOKUP($A26,városok!$A$2:$C$346,2,0)-VLOOKUP(BE$1,városok!$A$2:$C$346,2,0))^2+(VLOOKUP($A26,városok!$A$2:$C$346,3,0)-VLOOKUP(BE$1,városok!$A$2:$C$346,3,0))^2)/1000,0)</f>
        <v>382</v>
      </c>
      <c r="BF26">
        <f ca="1">ROUND(SQRT((VLOOKUP($A26,városok!$A$2:$C$346,2,0)-VLOOKUP(BF$1,városok!$A$2:$C$346,2,0))^2+(VLOOKUP($A26,városok!$A$2:$C$346,3,0)-VLOOKUP(BF$1,városok!$A$2:$C$346,3,0))^2)/1000,0)</f>
        <v>367</v>
      </c>
      <c r="BG26">
        <f ca="1">ROUND(SQRT((VLOOKUP($A26,városok!$A$2:$C$346,2,0)-VLOOKUP(BG$1,városok!$A$2:$C$346,2,0))^2+(VLOOKUP($A26,városok!$A$2:$C$346,3,0)-VLOOKUP(BG$1,városok!$A$2:$C$346,3,0))^2)/1000,0)</f>
        <v>325</v>
      </c>
      <c r="BH26">
        <f ca="1">ROUND(SQRT((VLOOKUP($A26,városok!$A$2:$C$346,2,0)-VLOOKUP(BH$1,városok!$A$2:$C$346,2,0))^2+(VLOOKUP($A26,városok!$A$2:$C$346,3,0)-VLOOKUP(BH$1,városok!$A$2:$C$346,3,0))^2)/1000,0)</f>
        <v>324</v>
      </c>
      <c r="BI26">
        <f ca="1">ROUND(SQRT((VLOOKUP($A26,városok!$A$2:$C$346,2,0)-VLOOKUP(BI$1,városok!$A$2:$C$346,2,0))^2+(VLOOKUP($A26,városok!$A$2:$C$346,3,0)-VLOOKUP(BI$1,városok!$A$2:$C$346,3,0))^2)/1000,0)</f>
        <v>36</v>
      </c>
      <c r="BJ26">
        <f ca="1">ROUND(SQRT((VLOOKUP($A26,városok!$A$2:$C$346,2,0)-VLOOKUP(BJ$1,városok!$A$2:$C$346,2,0))^2+(VLOOKUP($A26,városok!$A$2:$C$346,3,0)-VLOOKUP(BJ$1,városok!$A$2:$C$346,3,0))^2)/1000,0)</f>
        <v>19</v>
      </c>
      <c r="BK26">
        <f ca="1">ROUND(SQRT((VLOOKUP($A26,városok!$A$2:$C$346,2,0)-VLOOKUP(BK$1,városok!$A$2:$C$346,2,0))^2+(VLOOKUP($A26,városok!$A$2:$C$346,3,0)-VLOOKUP(BK$1,városok!$A$2:$C$346,3,0))^2)/1000,0)</f>
        <v>38</v>
      </c>
      <c r="BL26">
        <f ca="1">ROUND(SQRT((VLOOKUP($A26,városok!$A$2:$C$346,2,0)-VLOOKUP(BL$1,városok!$A$2:$C$346,2,0))^2+(VLOOKUP($A26,városok!$A$2:$C$346,3,0)-VLOOKUP(BL$1,városok!$A$2:$C$346,3,0))^2)/1000,0)</f>
        <v>157</v>
      </c>
      <c r="BM26">
        <f ca="1">ROUND(SQRT((VLOOKUP($A26,városok!$A$2:$C$346,2,0)-VLOOKUP(BM$1,városok!$A$2:$C$346,2,0))^2+(VLOOKUP($A26,városok!$A$2:$C$346,3,0)-VLOOKUP(BM$1,városok!$A$2:$C$346,3,0))^2)/1000,0)</f>
        <v>156</v>
      </c>
      <c r="BN26">
        <f ca="1">ROUND(SQRT((VLOOKUP($A26,városok!$A$2:$C$346,2,0)-VLOOKUP(BN$1,városok!$A$2:$C$346,2,0))^2+(VLOOKUP($A26,városok!$A$2:$C$346,3,0)-VLOOKUP(BN$1,városok!$A$2:$C$346,3,0))^2)/1000,0)</f>
        <v>171</v>
      </c>
      <c r="BO26">
        <f ca="1">ROUND(SQRT((VLOOKUP($A26,városok!$A$2:$C$346,2,0)-VLOOKUP(BO$1,városok!$A$2:$C$346,2,0))^2+(VLOOKUP($A26,városok!$A$2:$C$346,3,0)-VLOOKUP(BO$1,városok!$A$2:$C$346,3,0))^2)/1000,0)</f>
        <v>96</v>
      </c>
      <c r="BP26">
        <f ca="1">ROUND(SQRT((VLOOKUP($A26,városok!$A$2:$C$346,2,0)-VLOOKUP(BP$1,városok!$A$2:$C$346,2,0))^2+(VLOOKUP($A26,városok!$A$2:$C$346,3,0)-VLOOKUP(BP$1,városok!$A$2:$C$346,3,0))^2)/1000,0)</f>
        <v>95</v>
      </c>
      <c r="BQ26">
        <f ca="1">ROUND(SQRT((VLOOKUP($A26,városok!$A$2:$C$346,2,0)-VLOOKUP(BQ$1,városok!$A$2:$C$346,2,0))^2+(VLOOKUP($A26,városok!$A$2:$C$346,3,0)-VLOOKUP(BQ$1,városok!$A$2:$C$346,3,0))^2)/1000,0)</f>
        <v>104</v>
      </c>
      <c r="BR26">
        <f ca="1">ROUND(SQRT((VLOOKUP($A26,városok!$A$2:$C$346,2,0)-VLOOKUP(BR$1,városok!$A$2:$C$346,2,0))^2+(VLOOKUP($A26,városok!$A$2:$C$346,3,0)-VLOOKUP(BR$1,városok!$A$2:$C$346,3,0))^2)/1000,0)</f>
        <v>101</v>
      </c>
      <c r="BS26">
        <f ca="1">ROUND(SQRT((VLOOKUP($A26,városok!$A$2:$C$346,2,0)-VLOOKUP(BS$1,városok!$A$2:$C$346,2,0))^2+(VLOOKUP($A26,városok!$A$2:$C$346,3,0)-VLOOKUP(BS$1,városok!$A$2:$C$346,3,0))^2)/1000,0)</f>
        <v>102</v>
      </c>
      <c r="BT26">
        <f ca="1">ROUND(SQRT((VLOOKUP($A26,városok!$A$2:$C$346,2,0)-VLOOKUP(BT$1,városok!$A$2:$C$346,2,0))^2+(VLOOKUP($A26,városok!$A$2:$C$346,3,0)-VLOOKUP(BT$1,városok!$A$2:$C$346,3,0))^2)/1000,0)</f>
        <v>131</v>
      </c>
    </row>
    <row r="27" spans="1:72" x14ac:dyDescent="0.2">
      <c r="A27" t="str">
        <f>városok!A27</f>
        <v>Kozármisleny</v>
      </c>
      <c r="B27">
        <f ca="1">ROUND(SQRT((VLOOKUP($A27,városok!$A$2:$C$346,2,0)-VLOOKUP(B$1,városok!$A$2:$C$346,2,0))^2+(VLOOKUP($A27,városok!$A$2:$C$346,3,0)-VLOOKUP(B$1,városok!$A$2:$C$346,3,0))^2)/1000,0)</f>
        <v>54</v>
      </c>
      <c r="C27">
        <f ca="1">ROUND(SQRT((VLOOKUP($A27,városok!$A$2:$C$346,2,0)-VLOOKUP(C$1,városok!$A$2:$C$346,2,0))^2+(VLOOKUP($A27,városok!$A$2:$C$346,3,0)-VLOOKUP(C$1,városok!$A$2:$C$346,3,0))^2)/1000,0)</f>
        <v>76</v>
      </c>
      <c r="D27">
        <f ca="1">ROUND(SQRT((VLOOKUP($A27,városok!$A$2:$C$346,2,0)-VLOOKUP(D$1,városok!$A$2:$C$346,2,0))^2+(VLOOKUP($A27,városok!$A$2:$C$346,3,0)-VLOOKUP(D$1,városok!$A$2:$C$346,3,0))^2)/1000,0)</f>
        <v>144</v>
      </c>
      <c r="E27">
        <f ca="1">ROUND(SQRT((VLOOKUP($A27,városok!$A$2:$C$346,2,0)-VLOOKUP(E$1,városok!$A$2:$C$346,2,0))^2+(VLOOKUP($A27,városok!$A$2:$C$346,3,0)-VLOOKUP(E$1,városok!$A$2:$C$346,3,0))^2)/1000,0)</f>
        <v>17</v>
      </c>
      <c r="F27">
        <f ca="1">ROUND(SQRT((VLOOKUP($A27,városok!$A$2:$C$346,2,0)-VLOOKUP(F$1,városok!$A$2:$C$346,2,0))^2+(VLOOKUP($A27,városok!$A$2:$C$346,3,0)-VLOOKUP(F$1,városok!$A$2:$C$346,3,0))^2)/1000,0)</f>
        <v>31</v>
      </c>
      <c r="G27">
        <f ca="1">ROUND(SQRT((VLOOKUP($A27,városok!$A$2:$C$346,2,0)-VLOOKUP(G$1,városok!$A$2:$C$346,2,0))^2+(VLOOKUP($A27,városok!$A$2:$C$346,3,0)-VLOOKUP(G$1,városok!$A$2:$C$346,3,0))^2)/1000,0)</f>
        <v>5</v>
      </c>
      <c r="H27">
        <f ca="1">ROUND(SQRT((VLOOKUP($A27,városok!$A$2:$C$346,2,0)-VLOOKUP(H$1,városok!$A$2:$C$346,2,0))^2+(VLOOKUP($A27,városok!$A$2:$C$346,3,0)-VLOOKUP(H$1,városok!$A$2:$C$346,3,0))^2)/1000,0)</f>
        <v>38</v>
      </c>
      <c r="I27">
        <f ca="1">ROUND(SQRT((VLOOKUP($A27,városok!$A$2:$C$346,2,0)-VLOOKUP(I$1,városok!$A$2:$C$346,2,0))^2+(VLOOKUP($A27,városok!$A$2:$C$346,3,0)-VLOOKUP(I$1,városok!$A$2:$C$346,3,0))^2)/1000,0)</f>
        <v>226</v>
      </c>
      <c r="J27">
        <f ca="1">ROUND(SQRT((VLOOKUP($A27,városok!$A$2:$C$346,2,0)-VLOOKUP(J$1,városok!$A$2:$C$346,2,0))^2+(VLOOKUP($A27,városok!$A$2:$C$346,3,0)-VLOOKUP(J$1,városok!$A$2:$C$346,3,0))^2)/1000,0)</f>
        <v>239</v>
      </c>
      <c r="K27">
        <f ca="1">ROUND(SQRT((VLOOKUP($A27,városok!$A$2:$C$346,2,0)-VLOOKUP(K$1,városok!$A$2:$C$346,2,0))^2+(VLOOKUP($A27,városok!$A$2:$C$346,3,0)-VLOOKUP(K$1,városok!$A$2:$C$346,3,0))^2)/1000,0)</f>
        <v>192</v>
      </c>
      <c r="L27">
        <f ca="1">ROUND(SQRT((VLOOKUP($A27,városok!$A$2:$C$346,2,0)-VLOOKUP(L$1,városok!$A$2:$C$346,2,0))^2+(VLOOKUP($A27,városok!$A$2:$C$346,3,0)-VLOOKUP(L$1,városok!$A$2:$C$346,3,0))^2)/1000,0)</f>
        <v>304</v>
      </c>
      <c r="M27">
        <f ca="1">ROUND(SQRT((VLOOKUP($A27,városok!$A$2:$C$346,2,0)-VLOOKUP(M$1,városok!$A$2:$C$346,2,0))^2+(VLOOKUP($A27,városok!$A$2:$C$346,3,0)-VLOOKUP(M$1,városok!$A$2:$C$346,3,0))^2)/1000,0)</f>
        <v>298</v>
      </c>
      <c r="N27">
        <f ca="1">ROUND(SQRT((VLOOKUP($A27,városok!$A$2:$C$346,2,0)-VLOOKUP(N$1,városok!$A$2:$C$346,2,0))^2+(VLOOKUP($A27,városok!$A$2:$C$346,3,0)-VLOOKUP(N$1,városok!$A$2:$C$346,3,0))^2)/1000,0)</f>
        <v>286</v>
      </c>
      <c r="O27">
        <f ca="1">ROUND(SQRT((VLOOKUP($A27,városok!$A$2:$C$346,2,0)-VLOOKUP(O$1,városok!$A$2:$C$346,2,0))^2+(VLOOKUP($A27,városok!$A$2:$C$346,3,0)-VLOOKUP(O$1,városok!$A$2:$C$346,3,0))^2)/1000,0)</f>
        <v>365</v>
      </c>
      <c r="P27">
        <f ca="1">ROUND(SQRT((VLOOKUP($A27,városok!$A$2:$C$346,2,0)-VLOOKUP(P$1,városok!$A$2:$C$346,2,0))^2+(VLOOKUP($A27,városok!$A$2:$C$346,3,0)-VLOOKUP(P$1,városok!$A$2:$C$346,3,0))^2)/1000,0)</f>
        <v>365</v>
      </c>
      <c r="Q27">
        <f ca="1">ROUND(SQRT((VLOOKUP($A27,városok!$A$2:$C$346,2,0)-VLOOKUP(Q$1,városok!$A$2:$C$346,2,0))^2+(VLOOKUP($A27,városok!$A$2:$C$346,3,0)-VLOOKUP(Q$1,városok!$A$2:$C$346,3,0))^2)/1000,0)</f>
        <v>162</v>
      </c>
      <c r="R27">
        <f ca="1">ROUND(SQRT((VLOOKUP($A27,városok!$A$2:$C$346,2,0)-VLOOKUP(R$1,városok!$A$2:$C$346,2,0))^2+(VLOOKUP($A27,városok!$A$2:$C$346,3,0)-VLOOKUP(R$1,városok!$A$2:$C$346,3,0))^2)/1000,0)</f>
        <v>170</v>
      </c>
      <c r="S27">
        <f ca="1">ROUND(SQRT((VLOOKUP($A27,városok!$A$2:$C$346,2,0)-VLOOKUP(S$1,városok!$A$2:$C$346,2,0))^2+(VLOOKUP($A27,városok!$A$2:$C$346,3,0)-VLOOKUP(S$1,városok!$A$2:$C$346,3,0))^2)/1000,0)</f>
        <v>146</v>
      </c>
      <c r="T27">
        <f ca="1">ROUND(SQRT((VLOOKUP($A27,városok!$A$2:$C$346,2,0)-VLOOKUP(T$1,városok!$A$2:$C$346,2,0))^2+(VLOOKUP($A27,városok!$A$2:$C$346,3,0)-VLOOKUP(T$1,városok!$A$2:$C$346,3,0))^2)/1000,0)</f>
        <v>163</v>
      </c>
      <c r="U27">
        <f ca="1">ROUND(SQRT((VLOOKUP($A27,városok!$A$2:$C$346,2,0)-VLOOKUP(U$1,városok!$A$2:$C$346,2,0))^2+(VLOOKUP($A27,városok!$A$2:$C$346,3,0)-VLOOKUP(U$1,városok!$A$2:$C$346,3,0))^2)/1000,0)</f>
        <v>114</v>
      </c>
      <c r="V27">
        <f ca="1">ROUND(SQRT((VLOOKUP($A27,városok!$A$2:$C$346,2,0)-VLOOKUP(V$1,városok!$A$2:$C$346,2,0))^2+(VLOOKUP($A27,városok!$A$2:$C$346,3,0)-VLOOKUP(V$1,városok!$A$2:$C$346,3,0))^2)/1000,0)</f>
        <v>113</v>
      </c>
      <c r="W27">
        <f ca="1">ROUND(SQRT((VLOOKUP($A27,városok!$A$2:$C$346,2,0)-VLOOKUP(W$1,városok!$A$2:$C$346,2,0))^2+(VLOOKUP($A27,városok!$A$2:$C$346,3,0)-VLOOKUP(W$1,városok!$A$2:$C$346,3,0))^2)/1000,0)</f>
        <v>97</v>
      </c>
      <c r="X27">
        <f ca="1">ROUND(SQRT((VLOOKUP($A27,városok!$A$2:$C$346,2,0)-VLOOKUP(X$1,városok!$A$2:$C$346,2,0))^2+(VLOOKUP($A27,városok!$A$2:$C$346,3,0)-VLOOKUP(X$1,városok!$A$2:$C$346,3,0))^2)/1000,0)</f>
        <v>139</v>
      </c>
      <c r="Y27">
        <f ca="1">ROUND(SQRT((VLOOKUP($A27,városok!$A$2:$C$346,2,0)-VLOOKUP(Y$1,városok!$A$2:$C$346,2,0))^2+(VLOOKUP($A27,városok!$A$2:$C$346,3,0)-VLOOKUP(Y$1,városok!$A$2:$C$346,3,0))^2)/1000,0)</f>
        <v>190</v>
      </c>
      <c r="Z27">
        <f ca="1">ROUND(SQRT((VLOOKUP($A27,városok!$A$2:$C$346,2,0)-VLOOKUP(Z$1,városok!$A$2:$C$346,2,0))^2+(VLOOKUP($A27,városok!$A$2:$C$346,3,0)-VLOOKUP(Z$1,városok!$A$2:$C$346,3,0))^2)/1000,0)</f>
        <v>201</v>
      </c>
      <c r="AA27">
        <f ca="1">ROUND(SQRT((VLOOKUP($A27,városok!$A$2:$C$346,2,0)-VLOOKUP(AA$1,városok!$A$2:$C$346,2,0))^2+(VLOOKUP($A27,városok!$A$2:$C$346,3,0)-VLOOKUP(AA$1,városok!$A$2:$C$346,3,0))^2)/1000,0)</f>
        <v>224</v>
      </c>
      <c r="AB27">
        <f ca="1">ROUND(SQRT((VLOOKUP($A27,városok!$A$2:$C$346,2,0)-VLOOKUP(AB$1,városok!$A$2:$C$346,2,0))^2+(VLOOKUP($A27,városok!$A$2:$C$346,3,0)-VLOOKUP(AB$1,városok!$A$2:$C$346,3,0))^2)/1000,0)</f>
        <v>304</v>
      </c>
      <c r="AC27">
        <f ca="1">ROUND(SQRT((VLOOKUP($A27,városok!$A$2:$C$346,2,0)-VLOOKUP(AC$1,városok!$A$2:$C$346,2,0))^2+(VLOOKUP($A27,városok!$A$2:$C$346,3,0)-VLOOKUP(AC$1,városok!$A$2:$C$346,3,0))^2)/1000,0)</f>
        <v>284</v>
      </c>
      <c r="AD27">
        <f ca="1">ROUND(SQRT((VLOOKUP($A27,városok!$A$2:$C$346,2,0)-VLOOKUP(AD$1,városok!$A$2:$C$346,2,0))^2+(VLOOKUP($A27,városok!$A$2:$C$346,3,0)-VLOOKUP(AD$1,városok!$A$2:$C$346,3,0))^2)/1000,0)</f>
        <v>268</v>
      </c>
      <c r="AE27">
        <f ca="1">ROUND(SQRT((VLOOKUP($A27,városok!$A$2:$C$346,2,0)-VLOOKUP(AE$1,városok!$A$2:$C$346,2,0))^2+(VLOOKUP($A27,városok!$A$2:$C$346,3,0)-VLOOKUP(AE$1,városok!$A$2:$C$346,3,0))^2)/1000,0)</f>
        <v>260</v>
      </c>
      <c r="AF27">
        <f ca="1">ROUND(SQRT((VLOOKUP($A27,városok!$A$2:$C$346,2,0)-VLOOKUP(AF$1,városok!$A$2:$C$346,2,0))^2+(VLOOKUP($A27,városok!$A$2:$C$346,3,0)-VLOOKUP(AF$1,városok!$A$2:$C$346,3,0))^2)/1000,0)</f>
        <v>261</v>
      </c>
      <c r="AG27">
        <f ca="1">ROUND(SQRT((VLOOKUP($A27,városok!$A$2:$C$346,2,0)-VLOOKUP(AG$1,városok!$A$2:$C$346,2,0))^2+(VLOOKUP($A27,városok!$A$2:$C$346,3,0)-VLOOKUP(AG$1,városok!$A$2:$C$346,3,0))^2)/1000,0)</f>
        <v>230</v>
      </c>
      <c r="AH27">
        <f ca="1">ROUND(SQRT((VLOOKUP($A27,városok!$A$2:$C$346,2,0)-VLOOKUP(AH$1,városok!$A$2:$C$346,2,0))^2+(VLOOKUP($A27,városok!$A$2:$C$346,3,0)-VLOOKUP(AH$1,városok!$A$2:$C$346,3,0))^2)/1000,0)</f>
        <v>209</v>
      </c>
      <c r="AI27">
        <f ca="1">ROUND(SQRT((VLOOKUP($A27,városok!$A$2:$C$346,2,0)-VLOOKUP(AI$1,városok!$A$2:$C$346,2,0))^2+(VLOOKUP($A27,városok!$A$2:$C$346,3,0)-VLOOKUP(AI$1,városok!$A$2:$C$346,3,0))^2)/1000,0)</f>
        <v>259</v>
      </c>
      <c r="AJ27">
        <f ca="1">ROUND(SQRT((VLOOKUP($A27,városok!$A$2:$C$346,2,0)-VLOOKUP(AJ$1,városok!$A$2:$C$346,2,0))^2+(VLOOKUP($A27,városok!$A$2:$C$346,3,0)-VLOOKUP(AJ$1,városok!$A$2:$C$346,3,0))^2)/1000,0)</f>
        <v>220</v>
      </c>
      <c r="AK27">
        <f ca="1">ROUND(SQRT((VLOOKUP($A27,városok!$A$2:$C$346,2,0)-VLOOKUP(AK$1,városok!$A$2:$C$346,2,0))^2+(VLOOKUP($A27,városok!$A$2:$C$346,3,0)-VLOOKUP(AK$1,városok!$A$2:$C$346,3,0))^2)/1000,0)</f>
        <v>248</v>
      </c>
      <c r="AL27">
        <f ca="1">ROUND(SQRT((VLOOKUP($A27,városok!$A$2:$C$346,2,0)-VLOOKUP(AL$1,városok!$A$2:$C$346,2,0))^2+(VLOOKUP($A27,városok!$A$2:$C$346,3,0)-VLOOKUP(AL$1,városok!$A$2:$C$346,3,0))^2)/1000,0)</f>
        <v>232</v>
      </c>
      <c r="AM27">
        <f ca="1">ROUND(SQRT((VLOOKUP($A27,városok!$A$2:$C$346,2,0)-VLOOKUP(AM$1,városok!$A$2:$C$346,2,0))^2+(VLOOKUP($A27,városok!$A$2:$C$346,3,0)-VLOOKUP(AM$1,városok!$A$2:$C$346,3,0))^2)/1000,0)</f>
        <v>193</v>
      </c>
      <c r="AN27">
        <f ca="1">ROUND(SQRT((VLOOKUP($A27,városok!$A$2:$C$346,2,0)-VLOOKUP(AN$1,városok!$A$2:$C$346,2,0))^2+(VLOOKUP($A27,városok!$A$2:$C$346,3,0)-VLOOKUP(AN$1,városok!$A$2:$C$346,3,0))^2)/1000,0)</f>
        <v>198</v>
      </c>
      <c r="AO27">
        <f ca="1">ROUND(SQRT((VLOOKUP($A27,városok!$A$2:$C$346,2,0)-VLOOKUP(AO$1,városok!$A$2:$C$346,2,0))^2+(VLOOKUP($A27,városok!$A$2:$C$346,3,0)-VLOOKUP(AO$1,városok!$A$2:$C$346,3,0))^2)/1000,0)</f>
        <v>189</v>
      </c>
      <c r="AP27">
        <f ca="1">ROUND(SQRT((VLOOKUP($A27,városok!$A$2:$C$346,2,0)-VLOOKUP(AP$1,városok!$A$2:$C$346,2,0))^2+(VLOOKUP($A27,városok!$A$2:$C$346,3,0)-VLOOKUP(AP$1,városok!$A$2:$C$346,3,0))^2)/1000,0)</f>
        <v>178</v>
      </c>
      <c r="AQ27">
        <f ca="1">ROUND(SQRT((VLOOKUP($A27,városok!$A$2:$C$346,2,0)-VLOOKUP(AQ$1,városok!$A$2:$C$346,2,0))^2+(VLOOKUP($A27,városok!$A$2:$C$346,3,0)-VLOOKUP(AQ$1,városok!$A$2:$C$346,3,0))^2)/1000,0)</f>
        <v>170</v>
      </c>
      <c r="AR27">
        <f ca="1">ROUND(SQRT((VLOOKUP($A27,városok!$A$2:$C$346,2,0)-VLOOKUP(AR$1,városok!$A$2:$C$346,2,0))^2+(VLOOKUP($A27,városok!$A$2:$C$346,3,0)-VLOOKUP(AR$1,városok!$A$2:$C$346,3,0))^2)/1000,0)</f>
        <v>235</v>
      </c>
      <c r="AS27">
        <f ca="1">ROUND(SQRT((VLOOKUP($A27,városok!$A$2:$C$346,2,0)-VLOOKUP(AS$1,városok!$A$2:$C$346,2,0))^2+(VLOOKUP($A27,városok!$A$2:$C$346,3,0)-VLOOKUP(AS$1,városok!$A$2:$C$346,3,0))^2)/1000,0)</f>
        <v>258</v>
      </c>
      <c r="AT27">
        <f ca="1">ROUND(SQRT((VLOOKUP($A27,városok!$A$2:$C$346,2,0)-VLOOKUP(AT$1,városok!$A$2:$C$346,2,0))^2+(VLOOKUP($A27,városok!$A$2:$C$346,3,0)-VLOOKUP(AT$1,városok!$A$2:$C$346,3,0))^2)/1000,0)</f>
        <v>164</v>
      </c>
      <c r="AU27">
        <f ca="1">ROUND(SQRT((VLOOKUP($A27,városok!$A$2:$C$346,2,0)-VLOOKUP(AU$1,városok!$A$2:$C$346,2,0))^2+(VLOOKUP($A27,városok!$A$2:$C$346,3,0)-VLOOKUP(AU$1,városok!$A$2:$C$346,3,0))^2)/1000,0)</f>
        <v>166</v>
      </c>
      <c r="AV27">
        <f ca="1">ROUND(SQRT((VLOOKUP($A27,városok!$A$2:$C$346,2,0)-VLOOKUP(AV$1,városok!$A$2:$C$346,2,0))^2+(VLOOKUP($A27,városok!$A$2:$C$346,3,0)-VLOOKUP(AV$1,városok!$A$2:$C$346,3,0))^2)/1000,0)</f>
        <v>160</v>
      </c>
      <c r="AW27">
        <f ca="1">ROUND(SQRT((VLOOKUP($A27,városok!$A$2:$C$346,2,0)-VLOOKUP(AW$1,városok!$A$2:$C$346,2,0))^2+(VLOOKUP($A27,városok!$A$2:$C$346,3,0)-VLOOKUP(AW$1,városok!$A$2:$C$346,3,0))^2)/1000,0)</f>
        <v>158</v>
      </c>
      <c r="AX27">
        <f ca="1">ROUND(SQRT((VLOOKUP($A27,városok!$A$2:$C$346,2,0)-VLOOKUP(AX$1,városok!$A$2:$C$346,2,0))^2+(VLOOKUP($A27,városok!$A$2:$C$346,3,0)-VLOOKUP(AX$1,városok!$A$2:$C$346,3,0))^2)/1000,0)</f>
        <v>159</v>
      </c>
      <c r="AY27">
        <f ca="1">ROUND(SQRT((VLOOKUP($A27,városok!$A$2:$C$346,2,0)-VLOOKUP(AY$1,városok!$A$2:$C$346,2,0))^2+(VLOOKUP($A27,városok!$A$2:$C$346,3,0)-VLOOKUP(AY$1,városok!$A$2:$C$346,3,0))^2)/1000,0)</f>
        <v>192</v>
      </c>
      <c r="AZ27">
        <f ca="1">ROUND(SQRT((VLOOKUP($A27,városok!$A$2:$C$346,2,0)-VLOOKUP(AZ$1,városok!$A$2:$C$346,2,0))^2+(VLOOKUP($A27,városok!$A$2:$C$346,3,0)-VLOOKUP(AZ$1,városok!$A$2:$C$346,3,0))^2)/1000,0)</f>
        <v>201</v>
      </c>
      <c r="BA27">
        <f ca="1">ROUND(SQRT((VLOOKUP($A27,városok!$A$2:$C$346,2,0)-VLOOKUP(BA$1,városok!$A$2:$C$346,2,0))^2+(VLOOKUP($A27,városok!$A$2:$C$346,3,0)-VLOOKUP(BA$1,városok!$A$2:$C$346,3,0))^2)/1000,0)</f>
        <v>94</v>
      </c>
      <c r="BB27">
        <f ca="1">ROUND(SQRT((VLOOKUP($A27,városok!$A$2:$C$346,2,0)-VLOOKUP(BB$1,városok!$A$2:$C$346,2,0))^2+(VLOOKUP($A27,városok!$A$2:$C$346,3,0)-VLOOKUP(BB$1,városok!$A$2:$C$346,3,0))^2)/1000,0)</f>
        <v>61</v>
      </c>
      <c r="BC27">
        <f ca="1">ROUND(SQRT((VLOOKUP($A27,városok!$A$2:$C$346,2,0)-VLOOKUP(BC$1,városok!$A$2:$C$346,2,0))^2+(VLOOKUP($A27,városok!$A$2:$C$346,3,0)-VLOOKUP(BC$1,városok!$A$2:$C$346,3,0))^2)/1000,0)</f>
        <v>52</v>
      </c>
      <c r="BD27">
        <f ca="1">ROUND(SQRT((VLOOKUP($A27,városok!$A$2:$C$346,2,0)-VLOOKUP(BD$1,városok!$A$2:$C$346,2,0))^2+(VLOOKUP($A27,városok!$A$2:$C$346,3,0)-VLOOKUP(BD$1,városok!$A$2:$C$346,3,0))^2)/1000,0)</f>
        <v>98</v>
      </c>
      <c r="BE27">
        <f ca="1">ROUND(SQRT((VLOOKUP($A27,városok!$A$2:$C$346,2,0)-VLOOKUP(BE$1,városok!$A$2:$C$346,2,0))^2+(VLOOKUP($A27,városok!$A$2:$C$346,3,0)-VLOOKUP(BE$1,városok!$A$2:$C$346,3,0))^2)/1000,0)</f>
        <v>389</v>
      </c>
      <c r="BF27">
        <f ca="1">ROUND(SQRT((VLOOKUP($A27,városok!$A$2:$C$346,2,0)-VLOOKUP(BF$1,városok!$A$2:$C$346,2,0))^2+(VLOOKUP($A27,városok!$A$2:$C$346,3,0)-VLOOKUP(BF$1,városok!$A$2:$C$346,3,0))^2)/1000,0)</f>
        <v>376</v>
      </c>
      <c r="BG27">
        <f ca="1">ROUND(SQRT((VLOOKUP($A27,városok!$A$2:$C$346,2,0)-VLOOKUP(BG$1,városok!$A$2:$C$346,2,0))^2+(VLOOKUP($A27,városok!$A$2:$C$346,3,0)-VLOOKUP(BG$1,városok!$A$2:$C$346,3,0))^2)/1000,0)</f>
        <v>334</v>
      </c>
      <c r="BH27">
        <f ca="1">ROUND(SQRT((VLOOKUP($A27,városok!$A$2:$C$346,2,0)-VLOOKUP(BH$1,városok!$A$2:$C$346,2,0))^2+(VLOOKUP($A27,városok!$A$2:$C$346,3,0)-VLOOKUP(BH$1,városok!$A$2:$C$346,3,0))^2)/1000,0)</f>
        <v>334</v>
      </c>
      <c r="BI27">
        <f ca="1">ROUND(SQRT((VLOOKUP($A27,városok!$A$2:$C$346,2,0)-VLOOKUP(BI$1,városok!$A$2:$C$346,2,0))^2+(VLOOKUP($A27,városok!$A$2:$C$346,3,0)-VLOOKUP(BI$1,városok!$A$2:$C$346,3,0))^2)/1000,0)</f>
        <v>47</v>
      </c>
      <c r="BJ27">
        <f ca="1">ROUND(SQRT((VLOOKUP($A27,városok!$A$2:$C$346,2,0)-VLOOKUP(BJ$1,városok!$A$2:$C$346,2,0))^2+(VLOOKUP($A27,városok!$A$2:$C$346,3,0)-VLOOKUP(BJ$1,városok!$A$2:$C$346,3,0))^2)/1000,0)</f>
        <v>30</v>
      </c>
      <c r="BK27">
        <f ca="1">ROUND(SQRT((VLOOKUP($A27,városok!$A$2:$C$346,2,0)-VLOOKUP(BK$1,városok!$A$2:$C$346,2,0))^2+(VLOOKUP($A27,városok!$A$2:$C$346,3,0)-VLOOKUP(BK$1,városok!$A$2:$C$346,3,0))^2)/1000,0)</f>
        <v>47</v>
      </c>
      <c r="BL27">
        <f ca="1">ROUND(SQRT((VLOOKUP($A27,városok!$A$2:$C$346,2,0)-VLOOKUP(BL$1,városok!$A$2:$C$346,2,0))^2+(VLOOKUP($A27,városok!$A$2:$C$346,3,0)-VLOOKUP(BL$1,városok!$A$2:$C$346,3,0))^2)/1000,0)</f>
        <v>169</v>
      </c>
      <c r="BM27">
        <f ca="1">ROUND(SQRT((VLOOKUP($A27,városok!$A$2:$C$346,2,0)-VLOOKUP(BM$1,városok!$A$2:$C$346,2,0))^2+(VLOOKUP($A27,városok!$A$2:$C$346,3,0)-VLOOKUP(BM$1,városok!$A$2:$C$346,3,0))^2)/1000,0)</f>
        <v>170</v>
      </c>
      <c r="BN27">
        <f ca="1">ROUND(SQRT((VLOOKUP($A27,városok!$A$2:$C$346,2,0)-VLOOKUP(BN$1,városok!$A$2:$C$346,2,0))^2+(VLOOKUP($A27,városok!$A$2:$C$346,3,0)-VLOOKUP(BN$1,városok!$A$2:$C$346,3,0))^2)/1000,0)</f>
        <v>184</v>
      </c>
      <c r="BO27">
        <f ca="1">ROUND(SQRT((VLOOKUP($A27,városok!$A$2:$C$346,2,0)-VLOOKUP(BO$1,városok!$A$2:$C$346,2,0))^2+(VLOOKUP($A27,városok!$A$2:$C$346,3,0)-VLOOKUP(BO$1,városok!$A$2:$C$346,3,0))^2)/1000,0)</f>
        <v>112</v>
      </c>
      <c r="BP27">
        <f ca="1">ROUND(SQRT((VLOOKUP($A27,városok!$A$2:$C$346,2,0)-VLOOKUP(BP$1,városok!$A$2:$C$346,2,0))^2+(VLOOKUP($A27,városok!$A$2:$C$346,3,0)-VLOOKUP(BP$1,városok!$A$2:$C$346,3,0))^2)/1000,0)</f>
        <v>112</v>
      </c>
      <c r="BQ27">
        <f ca="1">ROUND(SQRT((VLOOKUP($A27,városok!$A$2:$C$346,2,0)-VLOOKUP(BQ$1,városok!$A$2:$C$346,2,0))^2+(VLOOKUP($A27,városok!$A$2:$C$346,3,0)-VLOOKUP(BQ$1,városok!$A$2:$C$346,3,0))^2)/1000,0)</f>
        <v>120</v>
      </c>
      <c r="BR27">
        <f ca="1">ROUND(SQRT((VLOOKUP($A27,városok!$A$2:$C$346,2,0)-VLOOKUP(BR$1,városok!$A$2:$C$346,2,0))^2+(VLOOKUP($A27,városok!$A$2:$C$346,3,0)-VLOOKUP(BR$1,városok!$A$2:$C$346,3,0))^2)/1000,0)</f>
        <v>114</v>
      </c>
      <c r="BS27">
        <f ca="1">ROUND(SQRT((VLOOKUP($A27,városok!$A$2:$C$346,2,0)-VLOOKUP(BS$1,városok!$A$2:$C$346,2,0))^2+(VLOOKUP($A27,városok!$A$2:$C$346,3,0)-VLOOKUP(BS$1,városok!$A$2:$C$346,3,0))^2)/1000,0)</f>
        <v>110</v>
      </c>
      <c r="BT27">
        <f ca="1">ROUND(SQRT((VLOOKUP($A27,városok!$A$2:$C$346,2,0)-VLOOKUP(BT$1,városok!$A$2:$C$346,2,0))^2+(VLOOKUP($A27,városok!$A$2:$C$346,3,0)-VLOOKUP(BT$1,városok!$A$2:$C$346,3,0))^2)/1000,0)</f>
        <v>142</v>
      </c>
    </row>
    <row r="28" spans="1:72" x14ac:dyDescent="0.2">
      <c r="A28" t="str">
        <f>városok!A28</f>
        <v>Mágocs</v>
      </c>
      <c r="B28">
        <f ca="1">ROUND(SQRT((VLOOKUP($A28,városok!$A$2:$C$346,2,0)-VLOOKUP(B$1,városok!$A$2:$C$346,2,0))^2+(VLOOKUP($A28,városok!$A$2:$C$346,3,0)-VLOOKUP(B$1,városok!$A$2:$C$346,3,0))^2)/1000,0)</f>
        <v>59</v>
      </c>
      <c r="C28">
        <f ca="1">ROUND(SQRT((VLOOKUP($A28,városok!$A$2:$C$346,2,0)-VLOOKUP(C$1,városok!$A$2:$C$346,2,0))^2+(VLOOKUP($A28,városok!$A$2:$C$346,3,0)-VLOOKUP(C$1,városok!$A$2:$C$346,3,0))^2)/1000,0)</f>
        <v>61</v>
      </c>
      <c r="D28">
        <f ca="1">ROUND(SQRT((VLOOKUP($A28,városok!$A$2:$C$346,2,0)-VLOOKUP(D$1,városok!$A$2:$C$346,2,0))^2+(VLOOKUP($A28,városok!$A$2:$C$346,3,0)-VLOOKUP(D$1,városok!$A$2:$C$346,3,0))^2)/1000,0)</f>
        <v>128</v>
      </c>
      <c r="E28">
        <f ca="1">ROUND(SQRT((VLOOKUP($A28,városok!$A$2:$C$346,2,0)-VLOOKUP(E$1,városok!$A$2:$C$346,2,0))^2+(VLOOKUP($A28,városok!$A$2:$C$346,3,0)-VLOOKUP(E$1,városok!$A$2:$C$346,3,0))^2)/1000,0)</f>
        <v>18</v>
      </c>
      <c r="F28">
        <f ca="1">ROUND(SQRT((VLOOKUP($A28,városok!$A$2:$C$346,2,0)-VLOOKUP(F$1,városok!$A$2:$C$346,2,0))^2+(VLOOKUP($A28,városok!$A$2:$C$346,3,0)-VLOOKUP(F$1,városok!$A$2:$C$346,3,0))^2)/1000,0)</f>
        <v>53</v>
      </c>
      <c r="G28">
        <f ca="1">ROUND(SQRT((VLOOKUP($A28,városok!$A$2:$C$346,2,0)-VLOOKUP(G$1,városok!$A$2:$C$346,2,0))^2+(VLOOKUP($A28,városok!$A$2:$C$346,3,0)-VLOOKUP(G$1,városok!$A$2:$C$346,3,0))^2)/1000,0)</f>
        <v>30</v>
      </c>
      <c r="H28">
        <f ca="1">ROUND(SQRT((VLOOKUP($A28,városok!$A$2:$C$346,2,0)-VLOOKUP(H$1,városok!$A$2:$C$346,2,0))^2+(VLOOKUP($A28,városok!$A$2:$C$346,3,0)-VLOOKUP(H$1,városok!$A$2:$C$346,3,0))^2)/1000,0)</f>
        <v>47</v>
      </c>
      <c r="I28">
        <f ca="1">ROUND(SQRT((VLOOKUP($A28,városok!$A$2:$C$346,2,0)-VLOOKUP(I$1,városok!$A$2:$C$346,2,0))^2+(VLOOKUP($A28,városok!$A$2:$C$346,3,0)-VLOOKUP(I$1,városok!$A$2:$C$346,3,0))^2)/1000,0)</f>
        <v>222</v>
      </c>
      <c r="J28">
        <f ca="1">ROUND(SQRT((VLOOKUP($A28,városok!$A$2:$C$346,2,0)-VLOOKUP(J$1,városok!$A$2:$C$346,2,0))^2+(VLOOKUP($A28,városok!$A$2:$C$346,3,0)-VLOOKUP(J$1,városok!$A$2:$C$346,3,0))^2)/1000,0)</f>
        <v>236</v>
      </c>
      <c r="K28">
        <f ca="1">ROUND(SQRT((VLOOKUP($A28,városok!$A$2:$C$346,2,0)-VLOOKUP(K$1,városok!$A$2:$C$346,2,0))^2+(VLOOKUP($A28,városok!$A$2:$C$346,3,0)-VLOOKUP(K$1,városok!$A$2:$C$346,3,0))^2)/1000,0)</f>
        <v>189</v>
      </c>
      <c r="L28">
        <f ca="1">ROUND(SQRT((VLOOKUP($A28,városok!$A$2:$C$346,2,0)-VLOOKUP(L$1,városok!$A$2:$C$346,2,0))^2+(VLOOKUP($A28,városok!$A$2:$C$346,3,0)-VLOOKUP(L$1,városok!$A$2:$C$346,3,0))^2)/1000,0)</f>
        <v>279</v>
      </c>
      <c r="M28">
        <f ca="1">ROUND(SQRT((VLOOKUP($A28,városok!$A$2:$C$346,2,0)-VLOOKUP(M$1,városok!$A$2:$C$346,2,0))^2+(VLOOKUP($A28,városok!$A$2:$C$346,3,0)-VLOOKUP(M$1,városok!$A$2:$C$346,3,0))^2)/1000,0)</f>
        <v>275</v>
      </c>
      <c r="N28">
        <f ca="1">ROUND(SQRT((VLOOKUP($A28,városok!$A$2:$C$346,2,0)-VLOOKUP(N$1,városok!$A$2:$C$346,2,0))^2+(VLOOKUP($A28,városok!$A$2:$C$346,3,0)-VLOOKUP(N$1,városok!$A$2:$C$346,3,0))^2)/1000,0)</f>
        <v>260</v>
      </c>
      <c r="O28">
        <f ca="1">ROUND(SQRT((VLOOKUP($A28,városok!$A$2:$C$346,2,0)-VLOOKUP(O$1,városok!$A$2:$C$346,2,0))^2+(VLOOKUP($A28,városok!$A$2:$C$346,3,0)-VLOOKUP(O$1,városok!$A$2:$C$346,3,0))^2)/1000,0)</f>
        <v>344</v>
      </c>
      <c r="P28">
        <f ca="1">ROUND(SQRT((VLOOKUP($A28,városok!$A$2:$C$346,2,0)-VLOOKUP(P$1,városok!$A$2:$C$346,2,0))^2+(VLOOKUP($A28,városok!$A$2:$C$346,3,0)-VLOOKUP(P$1,városok!$A$2:$C$346,3,0))^2)/1000,0)</f>
        <v>344</v>
      </c>
      <c r="Q28">
        <f ca="1">ROUND(SQRT((VLOOKUP($A28,városok!$A$2:$C$346,2,0)-VLOOKUP(Q$1,városok!$A$2:$C$346,2,0))^2+(VLOOKUP($A28,városok!$A$2:$C$346,3,0)-VLOOKUP(Q$1,városok!$A$2:$C$346,3,0))^2)/1000,0)</f>
        <v>161</v>
      </c>
      <c r="R28">
        <f ca="1">ROUND(SQRT((VLOOKUP($A28,városok!$A$2:$C$346,2,0)-VLOOKUP(R$1,városok!$A$2:$C$346,2,0))^2+(VLOOKUP($A28,városok!$A$2:$C$346,3,0)-VLOOKUP(R$1,városok!$A$2:$C$346,3,0))^2)/1000,0)</f>
        <v>173</v>
      </c>
      <c r="S28">
        <f ca="1">ROUND(SQRT((VLOOKUP($A28,városok!$A$2:$C$346,2,0)-VLOOKUP(S$1,városok!$A$2:$C$346,2,0))^2+(VLOOKUP($A28,városok!$A$2:$C$346,3,0)-VLOOKUP(S$1,városok!$A$2:$C$346,3,0))^2)/1000,0)</f>
        <v>149</v>
      </c>
      <c r="T28">
        <f ca="1">ROUND(SQRT((VLOOKUP($A28,városok!$A$2:$C$346,2,0)-VLOOKUP(T$1,városok!$A$2:$C$346,2,0))^2+(VLOOKUP($A28,városok!$A$2:$C$346,3,0)-VLOOKUP(T$1,városok!$A$2:$C$346,3,0))^2)/1000,0)</f>
        <v>130</v>
      </c>
      <c r="U28">
        <f ca="1">ROUND(SQRT((VLOOKUP($A28,városok!$A$2:$C$346,2,0)-VLOOKUP(U$1,városok!$A$2:$C$346,2,0))^2+(VLOOKUP($A28,városok!$A$2:$C$346,3,0)-VLOOKUP(U$1,városok!$A$2:$C$346,3,0))^2)/1000,0)</f>
        <v>87</v>
      </c>
      <c r="V28">
        <f ca="1">ROUND(SQRT((VLOOKUP($A28,városok!$A$2:$C$346,2,0)-VLOOKUP(V$1,városok!$A$2:$C$346,2,0))^2+(VLOOKUP($A28,városok!$A$2:$C$346,3,0)-VLOOKUP(V$1,városok!$A$2:$C$346,3,0))^2)/1000,0)</f>
        <v>79</v>
      </c>
      <c r="W28">
        <f ca="1">ROUND(SQRT((VLOOKUP($A28,városok!$A$2:$C$346,2,0)-VLOOKUP(W$1,városok!$A$2:$C$346,2,0))^2+(VLOOKUP($A28,városok!$A$2:$C$346,3,0)-VLOOKUP(W$1,városok!$A$2:$C$346,3,0))^2)/1000,0)</f>
        <v>67</v>
      </c>
      <c r="X28">
        <f ca="1">ROUND(SQRT((VLOOKUP($A28,városok!$A$2:$C$346,2,0)-VLOOKUP(X$1,városok!$A$2:$C$346,2,0))^2+(VLOOKUP($A28,városok!$A$2:$C$346,3,0)-VLOOKUP(X$1,városok!$A$2:$C$346,3,0))^2)/1000,0)</f>
        <v>105</v>
      </c>
      <c r="Y28">
        <f ca="1">ROUND(SQRT((VLOOKUP($A28,városok!$A$2:$C$346,2,0)-VLOOKUP(Y$1,városok!$A$2:$C$346,2,0))^2+(VLOOKUP($A28,városok!$A$2:$C$346,3,0)-VLOOKUP(Y$1,városok!$A$2:$C$346,3,0))^2)/1000,0)</f>
        <v>156</v>
      </c>
      <c r="Z28">
        <f ca="1">ROUND(SQRT((VLOOKUP($A28,városok!$A$2:$C$346,2,0)-VLOOKUP(Z$1,városok!$A$2:$C$346,2,0))^2+(VLOOKUP($A28,városok!$A$2:$C$346,3,0)-VLOOKUP(Z$1,városok!$A$2:$C$346,3,0))^2)/1000,0)</f>
        <v>167</v>
      </c>
      <c r="AA28">
        <f ca="1">ROUND(SQRT((VLOOKUP($A28,városok!$A$2:$C$346,2,0)-VLOOKUP(AA$1,városok!$A$2:$C$346,2,0))^2+(VLOOKUP($A28,városok!$A$2:$C$346,3,0)-VLOOKUP(AA$1,városok!$A$2:$C$346,3,0))^2)/1000,0)</f>
        <v>194</v>
      </c>
      <c r="AB28">
        <f ca="1">ROUND(SQRT((VLOOKUP($A28,városok!$A$2:$C$346,2,0)-VLOOKUP(AB$1,városok!$A$2:$C$346,2,0))^2+(VLOOKUP($A28,városok!$A$2:$C$346,3,0)-VLOOKUP(AB$1,városok!$A$2:$C$346,3,0))^2)/1000,0)</f>
        <v>290</v>
      </c>
      <c r="AC28">
        <f ca="1">ROUND(SQRT((VLOOKUP($A28,városok!$A$2:$C$346,2,0)-VLOOKUP(AC$1,városok!$A$2:$C$346,2,0))^2+(VLOOKUP($A28,városok!$A$2:$C$346,3,0)-VLOOKUP(AC$1,városok!$A$2:$C$346,3,0))^2)/1000,0)</f>
        <v>270</v>
      </c>
      <c r="AD28">
        <f ca="1">ROUND(SQRT((VLOOKUP($A28,városok!$A$2:$C$346,2,0)-VLOOKUP(AD$1,városok!$A$2:$C$346,2,0))^2+(VLOOKUP($A28,városok!$A$2:$C$346,3,0)-VLOOKUP(AD$1,városok!$A$2:$C$346,3,0))^2)/1000,0)</f>
        <v>253</v>
      </c>
      <c r="AE28">
        <f ca="1">ROUND(SQRT((VLOOKUP($A28,városok!$A$2:$C$346,2,0)-VLOOKUP(AE$1,városok!$A$2:$C$346,2,0))^2+(VLOOKUP($A28,városok!$A$2:$C$346,3,0)-VLOOKUP(AE$1,városok!$A$2:$C$346,3,0))^2)/1000,0)</f>
        <v>247</v>
      </c>
      <c r="AF28">
        <f ca="1">ROUND(SQRT((VLOOKUP($A28,városok!$A$2:$C$346,2,0)-VLOOKUP(AF$1,városok!$A$2:$C$346,2,0))^2+(VLOOKUP($A28,városok!$A$2:$C$346,3,0)-VLOOKUP(AF$1,városok!$A$2:$C$346,3,0))^2)/1000,0)</f>
        <v>237</v>
      </c>
      <c r="AG28">
        <f ca="1">ROUND(SQRT((VLOOKUP($A28,városok!$A$2:$C$346,2,0)-VLOOKUP(AG$1,városok!$A$2:$C$346,2,0))^2+(VLOOKUP($A28,városok!$A$2:$C$346,3,0)-VLOOKUP(AG$1,városok!$A$2:$C$346,3,0))^2)/1000,0)</f>
        <v>205</v>
      </c>
      <c r="AH28">
        <f ca="1">ROUND(SQRT((VLOOKUP($A28,városok!$A$2:$C$346,2,0)-VLOOKUP(AH$1,városok!$A$2:$C$346,2,0))^2+(VLOOKUP($A28,városok!$A$2:$C$346,3,0)-VLOOKUP(AH$1,városok!$A$2:$C$346,3,0))^2)/1000,0)</f>
        <v>183</v>
      </c>
      <c r="AI28">
        <f ca="1">ROUND(SQRT((VLOOKUP($A28,városok!$A$2:$C$346,2,0)-VLOOKUP(AI$1,városok!$A$2:$C$346,2,0))^2+(VLOOKUP($A28,városok!$A$2:$C$346,3,0)-VLOOKUP(AI$1,városok!$A$2:$C$346,3,0))^2)/1000,0)</f>
        <v>233</v>
      </c>
      <c r="AJ28">
        <f ca="1">ROUND(SQRT((VLOOKUP($A28,városok!$A$2:$C$346,2,0)-VLOOKUP(AJ$1,városok!$A$2:$C$346,2,0))^2+(VLOOKUP($A28,városok!$A$2:$C$346,3,0)-VLOOKUP(AJ$1,városok!$A$2:$C$346,3,0))^2)/1000,0)</f>
        <v>196</v>
      </c>
      <c r="AK28">
        <f ca="1">ROUND(SQRT((VLOOKUP($A28,városok!$A$2:$C$346,2,0)-VLOOKUP(AK$1,városok!$A$2:$C$346,2,0))^2+(VLOOKUP($A28,városok!$A$2:$C$346,3,0)-VLOOKUP(AK$1,városok!$A$2:$C$346,3,0))^2)/1000,0)</f>
        <v>234</v>
      </c>
      <c r="AL28">
        <f ca="1">ROUND(SQRT((VLOOKUP($A28,városok!$A$2:$C$346,2,0)-VLOOKUP(AL$1,városok!$A$2:$C$346,2,0))^2+(VLOOKUP($A28,városok!$A$2:$C$346,3,0)-VLOOKUP(AL$1,városok!$A$2:$C$346,3,0))^2)/1000,0)</f>
        <v>215</v>
      </c>
      <c r="AM28">
        <f ca="1">ROUND(SQRT((VLOOKUP($A28,városok!$A$2:$C$346,2,0)-VLOOKUP(AM$1,városok!$A$2:$C$346,2,0))^2+(VLOOKUP($A28,városok!$A$2:$C$346,3,0)-VLOOKUP(AM$1,városok!$A$2:$C$346,3,0))^2)/1000,0)</f>
        <v>175</v>
      </c>
      <c r="AN28">
        <f ca="1">ROUND(SQRT((VLOOKUP($A28,városok!$A$2:$C$346,2,0)-VLOOKUP(AN$1,városok!$A$2:$C$346,2,0))^2+(VLOOKUP($A28,városok!$A$2:$C$346,3,0)-VLOOKUP(AN$1,városok!$A$2:$C$346,3,0))^2)/1000,0)</f>
        <v>165</v>
      </c>
      <c r="AO28">
        <f ca="1">ROUND(SQRT((VLOOKUP($A28,városok!$A$2:$C$346,2,0)-VLOOKUP(AO$1,városok!$A$2:$C$346,2,0))^2+(VLOOKUP($A28,városok!$A$2:$C$346,3,0)-VLOOKUP(AO$1,városok!$A$2:$C$346,3,0))^2)/1000,0)</f>
        <v>155</v>
      </c>
      <c r="AP28">
        <f ca="1">ROUND(SQRT((VLOOKUP($A28,városok!$A$2:$C$346,2,0)-VLOOKUP(AP$1,városok!$A$2:$C$346,2,0))^2+(VLOOKUP($A28,városok!$A$2:$C$346,3,0)-VLOOKUP(AP$1,városok!$A$2:$C$346,3,0))^2)/1000,0)</f>
        <v>144</v>
      </c>
      <c r="AQ28">
        <f ca="1">ROUND(SQRT((VLOOKUP($A28,városok!$A$2:$C$346,2,0)-VLOOKUP(AQ$1,városok!$A$2:$C$346,2,0))^2+(VLOOKUP($A28,városok!$A$2:$C$346,3,0)-VLOOKUP(AQ$1,városok!$A$2:$C$346,3,0))^2)/1000,0)</f>
        <v>136</v>
      </c>
      <c r="AR28">
        <f ca="1">ROUND(SQRT((VLOOKUP($A28,városok!$A$2:$C$346,2,0)-VLOOKUP(AR$1,városok!$A$2:$C$346,2,0))^2+(VLOOKUP($A28,városok!$A$2:$C$346,3,0)-VLOOKUP(AR$1,városok!$A$2:$C$346,3,0))^2)/1000,0)</f>
        <v>207</v>
      </c>
      <c r="AS28">
        <f ca="1">ROUND(SQRT((VLOOKUP($A28,városok!$A$2:$C$346,2,0)-VLOOKUP(AS$1,városok!$A$2:$C$346,2,0))^2+(VLOOKUP($A28,városok!$A$2:$C$346,3,0)-VLOOKUP(AS$1,városok!$A$2:$C$346,3,0))^2)/1000,0)</f>
        <v>230</v>
      </c>
      <c r="AT28">
        <f ca="1">ROUND(SQRT((VLOOKUP($A28,városok!$A$2:$C$346,2,0)-VLOOKUP(AT$1,városok!$A$2:$C$346,2,0))^2+(VLOOKUP($A28,városok!$A$2:$C$346,3,0)-VLOOKUP(AT$1,városok!$A$2:$C$346,3,0))^2)/1000,0)</f>
        <v>133</v>
      </c>
      <c r="AU28">
        <f ca="1">ROUND(SQRT((VLOOKUP($A28,városok!$A$2:$C$346,2,0)-VLOOKUP(AU$1,városok!$A$2:$C$346,2,0))^2+(VLOOKUP($A28,városok!$A$2:$C$346,3,0)-VLOOKUP(AU$1,városok!$A$2:$C$346,3,0))^2)/1000,0)</f>
        <v>135</v>
      </c>
      <c r="AV28">
        <f ca="1">ROUND(SQRT((VLOOKUP($A28,városok!$A$2:$C$346,2,0)-VLOOKUP(AV$1,városok!$A$2:$C$346,2,0))^2+(VLOOKUP($A28,városok!$A$2:$C$346,3,0)-VLOOKUP(AV$1,városok!$A$2:$C$346,3,0))^2)/1000,0)</f>
        <v>130</v>
      </c>
      <c r="AW28">
        <f ca="1">ROUND(SQRT((VLOOKUP($A28,városok!$A$2:$C$346,2,0)-VLOOKUP(AW$1,városok!$A$2:$C$346,2,0))^2+(VLOOKUP($A28,városok!$A$2:$C$346,3,0)-VLOOKUP(AW$1,városok!$A$2:$C$346,3,0))^2)/1000,0)</f>
        <v>127</v>
      </c>
      <c r="AX28">
        <f ca="1">ROUND(SQRT((VLOOKUP($A28,városok!$A$2:$C$346,2,0)-VLOOKUP(AX$1,városok!$A$2:$C$346,2,0))^2+(VLOOKUP($A28,városok!$A$2:$C$346,3,0)-VLOOKUP(AX$1,városok!$A$2:$C$346,3,0))^2)/1000,0)</f>
        <v>141</v>
      </c>
      <c r="AY28">
        <f ca="1">ROUND(SQRT((VLOOKUP($A28,városok!$A$2:$C$346,2,0)-VLOOKUP(AY$1,városok!$A$2:$C$346,2,0))^2+(VLOOKUP($A28,városok!$A$2:$C$346,3,0)-VLOOKUP(AY$1,városok!$A$2:$C$346,3,0))^2)/1000,0)</f>
        <v>161</v>
      </c>
      <c r="AZ28">
        <f ca="1">ROUND(SQRT((VLOOKUP($A28,városok!$A$2:$C$346,2,0)-VLOOKUP(AZ$1,városok!$A$2:$C$346,2,0))^2+(VLOOKUP($A28,városok!$A$2:$C$346,3,0)-VLOOKUP(AZ$1,városok!$A$2:$C$346,3,0))^2)/1000,0)</f>
        <v>169</v>
      </c>
      <c r="BA28">
        <f ca="1">ROUND(SQRT((VLOOKUP($A28,városok!$A$2:$C$346,2,0)-VLOOKUP(BA$1,városok!$A$2:$C$346,2,0))^2+(VLOOKUP($A28,városok!$A$2:$C$346,3,0)-VLOOKUP(BA$1,városok!$A$2:$C$346,3,0))^2)/1000,0)</f>
        <v>63</v>
      </c>
      <c r="BB28">
        <f ca="1">ROUND(SQRT((VLOOKUP($A28,városok!$A$2:$C$346,2,0)-VLOOKUP(BB$1,városok!$A$2:$C$346,2,0))^2+(VLOOKUP($A28,városok!$A$2:$C$346,3,0)-VLOOKUP(BB$1,városok!$A$2:$C$346,3,0))^2)/1000,0)</f>
        <v>31</v>
      </c>
      <c r="BC28">
        <f ca="1">ROUND(SQRT((VLOOKUP($A28,városok!$A$2:$C$346,2,0)-VLOOKUP(BC$1,városok!$A$2:$C$346,2,0))^2+(VLOOKUP($A28,városok!$A$2:$C$346,3,0)-VLOOKUP(BC$1,városok!$A$2:$C$346,3,0))^2)/1000,0)</f>
        <v>34</v>
      </c>
      <c r="BD28">
        <f ca="1">ROUND(SQRT((VLOOKUP($A28,városok!$A$2:$C$346,2,0)-VLOOKUP(BD$1,városok!$A$2:$C$346,2,0))^2+(VLOOKUP($A28,városok!$A$2:$C$346,3,0)-VLOOKUP(BD$1,városok!$A$2:$C$346,3,0))^2)/1000,0)</f>
        <v>64</v>
      </c>
      <c r="BE28">
        <f ca="1">ROUND(SQRT((VLOOKUP($A28,városok!$A$2:$C$346,2,0)-VLOOKUP(BE$1,városok!$A$2:$C$346,2,0))^2+(VLOOKUP($A28,városok!$A$2:$C$346,3,0)-VLOOKUP(BE$1,városok!$A$2:$C$346,3,0))^2)/1000,0)</f>
        <v>375</v>
      </c>
      <c r="BF28">
        <f ca="1">ROUND(SQRT((VLOOKUP($A28,városok!$A$2:$C$346,2,0)-VLOOKUP(BF$1,városok!$A$2:$C$346,2,0))^2+(VLOOKUP($A28,városok!$A$2:$C$346,3,0)-VLOOKUP(BF$1,városok!$A$2:$C$346,3,0))^2)/1000,0)</f>
        <v>358</v>
      </c>
      <c r="BG28">
        <f ca="1">ROUND(SQRT((VLOOKUP($A28,városok!$A$2:$C$346,2,0)-VLOOKUP(BG$1,városok!$A$2:$C$346,2,0))^2+(VLOOKUP($A28,városok!$A$2:$C$346,3,0)-VLOOKUP(BG$1,városok!$A$2:$C$346,3,0))^2)/1000,0)</f>
        <v>315</v>
      </c>
      <c r="BH28">
        <f ca="1">ROUND(SQRT((VLOOKUP($A28,városok!$A$2:$C$346,2,0)-VLOOKUP(BH$1,városok!$A$2:$C$346,2,0))^2+(VLOOKUP($A28,városok!$A$2:$C$346,3,0)-VLOOKUP(BH$1,városok!$A$2:$C$346,3,0))^2)/1000,0)</f>
        <v>314</v>
      </c>
      <c r="BI28">
        <f ca="1">ROUND(SQRT((VLOOKUP($A28,városok!$A$2:$C$346,2,0)-VLOOKUP(BI$1,városok!$A$2:$C$346,2,0))^2+(VLOOKUP($A28,városok!$A$2:$C$346,3,0)-VLOOKUP(BI$1,városok!$A$2:$C$346,3,0))^2)/1000,0)</f>
        <v>30</v>
      </c>
      <c r="BJ28">
        <f ca="1">ROUND(SQRT((VLOOKUP($A28,városok!$A$2:$C$346,2,0)-VLOOKUP(BJ$1,városok!$A$2:$C$346,2,0))^2+(VLOOKUP($A28,városok!$A$2:$C$346,3,0)-VLOOKUP(BJ$1,városok!$A$2:$C$346,3,0))^2)/1000,0)</f>
        <v>19</v>
      </c>
      <c r="BK28">
        <f ca="1">ROUND(SQRT((VLOOKUP($A28,városok!$A$2:$C$346,2,0)-VLOOKUP(BK$1,városok!$A$2:$C$346,2,0))^2+(VLOOKUP($A28,városok!$A$2:$C$346,3,0)-VLOOKUP(BK$1,városok!$A$2:$C$346,3,0))^2)/1000,0)</f>
        <v>36</v>
      </c>
      <c r="BL28">
        <f ca="1">ROUND(SQRT((VLOOKUP($A28,városok!$A$2:$C$346,2,0)-VLOOKUP(BL$1,városok!$A$2:$C$346,2,0))^2+(VLOOKUP($A28,városok!$A$2:$C$346,3,0)-VLOOKUP(BL$1,városok!$A$2:$C$346,3,0))^2)/1000,0)</f>
        <v>145</v>
      </c>
      <c r="BM28">
        <f ca="1">ROUND(SQRT((VLOOKUP($A28,városok!$A$2:$C$346,2,0)-VLOOKUP(BM$1,városok!$A$2:$C$346,2,0))^2+(VLOOKUP($A28,városok!$A$2:$C$346,3,0)-VLOOKUP(BM$1,városok!$A$2:$C$346,3,0))^2)/1000,0)</f>
        <v>141</v>
      </c>
      <c r="BN28">
        <f ca="1">ROUND(SQRT((VLOOKUP($A28,városok!$A$2:$C$346,2,0)-VLOOKUP(BN$1,városok!$A$2:$C$346,2,0))^2+(VLOOKUP($A28,városok!$A$2:$C$346,3,0)-VLOOKUP(BN$1,városok!$A$2:$C$346,3,0))^2)/1000,0)</f>
        <v>157</v>
      </c>
      <c r="BO28">
        <f ca="1">ROUND(SQRT((VLOOKUP($A28,városok!$A$2:$C$346,2,0)-VLOOKUP(BO$1,városok!$A$2:$C$346,2,0))^2+(VLOOKUP($A28,városok!$A$2:$C$346,3,0)-VLOOKUP(BO$1,városok!$A$2:$C$346,3,0))^2)/1000,0)</f>
        <v>78</v>
      </c>
      <c r="BP28">
        <f ca="1">ROUND(SQRT((VLOOKUP($A28,városok!$A$2:$C$346,2,0)-VLOOKUP(BP$1,városok!$A$2:$C$346,2,0))^2+(VLOOKUP($A28,városok!$A$2:$C$346,3,0)-VLOOKUP(BP$1,városok!$A$2:$C$346,3,0))^2)/1000,0)</f>
        <v>77</v>
      </c>
      <c r="BQ28">
        <f ca="1">ROUND(SQRT((VLOOKUP($A28,városok!$A$2:$C$346,2,0)-VLOOKUP(BQ$1,városok!$A$2:$C$346,2,0))^2+(VLOOKUP($A28,városok!$A$2:$C$346,3,0)-VLOOKUP(BQ$1,városok!$A$2:$C$346,3,0))^2)/1000,0)</f>
        <v>86</v>
      </c>
      <c r="BR28">
        <f ca="1">ROUND(SQRT((VLOOKUP($A28,városok!$A$2:$C$346,2,0)-VLOOKUP(BR$1,városok!$A$2:$C$346,2,0))^2+(VLOOKUP($A28,városok!$A$2:$C$346,3,0)-VLOOKUP(BR$1,városok!$A$2:$C$346,3,0))^2)/1000,0)</f>
        <v>88</v>
      </c>
      <c r="BS28">
        <f ca="1">ROUND(SQRT((VLOOKUP($A28,városok!$A$2:$C$346,2,0)-VLOOKUP(BS$1,városok!$A$2:$C$346,2,0))^2+(VLOOKUP($A28,városok!$A$2:$C$346,3,0)-VLOOKUP(BS$1,városok!$A$2:$C$346,3,0))^2)/1000,0)</f>
        <v>96</v>
      </c>
      <c r="BT28">
        <f ca="1">ROUND(SQRT((VLOOKUP($A28,városok!$A$2:$C$346,2,0)-VLOOKUP(BT$1,városok!$A$2:$C$346,2,0))^2+(VLOOKUP($A28,városok!$A$2:$C$346,3,0)-VLOOKUP(BT$1,városok!$A$2:$C$346,3,0))^2)/1000,0)</f>
        <v>120</v>
      </c>
    </row>
    <row r="29" spans="1:72" x14ac:dyDescent="0.2">
      <c r="A29" t="str">
        <f>városok!A29</f>
        <v>Mohács</v>
      </c>
      <c r="B29">
        <f ca="1">ROUND(SQRT((VLOOKUP($A29,városok!$A$2:$C$346,2,0)-VLOOKUP(B$1,városok!$A$2:$C$346,2,0))^2+(VLOOKUP($A29,városok!$A$2:$C$346,3,0)-VLOOKUP(B$1,városok!$A$2:$C$346,3,0))^2)/1000,0)</f>
        <v>30</v>
      </c>
      <c r="C29">
        <f ca="1">ROUND(SQRT((VLOOKUP($A29,városok!$A$2:$C$346,2,0)-VLOOKUP(C$1,városok!$A$2:$C$346,2,0))^2+(VLOOKUP($A29,városok!$A$2:$C$346,3,0)-VLOOKUP(C$1,városok!$A$2:$C$346,3,0))^2)/1000,0)</f>
        <v>64</v>
      </c>
      <c r="D29">
        <f ca="1">ROUND(SQRT((VLOOKUP($A29,városok!$A$2:$C$346,2,0)-VLOOKUP(D$1,városok!$A$2:$C$346,2,0))^2+(VLOOKUP($A29,városok!$A$2:$C$346,3,0)-VLOOKUP(D$1,városok!$A$2:$C$346,3,0))^2)/1000,0)</f>
        <v>128</v>
      </c>
      <c r="E29">
        <f ca="1">ROUND(SQRT((VLOOKUP($A29,városok!$A$2:$C$346,2,0)-VLOOKUP(E$1,városok!$A$2:$C$346,2,0))^2+(VLOOKUP($A29,városok!$A$2:$C$346,3,0)-VLOOKUP(E$1,városok!$A$2:$C$346,3,0))^2)/1000,0)</f>
        <v>40</v>
      </c>
      <c r="F29">
        <f ca="1">ROUND(SQRT((VLOOKUP($A29,városok!$A$2:$C$346,2,0)-VLOOKUP(F$1,városok!$A$2:$C$346,2,0))^2+(VLOOKUP($A29,városok!$A$2:$C$346,3,0)-VLOOKUP(F$1,városok!$A$2:$C$346,3,0))^2)/1000,0)</f>
        <v>0</v>
      </c>
      <c r="G29">
        <f ca="1">ROUND(SQRT((VLOOKUP($A29,városok!$A$2:$C$346,2,0)-VLOOKUP(G$1,városok!$A$2:$C$346,2,0))^2+(VLOOKUP($A29,városok!$A$2:$C$346,3,0)-VLOOKUP(G$1,városok!$A$2:$C$346,3,0))^2)/1000,0)</f>
        <v>35</v>
      </c>
      <c r="H29">
        <f ca="1">ROUND(SQRT((VLOOKUP($A29,városok!$A$2:$C$346,2,0)-VLOOKUP(H$1,városok!$A$2:$C$346,2,0))^2+(VLOOKUP($A29,városok!$A$2:$C$346,3,0)-VLOOKUP(H$1,városok!$A$2:$C$346,3,0))^2)/1000,0)</f>
        <v>69</v>
      </c>
      <c r="I29">
        <f ca="1">ROUND(SQRT((VLOOKUP($A29,városok!$A$2:$C$346,2,0)-VLOOKUP(I$1,városok!$A$2:$C$346,2,0))^2+(VLOOKUP($A29,városok!$A$2:$C$346,3,0)-VLOOKUP(I$1,városok!$A$2:$C$346,3,0))^2)/1000,0)</f>
        <v>199</v>
      </c>
      <c r="J29">
        <f ca="1">ROUND(SQRT((VLOOKUP($A29,városok!$A$2:$C$346,2,0)-VLOOKUP(J$1,városok!$A$2:$C$346,2,0))^2+(VLOOKUP($A29,városok!$A$2:$C$346,3,0)-VLOOKUP(J$1,városok!$A$2:$C$346,3,0))^2)/1000,0)</f>
        <v>212</v>
      </c>
      <c r="K29">
        <f ca="1">ROUND(SQRT((VLOOKUP($A29,városok!$A$2:$C$346,2,0)-VLOOKUP(K$1,városok!$A$2:$C$346,2,0))^2+(VLOOKUP($A29,városok!$A$2:$C$346,3,0)-VLOOKUP(K$1,városok!$A$2:$C$346,3,0))^2)/1000,0)</f>
        <v>166</v>
      </c>
      <c r="L29">
        <f ca="1">ROUND(SQRT((VLOOKUP($A29,városok!$A$2:$C$346,2,0)-VLOOKUP(L$1,városok!$A$2:$C$346,2,0))^2+(VLOOKUP($A29,városok!$A$2:$C$346,3,0)-VLOOKUP(L$1,városok!$A$2:$C$346,3,0))^2)/1000,0)</f>
        <v>292</v>
      </c>
      <c r="M29">
        <f ca="1">ROUND(SQRT((VLOOKUP($A29,városok!$A$2:$C$346,2,0)-VLOOKUP(M$1,városok!$A$2:$C$346,2,0))^2+(VLOOKUP($A29,városok!$A$2:$C$346,3,0)-VLOOKUP(M$1,városok!$A$2:$C$346,3,0))^2)/1000,0)</f>
        <v>284</v>
      </c>
      <c r="N29">
        <f ca="1">ROUND(SQRT((VLOOKUP($A29,városok!$A$2:$C$346,2,0)-VLOOKUP(N$1,városok!$A$2:$C$346,2,0))^2+(VLOOKUP($A29,városok!$A$2:$C$346,3,0)-VLOOKUP(N$1,városok!$A$2:$C$346,3,0))^2)/1000,0)</f>
        <v>276</v>
      </c>
      <c r="O29">
        <f ca="1">ROUND(SQRT((VLOOKUP($A29,városok!$A$2:$C$346,2,0)-VLOOKUP(O$1,városok!$A$2:$C$346,2,0))^2+(VLOOKUP($A29,városok!$A$2:$C$346,3,0)-VLOOKUP(O$1,városok!$A$2:$C$346,3,0))^2)/1000,0)</f>
        <v>349</v>
      </c>
      <c r="P29">
        <f ca="1">ROUND(SQRT((VLOOKUP($A29,városok!$A$2:$C$346,2,0)-VLOOKUP(P$1,városok!$A$2:$C$346,2,0))^2+(VLOOKUP($A29,városok!$A$2:$C$346,3,0)-VLOOKUP(P$1,városok!$A$2:$C$346,3,0))^2)/1000,0)</f>
        <v>349</v>
      </c>
      <c r="Q29">
        <f ca="1">ROUND(SQRT((VLOOKUP($A29,városok!$A$2:$C$346,2,0)-VLOOKUP(Q$1,városok!$A$2:$C$346,2,0))^2+(VLOOKUP($A29,városok!$A$2:$C$346,3,0)-VLOOKUP(Q$1,városok!$A$2:$C$346,3,0))^2)/1000,0)</f>
        <v>135</v>
      </c>
      <c r="R29">
        <f ca="1">ROUND(SQRT((VLOOKUP($A29,városok!$A$2:$C$346,2,0)-VLOOKUP(R$1,városok!$A$2:$C$346,2,0))^2+(VLOOKUP($A29,városok!$A$2:$C$346,3,0)-VLOOKUP(R$1,városok!$A$2:$C$346,3,0))^2)/1000,0)</f>
        <v>141</v>
      </c>
      <c r="S29">
        <f ca="1">ROUND(SQRT((VLOOKUP($A29,városok!$A$2:$C$346,2,0)-VLOOKUP(S$1,városok!$A$2:$C$346,2,0))^2+(VLOOKUP($A29,városok!$A$2:$C$346,3,0)-VLOOKUP(S$1,városok!$A$2:$C$346,3,0))^2)/1000,0)</f>
        <v>117</v>
      </c>
      <c r="T29">
        <f ca="1">ROUND(SQRT((VLOOKUP($A29,városok!$A$2:$C$346,2,0)-VLOOKUP(T$1,városok!$A$2:$C$346,2,0))^2+(VLOOKUP($A29,városok!$A$2:$C$346,3,0)-VLOOKUP(T$1,városok!$A$2:$C$346,3,0))^2)/1000,0)</f>
        <v>167</v>
      </c>
      <c r="U29">
        <f ca="1">ROUND(SQRT((VLOOKUP($A29,városok!$A$2:$C$346,2,0)-VLOOKUP(U$1,városok!$A$2:$C$346,2,0))^2+(VLOOKUP($A29,városok!$A$2:$C$346,3,0)-VLOOKUP(U$1,városok!$A$2:$C$346,3,0))^2)/1000,0)</f>
        <v>110</v>
      </c>
      <c r="V29">
        <f ca="1">ROUND(SQRT((VLOOKUP($A29,városok!$A$2:$C$346,2,0)-VLOOKUP(V$1,városok!$A$2:$C$346,2,0))^2+(VLOOKUP($A29,városok!$A$2:$C$346,3,0)-VLOOKUP(V$1,városok!$A$2:$C$346,3,0))^2)/1000,0)</f>
        <v>123</v>
      </c>
      <c r="W29">
        <f ca="1">ROUND(SQRT((VLOOKUP($A29,városok!$A$2:$C$346,2,0)-VLOOKUP(W$1,városok!$A$2:$C$346,2,0))^2+(VLOOKUP($A29,városok!$A$2:$C$346,3,0)-VLOOKUP(W$1,városok!$A$2:$C$346,3,0))^2)/1000,0)</f>
        <v>100</v>
      </c>
      <c r="X29">
        <f ca="1">ROUND(SQRT((VLOOKUP($A29,városok!$A$2:$C$346,2,0)-VLOOKUP(X$1,városok!$A$2:$C$346,2,0))^2+(VLOOKUP($A29,városok!$A$2:$C$346,3,0)-VLOOKUP(X$1,városok!$A$2:$C$346,3,0))^2)/1000,0)</f>
        <v>147</v>
      </c>
      <c r="Y29">
        <f ca="1">ROUND(SQRT((VLOOKUP($A29,városok!$A$2:$C$346,2,0)-VLOOKUP(Y$1,városok!$A$2:$C$346,2,0))^2+(VLOOKUP($A29,városok!$A$2:$C$346,3,0)-VLOOKUP(Y$1,városok!$A$2:$C$346,3,0))^2)/1000,0)</f>
        <v>205</v>
      </c>
      <c r="Z29">
        <f ca="1">ROUND(SQRT((VLOOKUP($A29,városok!$A$2:$C$346,2,0)-VLOOKUP(Z$1,városok!$A$2:$C$346,2,0))^2+(VLOOKUP($A29,városok!$A$2:$C$346,3,0)-VLOOKUP(Z$1,városok!$A$2:$C$346,3,0))^2)/1000,0)</f>
        <v>218</v>
      </c>
      <c r="AA29">
        <f ca="1">ROUND(SQRT((VLOOKUP($A29,városok!$A$2:$C$346,2,0)-VLOOKUP(AA$1,városok!$A$2:$C$346,2,0))^2+(VLOOKUP($A29,városok!$A$2:$C$346,3,0)-VLOOKUP(AA$1,városok!$A$2:$C$346,3,0))^2)/1000,0)</f>
        <v>247</v>
      </c>
      <c r="AB29">
        <f ca="1">ROUND(SQRT((VLOOKUP($A29,városok!$A$2:$C$346,2,0)-VLOOKUP(AB$1,városok!$A$2:$C$346,2,0))^2+(VLOOKUP($A29,városok!$A$2:$C$346,3,0)-VLOOKUP(AB$1,városok!$A$2:$C$346,3,0))^2)/1000,0)</f>
        <v>283</v>
      </c>
      <c r="AC29">
        <f ca="1">ROUND(SQRT((VLOOKUP($A29,városok!$A$2:$C$346,2,0)-VLOOKUP(AC$1,városok!$A$2:$C$346,2,0))^2+(VLOOKUP($A29,városok!$A$2:$C$346,3,0)-VLOOKUP(AC$1,városok!$A$2:$C$346,3,0))^2)/1000,0)</f>
        <v>263</v>
      </c>
      <c r="AD29">
        <f ca="1">ROUND(SQRT((VLOOKUP($A29,városok!$A$2:$C$346,2,0)-VLOOKUP(AD$1,városok!$A$2:$C$346,2,0))^2+(VLOOKUP($A29,városok!$A$2:$C$346,3,0)-VLOOKUP(AD$1,városok!$A$2:$C$346,3,0))^2)/1000,0)</f>
        <v>248</v>
      </c>
      <c r="AE29">
        <f ca="1">ROUND(SQRT((VLOOKUP($A29,városok!$A$2:$C$346,2,0)-VLOOKUP(AE$1,városok!$A$2:$C$346,2,0))^2+(VLOOKUP($A29,városok!$A$2:$C$346,3,0)-VLOOKUP(AE$1,városok!$A$2:$C$346,3,0))^2)/1000,0)</f>
        <v>238</v>
      </c>
      <c r="AF29">
        <f ca="1">ROUND(SQRT((VLOOKUP($A29,városok!$A$2:$C$346,2,0)-VLOOKUP(AF$1,városok!$A$2:$C$346,2,0))^2+(VLOOKUP($A29,városok!$A$2:$C$346,3,0)-VLOOKUP(AF$1,városok!$A$2:$C$346,3,0))^2)/1000,0)</f>
        <v>248</v>
      </c>
      <c r="AG29">
        <f ca="1">ROUND(SQRT((VLOOKUP($A29,városok!$A$2:$C$346,2,0)-VLOOKUP(AG$1,városok!$A$2:$C$346,2,0))^2+(VLOOKUP($A29,városok!$A$2:$C$346,3,0)-VLOOKUP(AG$1,városok!$A$2:$C$346,3,0))^2)/1000,0)</f>
        <v>220</v>
      </c>
      <c r="AH29">
        <f ca="1">ROUND(SQRT((VLOOKUP($A29,városok!$A$2:$C$346,2,0)-VLOOKUP(AH$1,városok!$A$2:$C$346,2,0))^2+(VLOOKUP($A29,városok!$A$2:$C$346,3,0)-VLOOKUP(AH$1,városok!$A$2:$C$346,3,0))^2)/1000,0)</f>
        <v>201</v>
      </c>
      <c r="AI29">
        <f ca="1">ROUND(SQRT((VLOOKUP($A29,városok!$A$2:$C$346,2,0)-VLOOKUP(AI$1,városok!$A$2:$C$346,2,0))^2+(VLOOKUP($A29,városok!$A$2:$C$346,3,0)-VLOOKUP(AI$1,városok!$A$2:$C$346,3,0))^2)/1000,0)</f>
        <v>250</v>
      </c>
      <c r="AJ29">
        <f ca="1">ROUND(SQRT((VLOOKUP($A29,városok!$A$2:$C$346,2,0)-VLOOKUP(AJ$1,városok!$A$2:$C$346,2,0))^2+(VLOOKUP($A29,városok!$A$2:$C$346,3,0)-VLOOKUP(AJ$1,városok!$A$2:$C$346,3,0))^2)/1000,0)</f>
        <v>208</v>
      </c>
      <c r="AK29">
        <f ca="1">ROUND(SQRT((VLOOKUP($A29,városok!$A$2:$C$346,2,0)-VLOOKUP(AK$1,városok!$A$2:$C$346,2,0))^2+(VLOOKUP($A29,városok!$A$2:$C$346,3,0)-VLOOKUP(AK$1,városok!$A$2:$C$346,3,0))^2)/1000,0)</f>
        <v>227</v>
      </c>
      <c r="AL29">
        <f ca="1">ROUND(SQRT((VLOOKUP($A29,városok!$A$2:$C$346,2,0)-VLOOKUP(AL$1,városok!$A$2:$C$346,2,0))^2+(VLOOKUP($A29,városok!$A$2:$C$346,3,0)-VLOOKUP(AL$1,városok!$A$2:$C$346,3,0))^2)/1000,0)</f>
        <v>213</v>
      </c>
      <c r="AM29">
        <f ca="1">ROUND(SQRT((VLOOKUP($A29,városok!$A$2:$C$346,2,0)-VLOOKUP(AM$1,városok!$A$2:$C$346,2,0))^2+(VLOOKUP($A29,városok!$A$2:$C$346,3,0)-VLOOKUP(AM$1,városok!$A$2:$C$346,3,0))^2)/1000,0)</f>
        <v>175</v>
      </c>
      <c r="AN29">
        <f ca="1">ROUND(SQRT((VLOOKUP($A29,városok!$A$2:$C$346,2,0)-VLOOKUP(AN$1,városok!$A$2:$C$346,2,0))^2+(VLOOKUP($A29,városok!$A$2:$C$346,3,0)-VLOOKUP(AN$1,városok!$A$2:$C$346,3,0))^2)/1000,0)</f>
        <v>200</v>
      </c>
      <c r="AO29">
        <f ca="1">ROUND(SQRT((VLOOKUP($A29,városok!$A$2:$C$346,2,0)-VLOOKUP(AO$1,városok!$A$2:$C$346,2,0))^2+(VLOOKUP($A29,városok!$A$2:$C$346,3,0)-VLOOKUP(AO$1,városok!$A$2:$C$346,3,0))^2)/1000,0)</f>
        <v>199</v>
      </c>
      <c r="AP29">
        <f ca="1">ROUND(SQRT((VLOOKUP($A29,városok!$A$2:$C$346,2,0)-VLOOKUP(AP$1,városok!$A$2:$C$346,2,0))^2+(VLOOKUP($A29,városok!$A$2:$C$346,3,0)-VLOOKUP(AP$1,városok!$A$2:$C$346,3,0))^2)/1000,0)</f>
        <v>186</v>
      </c>
      <c r="AQ29">
        <f ca="1">ROUND(SQRT((VLOOKUP($A29,városok!$A$2:$C$346,2,0)-VLOOKUP(AQ$1,városok!$A$2:$C$346,2,0))^2+(VLOOKUP($A29,városok!$A$2:$C$346,3,0)-VLOOKUP(AQ$1,városok!$A$2:$C$346,3,0))^2)/1000,0)</f>
        <v>177</v>
      </c>
      <c r="AR29">
        <f ca="1">ROUND(SQRT((VLOOKUP($A29,városok!$A$2:$C$346,2,0)-VLOOKUP(AR$1,városok!$A$2:$C$346,2,0))^2+(VLOOKUP($A29,városok!$A$2:$C$346,3,0)-VLOOKUP(AR$1,városok!$A$2:$C$346,3,0))^2)/1000,0)</f>
        <v>228</v>
      </c>
      <c r="AS29">
        <f ca="1">ROUND(SQRT((VLOOKUP($A29,városok!$A$2:$C$346,2,0)-VLOOKUP(AS$1,városok!$A$2:$C$346,2,0))^2+(VLOOKUP($A29,városok!$A$2:$C$346,3,0)-VLOOKUP(AS$1,városok!$A$2:$C$346,3,0))^2)/1000,0)</f>
        <v>251</v>
      </c>
      <c r="AT29">
        <f ca="1">ROUND(SQRT((VLOOKUP($A29,városok!$A$2:$C$346,2,0)-VLOOKUP(AT$1,városok!$A$2:$C$346,2,0))^2+(VLOOKUP($A29,városok!$A$2:$C$346,3,0)-VLOOKUP(AT$1,városok!$A$2:$C$346,3,0))^2)/1000,0)</f>
        <v>165</v>
      </c>
      <c r="AU29">
        <f ca="1">ROUND(SQRT((VLOOKUP($A29,városok!$A$2:$C$346,2,0)-VLOOKUP(AU$1,városok!$A$2:$C$346,2,0))^2+(VLOOKUP($A29,városok!$A$2:$C$346,3,0)-VLOOKUP(AU$1,városok!$A$2:$C$346,3,0))^2)/1000,0)</f>
        <v>165</v>
      </c>
      <c r="AV29">
        <f ca="1">ROUND(SQRT((VLOOKUP($A29,városok!$A$2:$C$346,2,0)-VLOOKUP(AV$1,városok!$A$2:$C$346,2,0))^2+(VLOOKUP($A29,városok!$A$2:$C$346,3,0)-VLOOKUP(AV$1,városok!$A$2:$C$346,3,0))^2)/1000,0)</f>
        <v>159</v>
      </c>
      <c r="AW29">
        <f ca="1">ROUND(SQRT((VLOOKUP($A29,városok!$A$2:$C$346,2,0)-VLOOKUP(AW$1,városok!$A$2:$C$346,2,0))^2+(VLOOKUP($A29,városok!$A$2:$C$346,3,0)-VLOOKUP(AW$1,városok!$A$2:$C$346,3,0))^2)/1000,0)</f>
        <v>157</v>
      </c>
      <c r="AX29">
        <f ca="1">ROUND(SQRT((VLOOKUP($A29,városok!$A$2:$C$346,2,0)-VLOOKUP(AX$1,városok!$A$2:$C$346,2,0))^2+(VLOOKUP($A29,városok!$A$2:$C$346,3,0)-VLOOKUP(AX$1,városok!$A$2:$C$346,3,0))^2)/1000,0)</f>
        <v>143</v>
      </c>
      <c r="AY29">
        <f ca="1">ROUND(SQRT((VLOOKUP($A29,városok!$A$2:$C$346,2,0)-VLOOKUP(AY$1,városok!$A$2:$C$346,2,0))^2+(VLOOKUP($A29,városok!$A$2:$C$346,3,0)-VLOOKUP(AY$1,városok!$A$2:$C$346,3,0))^2)/1000,0)</f>
        <v>190</v>
      </c>
      <c r="AZ29">
        <f ca="1">ROUND(SQRT((VLOOKUP($A29,városok!$A$2:$C$346,2,0)-VLOOKUP(AZ$1,városok!$A$2:$C$346,2,0))^2+(VLOOKUP($A29,városok!$A$2:$C$346,3,0)-VLOOKUP(AZ$1,városok!$A$2:$C$346,3,0))^2)/1000,0)</f>
        <v>201</v>
      </c>
      <c r="BA29">
        <f ca="1">ROUND(SQRT((VLOOKUP($A29,városok!$A$2:$C$346,2,0)-VLOOKUP(BA$1,városok!$A$2:$C$346,2,0))^2+(VLOOKUP($A29,városok!$A$2:$C$346,3,0)-VLOOKUP(BA$1,városok!$A$2:$C$346,3,0))^2)/1000,0)</f>
        <v>116</v>
      </c>
      <c r="BB29">
        <f ca="1">ROUND(SQRT((VLOOKUP($A29,városok!$A$2:$C$346,2,0)-VLOOKUP(BB$1,városok!$A$2:$C$346,2,0))^2+(VLOOKUP($A29,városok!$A$2:$C$346,3,0)-VLOOKUP(BB$1,városok!$A$2:$C$346,3,0))^2)/1000,0)</f>
        <v>84</v>
      </c>
      <c r="BC29">
        <f ca="1">ROUND(SQRT((VLOOKUP($A29,városok!$A$2:$C$346,2,0)-VLOOKUP(BC$1,városok!$A$2:$C$346,2,0))^2+(VLOOKUP($A29,városok!$A$2:$C$346,3,0)-VLOOKUP(BC$1,városok!$A$2:$C$346,3,0))^2)/1000,0)</f>
        <v>80</v>
      </c>
      <c r="BD29">
        <f ca="1">ROUND(SQRT((VLOOKUP($A29,városok!$A$2:$C$346,2,0)-VLOOKUP(BD$1,városok!$A$2:$C$346,2,0))^2+(VLOOKUP($A29,városok!$A$2:$C$346,3,0)-VLOOKUP(BD$1,városok!$A$2:$C$346,3,0))^2)/1000,0)</f>
        <v>113</v>
      </c>
      <c r="BE29">
        <f ca="1">ROUND(SQRT((VLOOKUP($A29,városok!$A$2:$C$346,2,0)-VLOOKUP(BE$1,városok!$A$2:$C$346,2,0))^2+(VLOOKUP($A29,városok!$A$2:$C$346,3,0)-VLOOKUP(BE$1,városok!$A$2:$C$346,3,0))^2)/1000,0)</f>
        <v>366</v>
      </c>
      <c r="BF29">
        <f ca="1">ROUND(SQRT((VLOOKUP($A29,városok!$A$2:$C$346,2,0)-VLOOKUP(BF$1,városok!$A$2:$C$346,2,0))^2+(VLOOKUP($A29,városok!$A$2:$C$346,3,0)-VLOOKUP(BF$1,városok!$A$2:$C$346,3,0))^2)/1000,0)</f>
        <v>357</v>
      </c>
      <c r="BG29">
        <f ca="1">ROUND(SQRT((VLOOKUP($A29,városok!$A$2:$C$346,2,0)-VLOOKUP(BG$1,városok!$A$2:$C$346,2,0))^2+(VLOOKUP($A29,városok!$A$2:$C$346,3,0)-VLOOKUP(BG$1,városok!$A$2:$C$346,3,0))^2)/1000,0)</f>
        <v>318</v>
      </c>
      <c r="BH29">
        <f ca="1">ROUND(SQRT((VLOOKUP($A29,városok!$A$2:$C$346,2,0)-VLOOKUP(BH$1,városok!$A$2:$C$346,2,0))^2+(VLOOKUP($A29,városok!$A$2:$C$346,3,0)-VLOOKUP(BH$1,városok!$A$2:$C$346,3,0))^2)/1000,0)</f>
        <v>317</v>
      </c>
      <c r="BI29">
        <f ca="1">ROUND(SQRT((VLOOKUP($A29,városok!$A$2:$C$346,2,0)-VLOOKUP(BI$1,városok!$A$2:$C$346,2,0))^2+(VLOOKUP($A29,városok!$A$2:$C$346,3,0)-VLOOKUP(BI$1,városok!$A$2:$C$346,3,0))^2)/1000,0)</f>
        <v>46</v>
      </c>
      <c r="BJ29">
        <f ca="1">ROUND(SQRT((VLOOKUP($A29,városok!$A$2:$C$346,2,0)-VLOOKUP(BJ$1,városok!$A$2:$C$346,2,0))^2+(VLOOKUP($A29,városok!$A$2:$C$346,3,0)-VLOOKUP(BJ$1,városok!$A$2:$C$346,3,0))^2)/1000,0)</f>
        <v>37</v>
      </c>
      <c r="BK29">
        <f ca="1">ROUND(SQRT((VLOOKUP($A29,városok!$A$2:$C$346,2,0)-VLOOKUP(BK$1,városok!$A$2:$C$346,2,0))^2+(VLOOKUP($A29,városok!$A$2:$C$346,3,0)-VLOOKUP(BK$1,városok!$A$2:$C$346,3,0))^2)/1000,0)</f>
        <v>40</v>
      </c>
      <c r="BL29">
        <f ca="1">ROUND(SQRT((VLOOKUP($A29,városok!$A$2:$C$346,2,0)-VLOOKUP(BL$1,városok!$A$2:$C$346,2,0))^2+(VLOOKUP($A29,városok!$A$2:$C$346,3,0)-VLOOKUP(BL$1,városok!$A$2:$C$346,3,0))^2)/1000,0)</f>
        <v>196</v>
      </c>
      <c r="BM29">
        <f ca="1">ROUND(SQRT((VLOOKUP($A29,városok!$A$2:$C$346,2,0)-VLOOKUP(BM$1,városok!$A$2:$C$346,2,0))^2+(VLOOKUP($A29,városok!$A$2:$C$346,3,0)-VLOOKUP(BM$1,városok!$A$2:$C$346,3,0))^2)/1000,0)</f>
        <v>194</v>
      </c>
      <c r="BN29">
        <f ca="1">ROUND(SQRT((VLOOKUP($A29,városok!$A$2:$C$346,2,0)-VLOOKUP(BN$1,városok!$A$2:$C$346,2,0))^2+(VLOOKUP($A29,városok!$A$2:$C$346,3,0)-VLOOKUP(BN$1,városok!$A$2:$C$346,3,0))^2)/1000,0)</f>
        <v>210</v>
      </c>
      <c r="BO29">
        <f ca="1">ROUND(SQRT((VLOOKUP($A29,városok!$A$2:$C$346,2,0)-VLOOKUP(BO$1,városok!$A$2:$C$346,2,0))^2+(VLOOKUP($A29,városok!$A$2:$C$346,3,0)-VLOOKUP(BO$1,városok!$A$2:$C$346,3,0))^2)/1000,0)</f>
        <v>127</v>
      </c>
      <c r="BP29">
        <f ca="1">ROUND(SQRT((VLOOKUP($A29,városok!$A$2:$C$346,2,0)-VLOOKUP(BP$1,városok!$A$2:$C$346,2,0))^2+(VLOOKUP($A29,városok!$A$2:$C$346,3,0)-VLOOKUP(BP$1,városok!$A$2:$C$346,3,0))^2)/1000,0)</f>
        <v>124</v>
      </c>
      <c r="BQ29">
        <f ca="1">ROUND(SQRT((VLOOKUP($A29,városok!$A$2:$C$346,2,0)-VLOOKUP(BQ$1,városok!$A$2:$C$346,2,0))^2+(VLOOKUP($A29,városok!$A$2:$C$346,3,0)-VLOOKUP(BQ$1,városok!$A$2:$C$346,3,0))^2)/1000,0)</f>
        <v>136</v>
      </c>
      <c r="BR29">
        <f ca="1">ROUND(SQRT((VLOOKUP($A29,városok!$A$2:$C$346,2,0)-VLOOKUP(BR$1,városok!$A$2:$C$346,2,0))^2+(VLOOKUP($A29,városok!$A$2:$C$346,3,0)-VLOOKUP(BR$1,városok!$A$2:$C$346,3,0))^2)/1000,0)</f>
        <v>140</v>
      </c>
      <c r="BS29">
        <f ca="1">ROUND(SQRT((VLOOKUP($A29,városok!$A$2:$C$346,2,0)-VLOOKUP(BS$1,városok!$A$2:$C$346,2,0))^2+(VLOOKUP($A29,városok!$A$2:$C$346,3,0)-VLOOKUP(BS$1,városok!$A$2:$C$346,3,0))^2)/1000,0)</f>
        <v>140</v>
      </c>
      <c r="BT29">
        <f ca="1">ROUND(SQRT((VLOOKUP($A29,városok!$A$2:$C$346,2,0)-VLOOKUP(BT$1,városok!$A$2:$C$346,2,0))^2+(VLOOKUP($A29,városok!$A$2:$C$346,3,0)-VLOOKUP(BT$1,városok!$A$2:$C$346,3,0))^2)/1000,0)</f>
        <v>170</v>
      </c>
    </row>
    <row r="30" spans="1:72" x14ac:dyDescent="0.2">
      <c r="A30" t="str">
        <f>városok!A30</f>
        <v>Pécs</v>
      </c>
      <c r="B30">
        <f ca="1">ROUND(SQRT((VLOOKUP($A30,városok!$A$2:$C$346,2,0)-VLOOKUP(B$1,városok!$A$2:$C$346,2,0))^2+(VLOOKUP($A30,városok!$A$2:$C$346,3,0)-VLOOKUP(B$1,városok!$A$2:$C$346,3,0))^2)/1000,0)</f>
        <v>56</v>
      </c>
      <c r="C30">
        <f ca="1">ROUND(SQRT((VLOOKUP($A30,városok!$A$2:$C$346,2,0)-VLOOKUP(C$1,városok!$A$2:$C$346,2,0))^2+(VLOOKUP($A30,városok!$A$2:$C$346,3,0)-VLOOKUP(C$1,városok!$A$2:$C$346,3,0))^2)/1000,0)</f>
        <v>75</v>
      </c>
      <c r="D30">
        <f ca="1">ROUND(SQRT((VLOOKUP($A30,városok!$A$2:$C$346,2,0)-VLOOKUP(D$1,városok!$A$2:$C$346,2,0))^2+(VLOOKUP($A30,városok!$A$2:$C$346,3,0)-VLOOKUP(D$1,városok!$A$2:$C$346,3,0))^2)/1000,0)</f>
        <v>144</v>
      </c>
      <c r="E30">
        <f ca="1">ROUND(SQRT((VLOOKUP($A30,városok!$A$2:$C$346,2,0)-VLOOKUP(E$1,városok!$A$2:$C$346,2,0))^2+(VLOOKUP($A30,városok!$A$2:$C$346,3,0)-VLOOKUP(E$1,városok!$A$2:$C$346,3,0))^2)/1000,0)</f>
        <v>12</v>
      </c>
      <c r="F30">
        <f ca="1">ROUND(SQRT((VLOOKUP($A30,városok!$A$2:$C$346,2,0)-VLOOKUP(F$1,városok!$A$2:$C$346,2,0))^2+(VLOOKUP($A30,városok!$A$2:$C$346,3,0)-VLOOKUP(F$1,városok!$A$2:$C$346,3,0))^2)/1000,0)</f>
        <v>35</v>
      </c>
      <c r="G30">
        <f ca="1">ROUND(SQRT((VLOOKUP($A30,városok!$A$2:$C$346,2,0)-VLOOKUP(G$1,városok!$A$2:$C$346,2,0))^2+(VLOOKUP($A30,városok!$A$2:$C$346,3,0)-VLOOKUP(G$1,városok!$A$2:$C$346,3,0))^2)/1000,0)</f>
        <v>0</v>
      </c>
      <c r="H30">
        <f ca="1">ROUND(SQRT((VLOOKUP($A30,városok!$A$2:$C$346,2,0)-VLOOKUP(H$1,városok!$A$2:$C$346,2,0))^2+(VLOOKUP($A30,városok!$A$2:$C$346,3,0)-VLOOKUP(H$1,városok!$A$2:$C$346,3,0))^2)/1000,0)</f>
        <v>35</v>
      </c>
      <c r="I30">
        <f ca="1">ROUND(SQRT((VLOOKUP($A30,városok!$A$2:$C$346,2,0)-VLOOKUP(I$1,városok!$A$2:$C$346,2,0))^2+(VLOOKUP($A30,városok!$A$2:$C$346,3,0)-VLOOKUP(I$1,városok!$A$2:$C$346,3,0))^2)/1000,0)</f>
        <v>228</v>
      </c>
      <c r="J30">
        <f ca="1">ROUND(SQRT((VLOOKUP($A30,városok!$A$2:$C$346,2,0)-VLOOKUP(J$1,városok!$A$2:$C$346,2,0))^2+(VLOOKUP($A30,városok!$A$2:$C$346,3,0)-VLOOKUP(J$1,városok!$A$2:$C$346,3,0))^2)/1000,0)</f>
        <v>241</v>
      </c>
      <c r="K30">
        <f ca="1">ROUND(SQRT((VLOOKUP($A30,városok!$A$2:$C$346,2,0)-VLOOKUP(K$1,városok!$A$2:$C$346,2,0))^2+(VLOOKUP($A30,városok!$A$2:$C$346,3,0)-VLOOKUP(K$1,városok!$A$2:$C$346,3,0))^2)/1000,0)</f>
        <v>194</v>
      </c>
      <c r="L30">
        <f ca="1">ROUND(SQRT((VLOOKUP($A30,városok!$A$2:$C$346,2,0)-VLOOKUP(L$1,városok!$A$2:$C$346,2,0))^2+(VLOOKUP($A30,városok!$A$2:$C$346,3,0)-VLOOKUP(L$1,városok!$A$2:$C$346,3,0))^2)/1000,0)</f>
        <v>302</v>
      </c>
      <c r="M30">
        <f ca="1">ROUND(SQRT((VLOOKUP($A30,városok!$A$2:$C$346,2,0)-VLOOKUP(M$1,városok!$A$2:$C$346,2,0))^2+(VLOOKUP($A30,városok!$A$2:$C$346,3,0)-VLOOKUP(M$1,városok!$A$2:$C$346,3,0))^2)/1000,0)</f>
        <v>297</v>
      </c>
      <c r="N30">
        <f ca="1">ROUND(SQRT((VLOOKUP($A30,városok!$A$2:$C$346,2,0)-VLOOKUP(N$1,városok!$A$2:$C$346,2,0))^2+(VLOOKUP($A30,városok!$A$2:$C$346,3,0)-VLOOKUP(N$1,városok!$A$2:$C$346,3,0))^2)/1000,0)</f>
        <v>284</v>
      </c>
      <c r="O30">
        <f ca="1">ROUND(SQRT((VLOOKUP($A30,városok!$A$2:$C$346,2,0)-VLOOKUP(O$1,városok!$A$2:$C$346,2,0))^2+(VLOOKUP($A30,városok!$A$2:$C$346,3,0)-VLOOKUP(O$1,városok!$A$2:$C$346,3,0))^2)/1000,0)</f>
        <v>364</v>
      </c>
      <c r="P30">
        <f ca="1">ROUND(SQRT((VLOOKUP($A30,városok!$A$2:$C$346,2,0)-VLOOKUP(P$1,városok!$A$2:$C$346,2,0))^2+(VLOOKUP($A30,városok!$A$2:$C$346,3,0)-VLOOKUP(P$1,városok!$A$2:$C$346,3,0))^2)/1000,0)</f>
        <v>364</v>
      </c>
      <c r="Q30">
        <f ca="1">ROUND(SQRT((VLOOKUP($A30,városok!$A$2:$C$346,2,0)-VLOOKUP(Q$1,városok!$A$2:$C$346,2,0))^2+(VLOOKUP($A30,városok!$A$2:$C$346,3,0)-VLOOKUP(Q$1,városok!$A$2:$C$346,3,0))^2)/1000,0)</f>
        <v>164</v>
      </c>
      <c r="R30">
        <f ca="1">ROUND(SQRT((VLOOKUP($A30,városok!$A$2:$C$346,2,0)-VLOOKUP(R$1,városok!$A$2:$C$346,2,0))^2+(VLOOKUP($A30,városok!$A$2:$C$346,3,0)-VLOOKUP(R$1,városok!$A$2:$C$346,3,0))^2)/1000,0)</f>
        <v>173</v>
      </c>
      <c r="S30">
        <f ca="1">ROUND(SQRT((VLOOKUP($A30,városok!$A$2:$C$346,2,0)-VLOOKUP(S$1,városok!$A$2:$C$346,2,0))^2+(VLOOKUP($A30,városok!$A$2:$C$346,3,0)-VLOOKUP(S$1,városok!$A$2:$C$346,3,0))^2)/1000,0)</f>
        <v>149</v>
      </c>
      <c r="T30">
        <f ca="1">ROUND(SQRT((VLOOKUP($A30,városok!$A$2:$C$346,2,0)-VLOOKUP(T$1,városok!$A$2:$C$346,2,0))^2+(VLOOKUP($A30,városok!$A$2:$C$346,3,0)-VLOOKUP(T$1,városok!$A$2:$C$346,3,0))^2)/1000,0)</f>
        <v>160</v>
      </c>
      <c r="U30">
        <f ca="1">ROUND(SQRT((VLOOKUP($A30,városok!$A$2:$C$346,2,0)-VLOOKUP(U$1,városok!$A$2:$C$346,2,0))^2+(VLOOKUP($A30,városok!$A$2:$C$346,3,0)-VLOOKUP(U$1,városok!$A$2:$C$346,3,0))^2)/1000,0)</f>
        <v>112</v>
      </c>
      <c r="V30">
        <f ca="1">ROUND(SQRT((VLOOKUP($A30,városok!$A$2:$C$346,2,0)-VLOOKUP(V$1,városok!$A$2:$C$346,2,0))^2+(VLOOKUP($A30,városok!$A$2:$C$346,3,0)-VLOOKUP(V$1,városok!$A$2:$C$346,3,0))^2)/1000,0)</f>
        <v>109</v>
      </c>
      <c r="W30">
        <f ca="1">ROUND(SQRT((VLOOKUP($A30,városok!$A$2:$C$346,2,0)-VLOOKUP(W$1,városok!$A$2:$C$346,2,0))^2+(VLOOKUP($A30,városok!$A$2:$C$346,3,0)-VLOOKUP(W$1,városok!$A$2:$C$346,3,0))^2)/1000,0)</f>
        <v>94</v>
      </c>
      <c r="X30">
        <f ca="1">ROUND(SQRT((VLOOKUP($A30,városok!$A$2:$C$346,2,0)-VLOOKUP(X$1,városok!$A$2:$C$346,2,0))^2+(VLOOKUP($A30,városok!$A$2:$C$346,3,0)-VLOOKUP(X$1,városok!$A$2:$C$346,3,0))^2)/1000,0)</f>
        <v>135</v>
      </c>
      <c r="Y30">
        <f ca="1">ROUND(SQRT((VLOOKUP($A30,városok!$A$2:$C$346,2,0)-VLOOKUP(Y$1,városok!$A$2:$C$346,2,0))^2+(VLOOKUP($A30,városok!$A$2:$C$346,3,0)-VLOOKUP(Y$1,városok!$A$2:$C$346,3,0))^2)/1000,0)</f>
        <v>185</v>
      </c>
      <c r="Z30">
        <f ca="1">ROUND(SQRT((VLOOKUP($A30,városok!$A$2:$C$346,2,0)-VLOOKUP(Z$1,városok!$A$2:$C$346,2,0))^2+(VLOOKUP($A30,városok!$A$2:$C$346,3,0)-VLOOKUP(Z$1,városok!$A$2:$C$346,3,0))^2)/1000,0)</f>
        <v>195</v>
      </c>
      <c r="AA30">
        <f ca="1">ROUND(SQRT((VLOOKUP($A30,városok!$A$2:$C$346,2,0)-VLOOKUP(AA$1,városok!$A$2:$C$346,2,0))^2+(VLOOKUP($A30,városok!$A$2:$C$346,3,0)-VLOOKUP(AA$1,városok!$A$2:$C$346,3,0))^2)/1000,0)</f>
        <v>219</v>
      </c>
      <c r="AB30">
        <f ca="1">ROUND(SQRT((VLOOKUP($A30,városok!$A$2:$C$346,2,0)-VLOOKUP(AB$1,városok!$A$2:$C$346,2,0))^2+(VLOOKUP($A30,városok!$A$2:$C$346,3,0)-VLOOKUP(AB$1,városok!$A$2:$C$346,3,0))^2)/1000,0)</f>
        <v>305</v>
      </c>
      <c r="AC30">
        <f ca="1">ROUND(SQRT((VLOOKUP($A30,városok!$A$2:$C$346,2,0)-VLOOKUP(AC$1,városok!$A$2:$C$346,2,0))^2+(VLOOKUP($A30,városok!$A$2:$C$346,3,0)-VLOOKUP(AC$1,városok!$A$2:$C$346,3,0))^2)/1000,0)</f>
        <v>284</v>
      </c>
      <c r="AD30">
        <f ca="1">ROUND(SQRT((VLOOKUP($A30,városok!$A$2:$C$346,2,0)-VLOOKUP(AD$1,városok!$A$2:$C$346,2,0))^2+(VLOOKUP($A30,városok!$A$2:$C$346,3,0)-VLOOKUP(AD$1,városok!$A$2:$C$346,3,0))^2)/1000,0)</f>
        <v>268</v>
      </c>
      <c r="AE30">
        <f ca="1">ROUND(SQRT((VLOOKUP($A30,városok!$A$2:$C$346,2,0)-VLOOKUP(AE$1,városok!$A$2:$C$346,2,0))^2+(VLOOKUP($A30,városok!$A$2:$C$346,3,0)-VLOOKUP(AE$1,városok!$A$2:$C$346,3,0))^2)/1000,0)</f>
        <v>261</v>
      </c>
      <c r="AF30">
        <f ca="1">ROUND(SQRT((VLOOKUP($A30,városok!$A$2:$C$346,2,0)-VLOOKUP(AF$1,városok!$A$2:$C$346,2,0))^2+(VLOOKUP($A30,városok!$A$2:$C$346,3,0)-VLOOKUP(AF$1,városok!$A$2:$C$346,3,0))^2)/1000,0)</f>
        <v>259</v>
      </c>
      <c r="AG30">
        <f ca="1">ROUND(SQRT((VLOOKUP($A30,városok!$A$2:$C$346,2,0)-VLOOKUP(AG$1,városok!$A$2:$C$346,2,0))^2+(VLOOKUP($A30,városok!$A$2:$C$346,3,0)-VLOOKUP(AG$1,városok!$A$2:$C$346,3,0))^2)/1000,0)</f>
        <v>228</v>
      </c>
      <c r="AH30">
        <f ca="1">ROUND(SQRT((VLOOKUP($A30,városok!$A$2:$C$346,2,0)-VLOOKUP(AH$1,városok!$A$2:$C$346,2,0))^2+(VLOOKUP($A30,városok!$A$2:$C$346,3,0)-VLOOKUP(AH$1,városok!$A$2:$C$346,3,0))^2)/1000,0)</f>
        <v>207</v>
      </c>
      <c r="AI30">
        <f ca="1">ROUND(SQRT((VLOOKUP($A30,városok!$A$2:$C$346,2,0)-VLOOKUP(AI$1,városok!$A$2:$C$346,2,0))^2+(VLOOKUP($A30,városok!$A$2:$C$346,3,0)-VLOOKUP(AI$1,városok!$A$2:$C$346,3,0))^2)/1000,0)</f>
        <v>258</v>
      </c>
      <c r="AJ30">
        <f ca="1">ROUND(SQRT((VLOOKUP($A30,városok!$A$2:$C$346,2,0)-VLOOKUP(AJ$1,városok!$A$2:$C$346,2,0))^2+(VLOOKUP($A30,városok!$A$2:$C$346,3,0)-VLOOKUP(AJ$1,városok!$A$2:$C$346,3,0))^2)/1000,0)</f>
        <v>218</v>
      </c>
      <c r="AK30">
        <f ca="1">ROUND(SQRT((VLOOKUP($A30,városok!$A$2:$C$346,2,0)-VLOOKUP(AK$1,városok!$A$2:$C$346,2,0))^2+(VLOOKUP($A30,városok!$A$2:$C$346,3,0)-VLOOKUP(AK$1,városok!$A$2:$C$346,3,0))^2)/1000,0)</f>
        <v>248</v>
      </c>
      <c r="AL30">
        <f ca="1">ROUND(SQRT((VLOOKUP($A30,városok!$A$2:$C$346,2,0)-VLOOKUP(AL$1,városok!$A$2:$C$346,2,0))^2+(VLOOKUP($A30,városok!$A$2:$C$346,3,0)-VLOOKUP(AL$1,városok!$A$2:$C$346,3,0))^2)/1000,0)</f>
        <v>232</v>
      </c>
      <c r="AM30">
        <f ca="1">ROUND(SQRT((VLOOKUP($A30,városok!$A$2:$C$346,2,0)-VLOOKUP(AM$1,városok!$A$2:$C$346,2,0))^2+(VLOOKUP($A30,városok!$A$2:$C$346,3,0)-VLOOKUP(AM$1,városok!$A$2:$C$346,3,0))^2)/1000,0)</f>
        <v>192</v>
      </c>
      <c r="AN30">
        <f ca="1">ROUND(SQRT((VLOOKUP($A30,városok!$A$2:$C$346,2,0)-VLOOKUP(AN$1,városok!$A$2:$C$346,2,0))^2+(VLOOKUP($A30,városok!$A$2:$C$346,3,0)-VLOOKUP(AN$1,városok!$A$2:$C$346,3,0))^2)/1000,0)</f>
        <v>194</v>
      </c>
      <c r="AO30">
        <f ca="1">ROUND(SQRT((VLOOKUP($A30,városok!$A$2:$C$346,2,0)-VLOOKUP(AO$1,városok!$A$2:$C$346,2,0))^2+(VLOOKUP($A30,városok!$A$2:$C$346,3,0)-VLOOKUP(AO$1,városok!$A$2:$C$346,3,0))^2)/1000,0)</f>
        <v>185</v>
      </c>
      <c r="AP30">
        <f ca="1">ROUND(SQRT((VLOOKUP($A30,városok!$A$2:$C$346,2,0)-VLOOKUP(AP$1,városok!$A$2:$C$346,2,0))^2+(VLOOKUP($A30,városok!$A$2:$C$346,3,0)-VLOOKUP(AP$1,városok!$A$2:$C$346,3,0))^2)/1000,0)</f>
        <v>174</v>
      </c>
      <c r="AQ30">
        <f ca="1">ROUND(SQRT((VLOOKUP($A30,városok!$A$2:$C$346,2,0)-VLOOKUP(AQ$1,városok!$A$2:$C$346,2,0))^2+(VLOOKUP($A30,városok!$A$2:$C$346,3,0)-VLOOKUP(AQ$1,városok!$A$2:$C$346,3,0))^2)/1000,0)</f>
        <v>166</v>
      </c>
      <c r="AR30">
        <f ca="1">ROUND(SQRT((VLOOKUP($A30,városok!$A$2:$C$346,2,0)-VLOOKUP(AR$1,városok!$A$2:$C$346,2,0))^2+(VLOOKUP($A30,városok!$A$2:$C$346,3,0)-VLOOKUP(AR$1,városok!$A$2:$C$346,3,0))^2)/1000,0)</f>
        <v>233</v>
      </c>
      <c r="AS30">
        <f ca="1">ROUND(SQRT((VLOOKUP($A30,városok!$A$2:$C$346,2,0)-VLOOKUP(AS$1,városok!$A$2:$C$346,2,0))^2+(VLOOKUP($A30,városok!$A$2:$C$346,3,0)-VLOOKUP(AS$1,városok!$A$2:$C$346,3,0))^2)/1000,0)</f>
        <v>255</v>
      </c>
      <c r="AT30">
        <f ca="1">ROUND(SQRT((VLOOKUP($A30,városok!$A$2:$C$346,2,0)-VLOOKUP(AT$1,városok!$A$2:$C$346,2,0))^2+(VLOOKUP($A30,városok!$A$2:$C$346,3,0)-VLOOKUP(AT$1,városok!$A$2:$C$346,3,0))^2)/1000,0)</f>
        <v>161</v>
      </c>
      <c r="AU30">
        <f ca="1">ROUND(SQRT((VLOOKUP($A30,városok!$A$2:$C$346,2,0)-VLOOKUP(AU$1,városok!$A$2:$C$346,2,0))^2+(VLOOKUP($A30,városok!$A$2:$C$346,3,0)-VLOOKUP(AU$1,városok!$A$2:$C$346,3,0))^2)/1000,0)</f>
        <v>163</v>
      </c>
      <c r="AV30">
        <f ca="1">ROUND(SQRT((VLOOKUP($A30,városok!$A$2:$C$346,2,0)-VLOOKUP(AV$1,városok!$A$2:$C$346,2,0))^2+(VLOOKUP($A30,városok!$A$2:$C$346,3,0)-VLOOKUP(AV$1,városok!$A$2:$C$346,3,0))^2)/1000,0)</f>
        <v>157</v>
      </c>
      <c r="AW30">
        <f ca="1">ROUND(SQRT((VLOOKUP($A30,városok!$A$2:$C$346,2,0)-VLOOKUP(AW$1,városok!$A$2:$C$346,2,0))^2+(VLOOKUP($A30,városok!$A$2:$C$346,3,0)-VLOOKUP(AW$1,városok!$A$2:$C$346,3,0))^2)/1000,0)</f>
        <v>155</v>
      </c>
      <c r="AX30">
        <f ca="1">ROUND(SQRT((VLOOKUP($A30,városok!$A$2:$C$346,2,0)-VLOOKUP(AX$1,városok!$A$2:$C$346,2,0))^2+(VLOOKUP($A30,városok!$A$2:$C$346,3,0)-VLOOKUP(AX$1,városok!$A$2:$C$346,3,0))^2)/1000,0)</f>
        <v>158</v>
      </c>
      <c r="AY30">
        <f ca="1">ROUND(SQRT((VLOOKUP($A30,városok!$A$2:$C$346,2,0)-VLOOKUP(AY$1,városok!$A$2:$C$346,2,0))^2+(VLOOKUP($A30,városok!$A$2:$C$346,3,0)-VLOOKUP(AY$1,városok!$A$2:$C$346,3,0))^2)/1000,0)</f>
        <v>189</v>
      </c>
      <c r="AZ30">
        <f ca="1">ROUND(SQRT((VLOOKUP($A30,városok!$A$2:$C$346,2,0)-VLOOKUP(AZ$1,városok!$A$2:$C$346,2,0))^2+(VLOOKUP($A30,városok!$A$2:$C$346,3,0)-VLOOKUP(AZ$1,városok!$A$2:$C$346,3,0))^2)/1000,0)</f>
        <v>198</v>
      </c>
      <c r="BA30">
        <f ca="1">ROUND(SQRT((VLOOKUP($A30,városok!$A$2:$C$346,2,0)-VLOOKUP(BA$1,városok!$A$2:$C$346,2,0))^2+(VLOOKUP($A30,városok!$A$2:$C$346,3,0)-VLOOKUP(BA$1,városok!$A$2:$C$346,3,0))^2)/1000,0)</f>
        <v>89</v>
      </c>
      <c r="BB30">
        <f ca="1">ROUND(SQRT((VLOOKUP($A30,városok!$A$2:$C$346,2,0)-VLOOKUP(BB$1,városok!$A$2:$C$346,2,0))^2+(VLOOKUP($A30,városok!$A$2:$C$346,3,0)-VLOOKUP(BB$1,városok!$A$2:$C$346,3,0))^2)/1000,0)</f>
        <v>56</v>
      </c>
      <c r="BC30">
        <f ca="1">ROUND(SQRT((VLOOKUP($A30,városok!$A$2:$C$346,2,0)-VLOOKUP(BC$1,városok!$A$2:$C$346,2,0))^2+(VLOOKUP($A30,városok!$A$2:$C$346,3,0)-VLOOKUP(BC$1,városok!$A$2:$C$346,3,0))^2)/1000,0)</f>
        <v>47</v>
      </c>
      <c r="BD30">
        <f ca="1">ROUND(SQRT((VLOOKUP($A30,városok!$A$2:$C$346,2,0)-VLOOKUP(BD$1,városok!$A$2:$C$346,2,0))^2+(VLOOKUP($A30,városok!$A$2:$C$346,3,0)-VLOOKUP(BD$1,városok!$A$2:$C$346,3,0))^2)/1000,0)</f>
        <v>93</v>
      </c>
      <c r="BE30">
        <f ca="1">ROUND(SQRT((VLOOKUP($A30,városok!$A$2:$C$346,2,0)-VLOOKUP(BE$1,városok!$A$2:$C$346,2,0))^2+(VLOOKUP($A30,városok!$A$2:$C$346,3,0)-VLOOKUP(BE$1,városok!$A$2:$C$346,3,0))^2)/1000,0)</f>
        <v>389</v>
      </c>
      <c r="BF30">
        <f ca="1">ROUND(SQRT((VLOOKUP($A30,városok!$A$2:$C$346,2,0)-VLOOKUP(BF$1,városok!$A$2:$C$346,2,0))^2+(VLOOKUP($A30,városok!$A$2:$C$346,3,0)-VLOOKUP(BF$1,városok!$A$2:$C$346,3,0))^2)/1000,0)</f>
        <v>376</v>
      </c>
      <c r="BG30">
        <f ca="1">ROUND(SQRT((VLOOKUP($A30,városok!$A$2:$C$346,2,0)-VLOOKUP(BG$1,városok!$A$2:$C$346,2,0))^2+(VLOOKUP($A30,városok!$A$2:$C$346,3,0)-VLOOKUP(BG$1,városok!$A$2:$C$346,3,0))^2)/1000,0)</f>
        <v>334</v>
      </c>
      <c r="BH30">
        <f ca="1">ROUND(SQRT((VLOOKUP($A30,városok!$A$2:$C$346,2,0)-VLOOKUP(BH$1,városok!$A$2:$C$346,2,0))^2+(VLOOKUP($A30,városok!$A$2:$C$346,3,0)-VLOOKUP(BH$1,városok!$A$2:$C$346,3,0))^2)/1000,0)</f>
        <v>334</v>
      </c>
      <c r="BI30">
        <f ca="1">ROUND(SQRT((VLOOKUP($A30,városok!$A$2:$C$346,2,0)-VLOOKUP(BI$1,városok!$A$2:$C$346,2,0))^2+(VLOOKUP($A30,városok!$A$2:$C$346,3,0)-VLOOKUP(BI$1,városok!$A$2:$C$346,3,0))^2)/1000,0)</f>
        <v>46</v>
      </c>
      <c r="BJ30">
        <f ca="1">ROUND(SQRT((VLOOKUP($A30,városok!$A$2:$C$346,2,0)-VLOOKUP(BJ$1,városok!$A$2:$C$346,2,0))^2+(VLOOKUP($A30,városok!$A$2:$C$346,3,0)-VLOOKUP(BJ$1,városok!$A$2:$C$346,3,0))^2)/1000,0)</f>
        <v>28</v>
      </c>
      <c r="BK30">
        <f ca="1">ROUND(SQRT((VLOOKUP($A30,városok!$A$2:$C$346,2,0)-VLOOKUP(BK$1,városok!$A$2:$C$346,2,0))^2+(VLOOKUP($A30,városok!$A$2:$C$346,3,0)-VLOOKUP(BK$1,városok!$A$2:$C$346,3,0))^2)/1000,0)</f>
        <v>46</v>
      </c>
      <c r="BL30">
        <f ca="1">ROUND(SQRT((VLOOKUP($A30,városok!$A$2:$C$346,2,0)-VLOOKUP(BL$1,városok!$A$2:$C$346,2,0))^2+(VLOOKUP($A30,városok!$A$2:$C$346,3,0)-VLOOKUP(BL$1,városok!$A$2:$C$346,3,0))^2)/1000,0)</f>
        <v>163</v>
      </c>
      <c r="BM30">
        <f ca="1">ROUND(SQRT((VLOOKUP($A30,városok!$A$2:$C$346,2,0)-VLOOKUP(BM$1,városok!$A$2:$C$346,2,0))^2+(VLOOKUP($A30,városok!$A$2:$C$346,3,0)-VLOOKUP(BM$1,városok!$A$2:$C$346,3,0))^2)/1000,0)</f>
        <v>165</v>
      </c>
      <c r="BN30">
        <f ca="1">ROUND(SQRT((VLOOKUP($A30,városok!$A$2:$C$346,2,0)-VLOOKUP(BN$1,városok!$A$2:$C$346,2,0))^2+(VLOOKUP($A30,városok!$A$2:$C$346,3,0)-VLOOKUP(BN$1,városok!$A$2:$C$346,3,0))^2)/1000,0)</f>
        <v>179</v>
      </c>
      <c r="BO30">
        <f ca="1">ROUND(SQRT((VLOOKUP($A30,városok!$A$2:$C$346,2,0)-VLOOKUP(BO$1,városok!$A$2:$C$346,2,0))^2+(VLOOKUP($A30,városok!$A$2:$C$346,3,0)-VLOOKUP(BO$1,városok!$A$2:$C$346,3,0))^2)/1000,0)</f>
        <v>107</v>
      </c>
      <c r="BP30">
        <f ca="1">ROUND(SQRT((VLOOKUP($A30,városok!$A$2:$C$346,2,0)-VLOOKUP(BP$1,városok!$A$2:$C$346,2,0))^2+(VLOOKUP($A30,városok!$A$2:$C$346,3,0)-VLOOKUP(BP$1,városok!$A$2:$C$346,3,0))^2)/1000,0)</f>
        <v>107</v>
      </c>
      <c r="BQ30">
        <f ca="1">ROUND(SQRT((VLOOKUP($A30,városok!$A$2:$C$346,2,0)-VLOOKUP(BQ$1,városok!$A$2:$C$346,2,0))^2+(VLOOKUP($A30,városok!$A$2:$C$346,3,0)-VLOOKUP(BQ$1,városok!$A$2:$C$346,3,0))^2)/1000,0)</f>
        <v>116</v>
      </c>
      <c r="BR30">
        <f ca="1">ROUND(SQRT((VLOOKUP($A30,városok!$A$2:$C$346,2,0)-VLOOKUP(BR$1,városok!$A$2:$C$346,2,0))^2+(VLOOKUP($A30,városok!$A$2:$C$346,3,0)-VLOOKUP(BR$1,városok!$A$2:$C$346,3,0))^2)/1000,0)</f>
        <v>108</v>
      </c>
      <c r="BS30">
        <f ca="1">ROUND(SQRT((VLOOKUP($A30,városok!$A$2:$C$346,2,0)-VLOOKUP(BS$1,városok!$A$2:$C$346,2,0))^2+(VLOOKUP($A30,városok!$A$2:$C$346,3,0)-VLOOKUP(BS$1,városok!$A$2:$C$346,3,0))^2)/1000,0)</f>
        <v>105</v>
      </c>
      <c r="BT30">
        <f ca="1">ROUND(SQRT((VLOOKUP($A30,városok!$A$2:$C$346,2,0)-VLOOKUP(BT$1,városok!$A$2:$C$346,2,0))^2+(VLOOKUP($A30,városok!$A$2:$C$346,3,0)-VLOOKUP(BT$1,városok!$A$2:$C$346,3,0))^2)/1000,0)</f>
        <v>137</v>
      </c>
    </row>
    <row r="31" spans="1:72" x14ac:dyDescent="0.2">
      <c r="A31" t="str">
        <f>városok!A31</f>
        <v>Pécsvárad</v>
      </c>
      <c r="B31">
        <f ca="1">ROUND(SQRT((VLOOKUP($A31,városok!$A$2:$C$346,2,0)-VLOOKUP(B$1,városok!$A$2:$C$346,2,0))^2+(VLOOKUP($A31,városok!$A$2:$C$346,3,0)-VLOOKUP(B$1,városok!$A$2:$C$346,3,0))^2)/1000,0)</f>
        <v>42</v>
      </c>
      <c r="C31">
        <f ca="1">ROUND(SQRT((VLOOKUP($A31,városok!$A$2:$C$346,2,0)-VLOOKUP(C$1,városok!$A$2:$C$346,2,0))^2+(VLOOKUP($A31,városok!$A$2:$C$346,3,0)-VLOOKUP(C$1,városok!$A$2:$C$346,3,0))^2)/1000,0)</f>
        <v>59</v>
      </c>
      <c r="D31">
        <f ca="1">ROUND(SQRT((VLOOKUP($A31,városok!$A$2:$C$346,2,0)-VLOOKUP(D$1,városok!$A$2:$C$346,2,0))^2+(VLOOKUP($A31,városok!$A$2:$C$346,3,0)-VLOOKUP(D$1,városok!$A$2:$C$346,3,0))^2)/1000,0)</f>
        <v>128</v>
      </c>
      <c r="E31">
        <f ca="1">ROUND(SQRT((VLOOKUP($A31,városok!$A$2:$C$346,2,0)-VLOOKUP(E$1,városok!$A$2:$C$346,2,0))^2+(VLOOKUP($A31,városok!$A$2:$C$346,3,0)-VLOOKUP(E$1,városok!$A$2:$C$346,3,0))^2)/1000,0)</f>
        <v>13</v>
      </c>
      <c r="F31">
        <f ca="1">ROUND(SQRT((VLOOKUP($A31,városok!$A$2:$C$346,2,0)-VLOOKUP(F$1,városok!$A$2:$C$346,2,0))^2+(VLOOKUP($A31,városok!$A$2:$C$346,3,0)-VLOOKUP(F$1,városok!$A$2:$C$346,3,0))^2)/1000,0)</f>
        <v>28</v>
      </c>
      <c r="G31">
        <f ca="1">ROUND(SQRT((VLOOKUP($A31,városok!$A$2:$C$346,2,0)-VLOOKUP(G$1,városok!$A$2:$C$346,2,0))^2+(VLOOKUP($A31,városok!$A$2:$C$346,3,0)-VLOOKUP(G$1,városok!$A$2:$C$346,3,0))^2)/1000,0)</f>
        <v>16</v>
      </c>
      <c r="H31">
        <f ca="1">ROUND(SQRT((VLOOKUP($A31,városok!$A$2:$C$346,2,0)-VLOOKUP(H$1,városok!$A$2:$C$346,2,0))^2+(VLOOKUP($A31,városok!$A$2:$C$346,3,0)-VLOOKUP(H$1,városok!$A$2:$C$346,3,0))^2)/1000,0)</f>
        <v>50</v>
      </c>
      <c r="I31">
        <f ca="1">ROUND(SQRT((VLOOKUP($A31,városok!$A$2:$C$346,2,0)-VLOOKUP(I$1,városok!$A$2:$C$346,2,0))^2+(VLOOKUP($A31,városok!$A$2:$C$346,3,0)-VLOOKUP(I$1,városok!$A$2:$C$346,3,0))^2)/1000,0)</f>
        <v>212</v>
      </c>
      <c r="J31">
        <f ca="1">ROUND(SQRT((VLOOKUP($A31,városok!$A$2:$C$346,2,0)-VLOOKUP(J$1,városok!$A$2:$C$346,2,0))^2+(VLOOKUP($A31,városok!$A$2:$C$346,3,0)-VLOOKUP(J$1,városok!$A$2:$C$346,3,0))^2)/1000,0)</f>
        <v>226</v>
      </c>
      <c r="K31">
        <f ca="1">ROUND(SQRT((VLOOKUP($A31,városok!$A$2:$C$346,2,0)-VLOOKUP(K$1,városok!$A$2:$C$346,2,0))^2+(VLOOKUP($A31,városok!$A$2:$C$346,3,0)-VLOOKUP(K$1,városok!$A$2:$C$346,3,0))^2)/1000,0)</f>
        <v>179</v>
      </c>
      <c r="L31">
        <f ca="1">ROUND(SQRT((VLOOKUP($A31,városok!$A$2:$C$346,2,0)-VLOOKUP(L$1,városok!$A$2:$C$346,2,0))^2+(VLOOKUP($A31,városok!$A$2:$C$346,3,0)-VLOOKUP(L$1,városok!$A$2:$C$346,3,0))^2)/1000,0)</f>
        <v>287</v>
      </c>
      <c r="M31">
        <f ca="1">ROUND(SQRT((VLOOKUP($A31,városok!$A$2:$C$346,2,0)-VLOOKUP(M$1,városok!$A$2:$C$346,2,0))^2+(VLOOKUP($A31,városok!$A$2:$C$346,3,0)-VLOOKUP(M$1,városok!$A$2:$C$346,3,0))^2)/1000,0)</f>
        <v>282</v>
      </c>
      <c r="N31">
        <f ca="1">ROUND(SQRT((VLOOKUP($A31,városok!$A$2:$C$346,2,0)-VLOOKUP(N$1,városok!$A$2:$C$346,2,0))^2+(VLOOKUP($A31,városok!$A$2:$C$346,3,0)-VLOOKUP(N$1,városok!$A$2:$C$346,3,0))^2)/1000,0)</f>
        <v>270</v>
      </c>
      <c r="O31">
        <f ca="1">ROUND(SQRT((VLOOKUP($A31,városok!$A$2:$C$346,2,0)-VLOOKUP(O$1,városok!$A$2:$C$346,2,0))^2+(VLOOKUP($A31,városok!$A$2:$C$346,3,0)-VLOOKUP(O$1,városok!$A$2:$C$346,3,0))^2)/1000,0)</f>
        <v>349</v>
      </c>
      <c r="P31">
        <f ca="1">ROUND(SQRT((VLOOKUP($A31,városok!$A$2:$C$346,2,0)-VLOOKUP(P$1,városok!$A$2:$C$346,2,0))^2+(VLOOKUP($A31,városok!$A$2:$C$346,3,0)-VLOOKUP(P$1,városok!$A$2:$C$346,3,0))^2)/1000,0)</f>
        <v>349</v>
      </c>
      <c r="Q31">
        <f ca="1">ROUND(SQRT((VLOOKUP($A31,városok!$A$2:$C$346,2,0)-VLOOKUP(Q$1,városok!$A$2:$C$346,2,0))^2+(VLOOKUP($A31,városok!$A$2:$C$346,3,0)-VLOOKUP(Q$1,városok!$A$2:$C$346,3,0))^2)/1000,0)</f>
        <v>149</v>
      </c>
      <c r="R31">
        <f ca="1">ROUND(SQRT((VLOOKUP($A31,városok!$A$2:$C$346,2,0)-VLOOKUP(R$1,városok!$A$2:$C$346,2,0))^2+(VLOOKUP($A31,városok!$A$2:$C$346,3,0)-VLOOKUP(R$1,városok!$A$2:$C$346,3,0))^2)/1000,0)</f>
        <v>159</v>
      </c>
      <c r="S31">
        <f ca="1">ROUND(SQRT((VLOOKUP($A31,városok!$A$2:$C$346,2,0)-VLOOKUP(S$1,városok!$A$2:$C$346,2,0))^2+(VLOOKUP($A31,városok!$A$2:$C$346,3,0)-VLOOKUP(S$1,városok!$A$2:$C$346,3,0))^2)/1000,0)</f>
        <v>135</v>
      </c>
      <c r="T31">
        <f ca="1">ROUND(SQRT((VLOOKUP($A31,városok!$A$2:$C$346,2,0)-VLOOKUP(T$1,városok!$A$2:$C$346,2,0))^2+(VLOOKUP($A31,városok!$A$2:$C$346,3,0)-VLOOKUP(T$1,városok!$A$2:$C$346,3,0))^2)/1000,0)</f>
        <v>149</v>
      </c>
      <c r="U31">
        <f ca="1">ROUND(SQRT((VLOOKUP($A31,városok!$A$2:$C$346,2,0)-VLOOKUP(U$1,városok!$A$2:$C$346,2,0))^2+(VLOOKUP($A31,városok!$A$2:$C$346,3,0)-VLOOKUP(U$1,városok!$A$2:$C$346,3,0))^2)/1000,0)</f>
        <v>98</v>
      </c>
      <c r="V31">
        <f ca="1">ROUND(SQRT((VLOOKUP($A31,városok!$A$2:$C$346,2,0)-VLOOKUP(V$1,városok!$A$2:$C$346,2,0))^2+(VLOOKUP($A31,városok!$A$2:$C$346,3,0)-VLOOKUP(V$1,városok!$A$2:$C$346,3,0))^2)/1000,0)</f>
        <v>101</v>
      </c>
      <c r="W31">
        <f ca="1">ROUND(SQRT((VLOOKUP($A31,városok!$A$2:$C$346,2,0)-VLOOKUP(W$1,városok!$A$2:$C$346,2,0))^2+(VLOOKUP($A31,városok!$A$2:$C$346,3,0)-VLOOKUP(W$1,városok!$A$2:$C$346,3,0))^2)/1000,0)</f>
        <v>82</v>
      </c>
      <c r="X31">
        <f ca="1">ROUND(SQRT((VLOOKUP($A31,városok!$A$2:$C$346,2,0)-VLOOKUP(X$1,városok!$A$2:$C$346,2,0))^2+(VLOOKUP($A31,városok!$A$2:$C$346,3,0)-VLOOKUP(X$1,városok!$A$2:$C$346,3,0))^2)/1000,0)</f>
        <v>126</v>
      </c>
      <c r="Y31">
        <f ca="1">ROUND(SQRT((VLOOKUP($A31,városok!$A$2:$C$346,2,0)-VLOOKUP(Y$1,városok!$A$2:$C$346,2,0))^2+(VLOOKUP($A31,városok!$A$2:$C$346,3,0)-VLOOKUP(Y$1,városok!$A$2:$C$346,3,0))^2)/1000,0)</f>
        <v>180</v>
      </c>
      <c r="Z31">
        <f ca="1">ROUND(SQRT((VLOOKUP($A31,városok!$A$2:$C$346,2,0)-VLOOKUP(Z$1,városok!$A$2:$C$346,2,0))^2+(VLOOKUP($A31,városok!$A$2:$C$346,3,0)-VLOOKUP(Z$1,városok!$A$2:$C$346,3,0))^2)/1000,0)</f>
        <v>192</v>
      </c>
      <c r="AA31">
        <f ca="1">ROUND(SQRT((VLOOKUP($A31,városok!$A$2:$C$346,2,0)-VLOOKUP(AA$1,városok!$A$2:$C$346,2,0))^2+(VLOOKUP($A31,városok!$A$2:$C$346,3,0)-VLOOKUP(AA$1,városok!$A$2:$C$346,3,0))^2)/1000,0)</f>
        <v>220</v>
      </c>
      <c r="AB31">
        <f ca="1">ROUND(SQRT((VLOOKUP($A31,városok!$A$2:$C$346,2,0)-VLOOKUP(AB$1,városok!$A$2:$C$346,2,0))^2+(VLOOKUP($A31,városok!$A$2:$C$346,3,0)-VLOOKUP(AB$1,városok!$A$2:$C$346,3,0))^2)/1000,0)</f>
        <v>288</v>
      </c>
      <c r="AC31">
        <f ca="1">ROUND(SQRT((VLOOKUP($A31,városok!$A$2:$C$346,2,0)-VLOOKUP(AC$1,városok!$A$2:$C$346,2,0))^2+(VLOOKUP($A31,városok!$A$2:$C$346,3,0)-VLOOKUP(AC$1,városok!$A$2:$C$346,3,0))^2)/1000,0)</f>
        <v>268</v>
      </c>
      <c r="AD31">
        <f ca="1">ROUND(SQRT((VLOOKUP($A31,városok!$A$2:$C$346,2,0)-VLOOKUP(AD$1,városok!$A$2:$C$346,2,0))^2+(VLOOKUP($A31,városok!$A$2:$C$346,3,0)-VLOOKUP(AD$1,városok!$A$2:$C$346,3,0))^2)/1000,0)</f>
        <v>252</v>
      </c>
      <c r="AE31">
        <f ca="1">ROUND(SQRT((VLOOKUP($A31,városok!$A$2:$C$346,2,0)-VLOOKUP(AE$1,városok!$A$2:$C$346,2,0))^2+(VLOOKUP($A31,városok!$A$2:$C$346,3,0)-VLOOKUP(AE$1,városok!$A$2:$C$346,3,0))^2)/1000,0)</f>
        <v>244</v>
      </c>
      <c r="AF31">
        <f ca="1">ROUND(SQRT((VLOOKUP($A31,városok!$A$2:$C$346,2,0)-VLOOKUP(AF$1,városok!$A$2:$C$346,2,0))^2+(VLOOKUP($A31,városok!$A$2:$C$346,3,0)-VLOOKUP(AF$1,városok!$A$2:$C$346,3,0))^2)/1000,0)</f>
        <v>244</v>
      </c>
      <c r="AG31">
        <f ca="1">ROUND(SQRT((VLOOKUP($A31,városok!$A$2:$C$346,2,0)-VLOOKUP(AG$1,városok!$A$2:$C$346,2,0))^2+(VLOOKUP($A31,városok!$A$2:$C$346,3,0)-VLOOKUP(AG$1,városok!$A$2:$C$346,3,0))^2)/1000,0)</f>
        <v>214</v>
      </c>
      <c r="AH31">
        <f ca="1">ROUND(SQRT((VLOOKUP($A31,városok!$A$2:$C$346,2,0)-VLOOKUP(AH$1,városok!$A$2:$C$346,2,0))^2+(VLOOKUP($A31,városok!$A$2:$C$346,3,0)-VLOOKUP(AH$1,városok!$A$2:$C$346,3,0))^2)/1000,0)</f>
        <v>193</v>
      </c>
      <c r="AI31">
        <f ca="1">ROUND(SQRT((VLOOKUP($A31,városok!$A$2:$C$346,2,0)-VLOOKUP(AI$1,városok!$A$2:$C$346,2,0))^2+(VLOOKUP($A31,városok!$A$2:$C$346,3,0)-VLOOKUP(AI$1,városok!$A$2:$C$346,3,0))^2)/1000,0)</f>
        <v>243</v>
      </c>
      <c r="AJ31">
        <f ca="1">ROUND(SQRT((VLOOKUP($A31,városok!$A$2:$C$346,2,0)-VLOOKUP(AJ$1,városok!$A$2:$C$346,2,0))^2+(VLOOKUP($A31,városok!$A$2:$C$346,3,0)-VLOOKUP(AJ$1,városok!$A$2:$C$346,3,0))^2)/1000,0)</f>
        <v>203</v>
      </c>
      <c r="AK31">
        <f ca="1">ROUND(SQRT((VLOOKUP($A31,városok!$A$2:$C$346,2,0)-VLOOKUP(AK$1,városok!$A$2:$C$346,2,0))^2+(VLOOKUP($A31,városok!$A$2:$C$346,3,0)-VLOOKUP(AK$1,városok!$A$2:$C$346,3,0))^2)/1000,0)</f>
        <v>232</v>
      </c>
      <c r="AL31">
        <f ca="1">ROUND(SQRT((VLOOKUP($A31,városok!$A$2:$C$346,2,0)-VLOOKUP(AL$1,városok!$A$2:$C$346,2,0))^2+(VLOOKUP($A31,városok!$A$2:$C$346,3,0)-VLOOKUP(AL$1,városok!$A$2:$C$346,3,0))^2)/1000,0)</f>
        <v>216</v>
      </c>
      <c r="AM31">
        <f ca="1">ROUND(SQRT((VLOOKUP($A31,városok!$A$2:$C$346,2,0)-VLOOKUP(AM$1,városok!$A$2:$C$346,2,0))^2+(VLOOKUP($A31,városok!$A$2:$C$346,3,0)-VLOOKUP(AM$1,városok!$A$2:$C$346,3,0))^2)/1000,0)</f>
        <v>176</v>
      </c>
      <c r="AN31">
        <f ca="1">ROUND(SQRT((VLOOKUP($A31,városok!$A$2:$C$346,2,0)-VLOOKUP(AN$1,városok!$A$2:$C$346,2,0))^2+(VLOOKUP($A31,városok!$A$2:$C$346,3,0)-VLOOKUP(AN$1,városok!$A$2:$C$346,3,0))^2)/1000,0)</f>
        <v>183</v>
      </c>
      <c r="AO31">
        <f ca="1">ROUND(SQRT((VLOOKUP($A31,városok!$A$2:$C$346,2,0)-VLOOKUP(AO$1,városok!$A$2:$C$346,2,0))^2+(VLOOKUP($A31,városok!$A$2:$C$346,3,0)-VLOOKUP(AO$1,városok!$A$2:$C$346,3,0))^2)/1000,0)</f>
        <v>177</v>
      </c>
      <c r="AP31">
        <f ca="1">ROUND(SQRT((VLOOKUP($A31,városok!$A$2:$C$346,2,0)-VLOOKUP(AP$1,városok!$A$2:$C$346,2,0))^2+(VLOOKUP($A31,városok!$A$2:$C$346,3,0)-VLOOKUP(AP$1,városok!$A$2:$C$346,3,0))^2)/1000,0)</f>
        <v>165</v>
      </c>
      <c r="AQ31">
        <f ca="1">ROUND(SQRT((VLOOKUP($A31,városok!$A$2:$C$346,2,0)-VLOOKUP(AQ$1,városok!$A$2:$C$346,2,0))^2+(VLOOKUP($A31,városok!$A$2:$C$346,3,0)-VLOOKUP(AQ$1,városok!$A$2:$C$346,3,0))^2)/1000,0)</f>
        <v>157</v>
      </c>
      <c r="AR31">
        <f ca="1">ROUND(SQRT((VLOOKUP($A31,városok!$A$2:$C$346,2,0)-VLOOKUP(AR$1,városok!$A$2:$C$346,2,0))^2+(VLOOKUP($A31,városok!$A$2:$C$346,3,0)-VLOOKUP(AR$1,városok!$A$2:$C$346,3,0))^2)/1000,0)</f>
        <v>219</v>
      </c>
      <c r="AS31">
        <f ca="1">ROUND(SQRT((VLOOKUP($A31,városok!$A$2:$C$346,2,0)-VLOOKUP(AS$1,városok!$A$2:$C$346,2,0))^2+(VLOOKUP($A31,városok!$A$2:$C$346,3,0)-VLOOKUP(AS$1,városok!$A$2:$C$346,3,0))^2)/1000,0)</f>
        <v>241</v>
      </c>
      <c r="AT31">
        <f ca="1">ROUND(SQRT((VLOOKUP($A31,városok!$A$2:$C$346,2,0)-VLOOKUP(AT$1,városok!$A$2:$C$346,2,0))^2+(VLOOKUP($A31,városok!$A$2:$C$346,3,0)-VLOOKUP(AT$1,városok!$A$2:$C$346,3,0))^2)/1000,0)</f>
        <v>149</v>
      </c>
      <c r="AU31">
        <f ca="1">ROUND(SQRT((VLOOKUP($A31,városok!$A$2:$C$346,2,0)-VLOOKUP(AU$1,városok!$A$2:$C$346,2,0))^2+(VLOOKUP($A31,városok!$A$2:$C$346,3,0)-VLOOKUP(AU$1,városok!$A$2:$C$346,3,0))^2)/1000,0)</f>
        <v>150</v>
      </c>
      <c r="AV31">
        <f ca="1">ROUND(SQRT((VLOOKUP($A31,városok!$A$2:$C$346,2,0)-VLOOKUP(AV$1,városok!$A$2:$C$346,2,0))^2+(VLOOKUP($A31,városok!$A$2:$C$346,3,0)-VLOOKUP(AV$1,városok!$A$2:$C$346,3,0))^2)/1000,0)</f>
        <v>145</v>
      </c>
      <c r="AW31">
        <f ca="1">ROUND(SQRT((VLOOKUP($A31,városok!$A$2:$C$346,2,0)-VLOOKUP(AW$1,városok!$A$2:$C$346,2,0))^2+(VLOOKUP($A31,városok!$A$2:$C$346,3,0)-VLOOKUP(AW$1,városok!$A$2:$C$346,3,0))^2)/1000,0)</f>
        <v>143</v>
      </c>
      <c r="AX31">
        <f ca="1">ROUND(SQRT((VLOOKUP($A31,városok!$A$2:$C$346,2,0)-VLOOKUP(AX$1,városok!$A$2:$C$346,2,0))^2+(VLOOKUP($A31,városok!$A$2:$C$346,3,0)-VLOOKUP(AX$1,városok!$A$2:$C$346,3,0))^2)/1000,0)</f>
        <v>142</v>
      </c>
      <c r="AY31">
        <f ca="1">ROUND(SQRT((VLOOKUP($A31,városok!$A$2:$C$346,2,0)-VLOOKUP(AY$1,városok!$A$2:$C$346,2,0))^2+(VLOOKUP($A31,városok!$A$2:$C$346,3,0)-VLOOKUP(AY$1,városok!$A$2:$C$346,3,0))^2)/1000,0)</f>
        <v>176</v>
      </c>
      <c r="AZ31">
        <f ca="1">ROUND(SQRT((VLOOKUP($A31,városok!$A$2:$C$346,2,0)-VLOOKUP(AZ$1,városok!$A$2:$C$346,2,0))^2+(VLOOKUP($A31,városok!$A$2:$C$346,3,0)-VLOOKUP(AZ$1,városok!$A$2:$C$346,3,0))^2)/1000,0)</f>
        <v>186</v>
      </c>
      <c r="BA31">
        <f ca="1">ROUND(SQRT((VLOOKUP($A31,városok!$A$2:$C$346,2,0)-VLOOKUP(BA$1,városok!$A$2:$C$346,2,0))^2+(VLOOKUP($A31,városok!$A$2:$C$346,3,0)-VLOOKUP(BA$1,városok!$A$2:$C$346,3,0))^2)/1000,0)</f>
        <v>89</v>
      </c>
      <c r="BB31">
        <f ca="1">ROUND(SQRT((VLOOKUP($A31,városok!$A$2:$C$346,2,0)-VLOOKUP(BB$1,városok!$A$2:$C$346,2,0))^2+(VLOOKUP($A31,városok!$A$2:$C$346,3,0)-VLOOKUP(BB$1,városok!$A$2:$C$346,3,0))^2)/1000,0)</f>
        <v>56</v>
      </c>
      <c r="BC31">
        <f ca="1">ROUND(SQRT((VLOOKUP($A31,városok!$A$2:$C$346,2,0)-VLOOKUP(BC$1,városok!$A$2:$C$346,2,0))^2+(VLOOKUP($A31,városok!$A$2:$C$346,3,0)-VLOOKUP(BC$1,városok!$A$2:$C$346,3,0))^2)/1000,0)</f>
        <v>53</v>
      </c>
      <c r="BD31">
        <f ca="1">ROUND(SQRT((VLOOKUP($A31,városok!$A$2:$C$346,2,0)-VLOOKUP(BD$1,városok!$A$2:$C$346,2,0))^2+(VLOOKUP($A31,városok!$A$2:$C$346,3,0)-VLOOKUP(BD$1,városok!$A$2:$C$346,3,0))^2)/1000,0)</f>
        <v>88</v>
      </c>
      <c r="BE31">
        <f ca="1">ROUND(SQRT((VLOOKUP($A31,városok!$A$2:$C$346,2,0)-VLOOKUP(BE$1,városok!$A$2:$C$346,2,0))^2+(VLOOKUP($A31,városok!$A$2:$C$346,3,0)-VLOOKUP(BE$1,városok!$A$2:$C$346,3,0))^2)/1000,0)</f>
        <v>373</v>
      </c>
      <c r="BF31">
        <f ca="1">ROUND(SQRT((VLOOKUP($A31,városok!$A$2:$C$346,2,0)-VLOOKUP(BF$1,városok!$A$2:$C$346,2,0))^2+(VLOOKUP($A31,városok!$A$2:$C$346,3,0)-VLOOKUP(BF$1,városok!$A$2:$C$346,3,0))^2)/1000,0)</f>
        <v>360</v>
      </c>
      <c r="BG31">
        <f ca="1">ROUND(SQRT((VLOOKUP($A31,városok!$A$2:$C$346,2,0)-VLOOKUP(BG$1,városok!$A$2:$C$346,2,0))^2+(VLOOKUP($A31,városok!$A$2:$C$346,3,0)-VLOOKUP(BG$1,városok!$A$2:$C$346,3,0))^2)/1000,0)</f>
        <v>318</v>
      </c>
      <c r="BH31">
        <f ca="1">ROUND(SQRT((VLOOKUP($A31,városok!$A$2:$C$346,2,0)-VLOOKUP(BH$1,városok!$A$2:$C$346,2,0))^2+(VLOOKUP($A31,városok!$A$2:$C$346,3,0)-VLOOKUP(BH$1,városok!$A$2:$C$346,3,0))^2)/1000,0)</f>
        <v>318</v>
      </c>
      <c r="BI31">
        <f ca="1">ROUND(SQRT((VLOOKUP($A31,városok!$A$2:$C$346,2,0)-VLOOKUP(BI$1,városok!$A$2:$C$346,2,0))^2+(VLOOKUP($A31,városok!$A$2:$C$346,3,0)-VLOOKUP(BI$1,városok!$A$2:$C$346,3,0))^2)/1000,0)</f>
        <v>31</v>
      </c>
      <c r="BJ31">
        <f ca="1">ROUND(SQRT((VLOOKUP($A31,városok!$A$2:$C$346,2,0)-VLOOKUP(BJ$1,városok!$A$2:$C$346,2,0))^2+(VLOOKUP($A31,városok!$A$2:$C$346,3,0)-VLOOKUP(BJ$1,városok!$A$2:$C$346,3,0))^2)/1000,0)</f>
        <v>14</v>
      </c>
      <c r="BK31">
        <f ca="1">ROUND(SQRT((VLOOKUP($A31,városok!$A$2:$C$346,2,0)-VLOOKUP(BK$1,városok!$A$2:$C$346,2,0))^2+(VLOOKUP($A31,városok!$A$2:$C$346,3,0)-VLOOKUP(BK$1,városok!$A$2:$C$346,3,0))^2)/1000,0)</f>
        <v>31</v>
      </c>
      <c r="BL31">
        <f ca="1">ROUND(SQRT((VLOOKUP($A31,városok!$A$2:$C$346,2,0)-VLOOKUP(BL$1,városok!$A$2:$C$346,2,0))^2+(VLOOKUP($A31,városok!$A$2:$C$346,3,0)-VLOOKUP(BL$1,városok!$A$2:$C$346,3,0))^2)/1000,0)</f>
        <v>169</v>
      </c>
      <c r="BM31">
        <f ca="1">ROUND(SQRT((VLOOKUP($A31,városok!$A$2:$C$346,2,0)-VLOOKUP(BM$1,városok!$A$2:$C$346,2,0))^2+(VLOOKUP($A31,városok!$A$2:$C$346,3,0)-VLOOKUP(BM$1,városok!$A$2:$C$346,3,0))^2)/1000,0)</f>
        <v>167</v>
      </c>
      <c r="BN31">
        <f ca="1">ROUND(SQRT((VLOOKUP($A31,városok!$A$2:$C$346,2,0)-VLOOKUP(BN$1,városok!$A$2:$C$346,2,0))^2+(VLOOKUP($A31,városok!$A$2:$C$346,3,0)-VLOOKUP(BN$1,városok!$A$2:$C$346,3,0))^2)/1000,0)</f>
        <v>182</v>
      </c>
      <c r="BO31">
        <f ca="1">ROUND(SQRT((VLOOKUP($A31,városok!$A$2:$C$346,2,0)-VLOOKUP(BO$1,városok!$A$2:$C$346,2,0))^2+(VLOOKUP($A31,városok!$A$2:$C$346,3,0)-VLOOKUP(BO$1,városok!$A$2:$C$346,3,0))^2)/1000,0)</f>
        <v>102</v>
      </c>
      <c r="BP31">
        <f ca="1">ROUND(SQRT((VLOOKUP($A31,városok!$A$2:$C$346,2,0)-VLOOKUP(BP$1,városok!$A$2:$C$346,2,0))^2+(VLOOKUP($A31,városok!$A$2:$C$346,3,0)-VLOOKUP(BP$1,városok!$A$2:$C$346,3,0))^2)/1000,0)</f>
        <v>100</v>
      </c>
      <c r="BQ31">
        <f ca="1">ROUND(SQRT((VLOOKUP($A31,városok!$A$2:$C$346,2,0)-VLOOKUP(BQ$1,városok!$A$2:$C$346,2,0))^2+(VLOOKUP($A31,városok!$A$2:$C$346,3,0)-VLOOKUP(BQ$1,városok!$A$2:$C$346,3,0))^2)/1000,0)</f>
        <v>111</v>
      </c>
      <c r="BR31">
        <f ca="1">ROUND(SQRT((VLOOKUP($A31,városok!$A$2:$C$346,2,0)-VLOOKUP(BR$1,városok!$A$2:$C$346,2,0))^2+(VLOOKUP($A31,városok!$A$2:$C$346,3,0)-VLOOKUP(BR$1,városok!$A$2:$C$346,3,0))^2)/1000,0)</f>
        <v>112</v>
      </c>
      <c r="BS31">
        <f ca="1">ROUND(SQRT((VLOOKUP($A31,városok!$A$2:$C$346,2,0)-VLOOKUP(BS$1,városok!$A$2:$C$346,2,0))^2+(VLOOKUP($A31,városok!$A$2:$C$346,3,0)-VLOOKUP(BS$1,városok!$A$2:$C$346,3,0))^2)/1000,0)</f>
        <v>115</v>
      </c>
      <c r="BT31">
        <f ca="1">ROUND(SQRT((VLOOKUP($A31,városok!$A$2:$C$346,2,0)-VLOOKUP(BT$1,városok!$A$2:$C$346,2,0))^2+(VLOOKUP($A31,városok!$A$2:$C$346,3,0)-VLOOKUP(BT$1,városok!$A$2:$C$346,3,0))^2)/1000,0)</f>
        <v>143</v>
      </c>
    </row>
    <row r="32" spans="1:72" x14ac:dyDescent="0.2">
      <c r="A32" t="str">
        <f>városok!A32</f>
        <v>Sásd</v>
      </c>
      <c r="B32">
        <f ca="1">ROUND(SQRT((VLOOKUP($A32,városok!$A$2:$C$346,2,0)-VLOOKUP(B$1,városok!$A$2:$C$346,2,0))^2+(VLOOKUP($A32,városok!$A$2:$C$346,3,0)-VLOOKUP(B$1,városok!$A$2:$C$346,3,0))^2)/1000,0)</f>
        <v>66</v>
      </c>
      <c r="C32">
        <f ca="1">ROUND(SQRT((VLOOKUP($A32,városok!$A$2:$C$346,2,0)-VLOOKUP(C$1,városok!$A$2:$C$346,2,0))^2+(VLOOKUP($A32,városok!$A$2:$C$346,3,0)-VLOOKUP(C$1,városok!$A$2:$C$346,3,0))^2)/1000,0)</f>
        <v>74</v>
      </c>
      <c r="D32">
        <f ca="1">ROUND(SQRT((VLOOKUP($A32,városok!$A$2:$C$346,2,0)-VLOOKUP(D$1,városok!$A$2:$C$346,2,0))^2+(VLOOKUP($A32,városok!$A$2:$C$346,3,0)-VLOOKUP(D$1,városok!$A$2:$C$346,3,0))^2)/1000,0)</f>
        <v>142</v>
      </c>
      <c r="E32">
        <f ca="1">ROUND(SQRT((VLOOKUP($A32,városok!$A$2:$C$346,2,0)-VLOOKUP(E$1,városok!$A$2:$C$346,2,0))^2+(VLOOKUP($A32,városok!$A$2:$C$346,3,0)-VLOOKUP(E$1,városok!$A$2:$C$346,3,0))^2)/1000,0)</f>
        <v>14</v>
      </c>
      <c r="F32">
        <f ca="1">ROUND(SQRT((VLOOKUP($A32,városok!$A$2:$C$346,2,0)-VLOOKUP(F$1,városok!$A$2:$C$346,2,0))^2+(VLOOKUP($A32,városok!$A$2:$C$346,3,0)-VLOOKUP(F$1,városok!$A$2:$C$346,3,0))^2)/1000,0)</f>
        <v>53</v>
      </c>
      <c r="G32">
        <f ca="1">ROUND(SQRT((VLOOKUP($A32,városok!$A$2:$C$346,2,0)-VLOOKUP(G$1,városok!$A$2:$C$346,2,0))^2+(VLOOKUP($A32,városok!$A$2:$C$346,3,0)-VLOOKUP(G$1,városok!$A$2:$C$346,3,0))^2)/1000,0)</f>
        <v>22</v>
      </c>
      <c r="H32">
        <f ca="1">ROUND(SQRT((VLOOKUP($A32,városok!$A$2:$C$346,2,0)-VLOOKUP(H$1,városok!$A$2:$C$346,2,0))^2+(VLOOKUP($A32,városok!$A$2:$C$346,3,0)-VLOOKUP(H$1,városok!$A$2:$C$346,3,0))^2)/1000,0)</f>
        <v>33</v>
      </c>
      <c r="I32">
        <f ca="1">ROUND(SQRT((VLOOKUP($A32,városok!$A$2:$C$346,2,0)-VLOOKUP(I$1,városok!$A$2:$C$346,2,0))^2+(VLOOKUP($A32,városok!$A$2:$C$346,3,0)-VLOOKUP(I$1,városok!$A$2:$C$346,3,0))^2)/1000,0)</f>
        <v>233</v>
      </c>
      <c r="J32">
        <f ca="1">ROUND(SQRT((VLOOKUP($A32,városok!$A$2:$C$346,2,0)-VLOOKUP(J$1,városok!$A$2:$C$346,2,0))^2+(VLOOKUP($A32,városok!$A$2:$C$346,3,0)-VLOOKUP(J$1,városok!$A$2:$C$346,3,0))^2)/1000,0)</f>
        <v>247</v>
      </c>
      <c r="K32">
        <f ca="1">ROUND(SQRT((VLOOKUP($A32,városok!$A$2:$C$346,2,0)-VLOOKUP(K$1,városok!$A$2:$C$346,2,0))^2+(VLOOKUP($A32,városok!$A$2:$C$346,3,0)-VLOOKUP(K$1,városok!$A$2:$C$346,3,0))^2)/1000,0)</f>
        <v>200</v>
      </c>
      <c r="L32">
        <f ca="1">ROUND(SQRT((VLOOKUP($A32,városok!$A$2:$C$346,2,0)-VLOOKUP(L$1,városok!$A$2:$C$346,2,0))^2+(VLOOKUP($A32,városok!$A$2:$C$346,3,0)-VLOOKUP(L$1,városok!$A$2:$C$346,3,0))^2)/1000,0)</f>
        <v>294</v>
      </c>
      <c r="M32">
        <f ca="1">ROUND(SQRT((VLOOKUP($A32,városok!$A$2:$C$346,2,0)-VLOOKUP(M$1,városok!$A$2:$C$346,2,0))^2+(VLOOKUP($A32,városok!$A$2:$C$346,3,0)-VLOOKUP(M$1,városok!$A$2:$C$346,3,0))^2)/1000,0)</f>
        <v>290</v>
      </c>
      <c r="N32">
        <f ca="1">ROUND(SQRT((VLOOKUP($A32,városok!$A$2:$C$346,2,0)-VLOOKUP(N$1,városok!$A$2:$C$346,2,0))^2+(VLOOKUP($A32,városok!$A$2:$C$346,3,0)-VLOOKUP(N$1,városok!$A$2:$C$346,3,0))^2)/1000,0)</f>
        <v>274</v>
      </c>
      <c r="O32">
        <f ca="1">ROUND(SQRT((VLOOKUP($A32,városok!$A$2:$C$346,2,0)-VLOOKUP(O$1,városok!$A$2:$C$346,2,0))^2+(VLOOKUP($A32,városok!$A$2:$C$346,3,0)-VLOOKUP(O$1,városok!$A$2:$C$346,3,0))^2)/1000,0)</f>
        <v>359</v>
      </c>
      <c r="P32">
        <f ca="1">ROUND(SQRT((VLOOKUP($A32,városok!$A$2:$C$346,2,0)-VLOOKUP(P$1,városok!$A$2:$C$346,2,0))^2+(VLOOKUP($A32,városok!$A$2:$C$346,3,0)-VLOOKUP(P$1,városok!$A$2:$C$346,3,0))^2)/1000,0)</f>
        <v>359</v>
      </c>
      <c r="Q32">
        <f ca="1">ROUND(SQRT((VLOOKUP($A32,városok!$A$2:$C$346,2,0)-VLOOKUP(Q$1,városok!$A$2:$C$346,2,0))^2+(VLOOKUP($A32,városok!$A$2:$C$346,3,0)-VLOOKUP(Q$1,városok!$A$2:$C$346,3,0))^2)/1000,0)</f>
        <v>172</v>
      </c>
      <c r="R32">
        <f ca="1">ROUND(SQRT((VLOOKUP($A32,városok!$A$2:$C$346,2,0)-VLOOKUP(R$1,városok!$A$2:$C$346,2,0))^2+(VLOOKUP($A32,városok!$A$2:$C$346,3,0)-VLOOKUP(R$1,városok!$A$2:$C$346,3,0))^2)/1000,0)</f>
        <v>183</v>
      </c>
      <c r="S32">
        <f ca="1">ROUND(SQRT((VLOOKUP($A32,városok!$A$2:$C$346,2,0)-VLOOKUP(S$1,városok!$A$2:$C$346,2,0))^2+(VLOOKUP($A32,városok!$A$2:$C$346,3,0)-VLOOKUP(S$1,városok!$A$2:$C$346,3,0))^2)/1000,0)</f>
        <v>158</v>
      </c>
      <c r="T32">
        <f ca="1">ROUND(SQRT((VLOOKUP($A32,városok!$A$2:$C$346,2,0)-VLOOKUP(T$1,városok!$A$2:$C$346,2,0))^2+(VLOOKUP($A32,városok!$A$2:$C$346,3,0)-VLOOKUP(T$1,városok!$A$2:$C$346,3,0))^2)/1000,0)</f>
        <v>143</v>
      </c>
      <c r="U32">
        <f ca="1">ROUND(SQRT((VLOOKUP($A32,városok!$A$2:$C$346,2,0)-VLOOKUP(U$1,városok!$A$2:$C$346,2,0))^2+(VLOOKUP($A32,városok!$A$2:$C$346,3,0)-VLOOKUP(U$1,városok!$A$2:$C$346,3,0))^2)/1000,0)</f>
        <v>102</v>
      </c>
      <c r="V32">
        <f ca="1">ROUND(SQRT((VLOOKUP($A32,városok!$A$2:$C$346,2,0)-VLOOKUP(V$1,városok!$A$2:$C$346,2,0))^2+(VLOOKUP($A32,városok!$A$2:$C$346,3,0)-VLOOKUP(V$1,városok!$A$2:$C$346,3,0))^2)/1000,0)</f>
        <v>91</v>
      </c>
      <c r="W32">
        <f ca="1">ROUND(SQRT((VLOOKUP($A32,városok!$A$2:$C$346,2,0)-VLOOKUP(W$1,városok!$A$2:$C$346,2,0))^2+(VLOOKUP($A32,városok!$A$2:$C$346,3,0)-VLOOKUP(W$1,városok!$A$2:$C$346,3,0))^2)/1000,0)</f>
        <v>81</v>
      </c>
      <c r="X32">
        <f ca="1">ROUND(SQRT((VLOOKUP($A32,városok!$A$2:$C$346,2,0)-VLOOKUP(X$1,városok!$A$2:$C$346,2,0))^2+(VLOOKUP($A32,városok!$A$2:$C$346,3,0)-VLOOKUP(X$1,városok!$A$2:$C$346,3,0))^2)/1000,0)</f>
        <v>117</v>
      </c>
      <c r="Y32">
        <f ca="1">ROUND(SQRT((VLOOKUP($A32,városok!$A$2:$C$346,2,0)-VLOOKUP(Y$1,városok!$A$2:$C$346,2,0))^2+(VLOOKUP($A32,városok!$A$2:$C$346,3,0)-VLOOKUP(Y$1,városok!$A$2:$C$346,3,0))^2)/1000,0)</f>
        <v>164</v>
      </c>
      <c r="Z32">
        <f ca="1">ROUND(SQRT((VLOOKUP($A32,városok!$A$2:$C$346,2,0)-VLOOKUP(Z$1,városok!$A$2:$C$346,2,0))^2+(VLOOKUP($A32,városok!$A$2:$C$346,3,0)-VLOOKUP(Z$1,városok!$A$2:$C$346,3,0))^2)/1000,0)</f>
        <v>174</v>
      </c>
      <c r="AA32">
        <f ca="1">ROUND(SQRT((VLOOKUP($A32,városok!$A$2:$C$346,2,0)-VLOOKUP(AA$1,városok!$A$2:$C$346,2,0))^2+(VLOOKUP($A32,városok!$A$2:$C$346,3,0)-VLOOKUP(AA$1,városok!$A$2:$C$346,3,0))^2)/1000,0)</f>
        <v>197</v>
      </c>
      <c r="AB32">
        <f ca="1">ROUND(SQRT((VLOOKUP($A32,városok!$A$2:$C$346,2,0)-VLOOKUP(AB$1,városok!$A$2:$C$346,2,0))^2+(VLOOKUP($A32,városok!$A$2:$C$346,3,0)-VLOOKUP(AB$1,városok!$A$2:$C$346,3,0))^2)/1000,0)</f>
        <v>304</v>
      </c>
      <c r="AC32">
        <f ca="1">ROUND(SQRT((VLOOKUP($A32,városok!$A$2:$C$346,2,0)-VLOOKUP(AC$1,városok!$A$2:$C$346,2,0))^2+(VLOOKUP($A32,városok!$A$2:$C$346,3,0)-VLOOKUP(AC$1,városok!$A$2:$C$346,3,0))^2)/1000,0)</f>
        <v>284</v>
      </c>
      <c r="AD32">
        <f ca="1">ROUND(SQRT((VLOOKUP($A32,városok!$A$2:$C$346,2,0)-VLOOKUP(AD$1,városok!$A$2:$C$346,2,0))^2+(VLOOKUP($A32,városok!$A$2:$C$346,3,0)-VLOOKUP(AD$1,városok!$A$2:$C$346,3,0))^2)/1000,0)</f>
        <v>267</v>
      </c>
      <c r="AE32">
        <f ca="1">ROUND(SQRT((VLOOKUP($A32,városok!$A$2:$C$346,2,0)-VLOOKUP(AE$1,városok!$A$2:$C$346,2,0))^2+(VLOOKUP($A32,városok!$A$2:$C$346,3,0)-VLOOKUP(AE$1,városok!$A$2:$C$346,3,0))^2)/1000,0)</f>
        <v>260</v>
      </c>
      <c r="AF32">
        <f ca="1">ROUND(SQRT((VLOOKUP($A32,városok!$A$2:$C$346,2,0)-VLOOKUP(AF$1,városok!$A$2:$C$346,2,0))^2+(VLOOKUP($A32,városok!$A$2:$C$346,3,0)-VLOOKUP(AF$1,városok!$A$2:$C$346,3,0))^2)/1000,0)</f>
        <v>252</v>
      </c>
      <c r="AG32">
        <f ca="1">ROUND(SQRT((VLOOKUP($A32,városok!$A$2:$C$346,2,0)-VLOOKUP(AG$1,városok!$A$2:$C$346,2,0))^2+(VLOOKUP($A32,városok!$A$2:$C$346,3,0)-VLOOKUP(AG$1,városok!$A$2:$C$346,3,0))^2)/1000,0)</f>
        <v>219</v>
      </c>
      <c r="AH32">
        <f ca="1">ROUND(SQRT((VLOOKUP($A32,városok!$A$2:$C$346,2,0)-VLOOKUP(AH$1,városok!$A$2:$C$346,2,0))^2+(VLOOKUP($A32,városok!$A$2:$C$346,3,0)-VLOOKUP(AH$1,városok!$A$2:$C$346,3,0))^2)/1000,0)</f>
        <v>197</v>
      </c>
      <c r="AI32">
        <f ca="1">ROUND(SQRT((VLOOKUP($A32,városok!$A$2:$C$346,2,0)-VLOOKUP(AI$1,városok!$A$2:$C$346,2,0))^2+(VLOOKUP($A32,városok!$A$2:$C$346,3,0)-VLOOKUP(AI$1,városok!$A$2:$C$346,3,0))^2)/1000,0)</f>
        <v>248</v>
      </c>
      <c r="AJ32">
        <f ca="1">ROUND(SQRT((VLOOKUP($A32,városok!$A$2:$C$346,2,0)-VLOOKUP(AJ$1,városok!$A$2:$C$346,2,0))^2+(VLOOKUP($A32,városok!$A$2:$C$346,3,0)-VLOOKUP(AJ$1,városok!$A$2:$C$346,3,0))^2)/1000,0)</f>
        <v>210</v>
      </c>
      <c r="AK32">
        <f ca="1">ROUND(SQRT((VLOOKUP($A32,városok!$A$2:$C$346,2,0)-VLOOKUP(AK$1,városok!$A$2:$C$346,2,0))^2+(VLOOKUP($A32,városok!$A$2:$C$346,3,0)-VLOOKUP(AK$1,városok!$A$2:$C$346,3,0))^2)/1000,0)</f>
        <v>247</v>
      </c>
      <c r="AL32">
        <f ca="1">ROUND(SQRT((VLOOKUP($A32,városok!$A$2:$C$346,2,0)-VLOOKUP(AL$1,városok!$A$2:$C$346,2,0))^2+(VLOOKUP($A32,városok!$A$2:$C$346,3,0)-VLOOKUP(AL$1,városok!$A$2:$C$346,3,0))^2)/1000,0)</f>
        <v>229</v>
      </c>
      <c r="AM32">
        <f ca="1">ROUND(SQRT((VLOOKUP($A32,városok!$A$2:$C$346,2,0)-VLOOKUP(AM$1,városok!$A$2:$C$346,2,0))^2+(VLOOKUP($A32,városok!$A$2:$C$346,3,0)-VLOOKUP(AM$1,városok!$A$2:$C$346,3,0))^2)/1000,0)</f>
        <v>189</v>
      </c>
      <c r="AN32">
        <f ca="1">ROUND(SQRT((VLOOKUP($A32,városok!$A$2:$C$346,2,0)-VLOOKUP(AN$1,városok!$A$2:$C$346,2,0))^2+(VLOOKUP($A32,városok!$A$2:$C$346,3,0)-VLOOKUP(AN$1,városok!$A$2:$C$346,3,0))^2)/1000,0)</f>
        <v>178</v>
      </c>
      <c r="AO32">
        <f ca="1">ROUND(SQRT((VLOOKUP($A32,városok!$A$2:$C$346,2,0)-VLOOKUP(AO$1,városok!$A$2:$C$346,2,0))^2+(VLOOKUP($A32,városok!$A$2:$C$346,3,0)-VLOOKUP(AO$1,városok!$A$2:$C$346,3,0))^2)/1000,0)</f>
        <v>165</v>
      </c>
      <c r="AP32">
        <f ca="1">ROUND(SQRT((VLOOKUP($A32,városok!$A$2:$C$346,2,0)-VLOOKUP(AP$1,városok!$A$2:$C$346,2,0))^2+(VLOOKUP($A32,városok!$A$2:$C$346,3,0)-VLOOKUP(AP$1,városok!$A$2:$C$346,3,0))^2)/1000,0)</f>
        <v>156</v>
      </c>
      <c r="AQ32">
        <f ca="1">ROUND(SQRT((VLOOKUP($A32,városok!$A$2:$C$346,2,0)-VLOOKUP(AQ$1,városok!$A$2:$C$346,2,0))^2+(VLOOKUP($A32,városok!$A$2:$C$346,3,0)-VLOOKUP(AQ$1,városok!$A$2:$C$346,3,0))^2)/1000,0)</f>
        <v>148</v>
      </c>
      <c r="AR32">
        <f ca="1">ROUND(SQRT((VLOOKUP($A32,városok!$A$2:$C$346,2,0)-VLOOKUP(AR$1,városok!$A$2:$C$346,2,0))^2+(VLOOKUP($A32,városok!$A$2:$C$346,3,0)-VLOOKUP(AR$1,városok!$A$2:$C$346,3,0))^2)/1000,0)</f>
        <v>221</v>
      </c>
      <c r="AS32">
        <f ca="1">ROUND(SQRT((VLOOKUP($A32,városok!$A$2:$C$346,2,0)-VLOOKUP(AS$1,városok!$A$2:$C$346,2,0))^2+(VLOOKUP($A32,városok!$A$2:$C$346,3,0)-VLOOKUP(AS$1,városok!$A$2:$C$346,3,0))^2)/1000,0)</f>
        <v>244</v>
      </c>
      <c r="AT32">
        <f ca="1">ROUND(SQRT((VLOOKUP($A32,városok!$A$2:$C$346,2,0)-VLOOKUP(AT$1,városok!$A$2:$C$346,2,0))^2+(VLOOKUP($A32,városok!$A$2:$C$346,3,0)-VLOOKUP(AT$1,városok!$A$2:$C$346,3,0))^2)/1000,0)</f>
        <v>146</v>
      </c>
      <c r="AU32">
        <f ca="1">ROUND(SQRT((VLOOKUP($A32,városok!$A$2:$C$346,2,0)-VLOOKUP(AU$1,városok!$A$2:$C$346,2,0))^2+(VLOOKUP($A32,városok!$A$2:$C$346,3,0)-VLOOKUP(AU$1,városok!$A$2:$C$346,3,0))^2)/1000,0)</f>
        <v>149</v>
      </c>
      <c r="AV32">
        <f ca="1">ROUND(SQRT((VLOOKUP($A32,városok!$A$2:$C$346,2,0)-VLOOKUP(AV$1,városok!$A$2:$C$346,2,0))^2+(VLOOKUP($A32,városok!$A$2:$C$346,3,0)-VLOOKUP(AV$1,városok!$A$2:$C$346,3,0))^2)/1000,0)</f>
        <v>144</v>
      </c>
      <c r="AW32">
        <f ca="1">ROUND(SQRT((VLOOKUP($A32,városok!$A$2:$C$346,2,0)-VLOOKUP(AW$1,városok!$A$2:$C$346,2,0))^2+(VLOOKUP($A32,városok!$A$2:$C$346,3,0)-VLOOKUP(AW$1,városok!$A$2:$C$346,3,0))^2)/1000,0)</f>
        <v>141</v>
      </c>
      <c r="AX32">
        <f ca="1">ROUND(SQRT((VLOOKUP($A32,városok!$A$2:$C$346,2,0)-VLOOKUP(AX$1,városok!$A$2:$C$346,2,0))^2+(VLOOKUP($A32,városok!$A$2:$C$346,3,0)-VLOOKUP(AX$1,városok!$A$2:$C$346,3,0))^2)/1000,0)</f>
        <v>155</v>
      </c>
      <c r="AY32">
        <f ca="1">ROUND(SQRT((VLOOKUP($A32,városok!$A$2:$C$346,2,0)-VLOOKUP(AY$1,városok!$A$2:$C$346,2,0))^2+(VLOOKUP($A32,városok!$A$2:$C$346,3,0)-VLOOKUP(AY$1,városok!$A$2:$C$346,3,0))^2)/1000,0)</f>
        <v>175</v>
      </c>
      <c r="AZ32">
        <f ca="1">ROUND(SQRT((VLOOKUP($A32,városok!$A$2:$C$346,2,0)-VLOOKUP(AZ$1,városok!$A$2:$C$346,2,0))^2+(VLOOKUP($A32,városok!$A$2:$C$346,3,0)-VLOOKUP(AZ$1,városok!$A$2:$C$346,3,0))^2)/1000,0)</f>
        <v>183</v>
      </c>
      <c r="BA32">
        <f ca="1">ROUND(SQRT((VLOOKUP($A32,városok!$A$2:$C$346,2,0)-VLOOKUP(BA$1,városok!$A$2:$C$346,2,0))^2+(VLOOKUP($A32,városok!$A$2:$C$346,3,0)-VLOOKUP(BA$1,városok!$A$2:$C$346,3,0))^2)/1000,0)</f>
        <v>66</v>
      </c>
      <c r="BB32">
        <f ca="1">ROUND(SQRT((VLOOKUP($A32,városok!$A$2:$C$346,2,0)-VLOOKUP(BB$1,városok!$A$2:$C$346,2,0))^2+(VLOOKUP($A32,városok!$A$2:$C$346,3,0)-VLOOKUP(BB$1,városok!$A$2:$C$346,3,0))^2)/1000,0)</f>
        <v>34</v>
      </c>
      <c r="BC32">
        <f ca="1">ROUND(SQRT((VLOOKUP($A32,városok!$A$2:$C$346,2,0)-VLOOKUP(BC$1,városok!$A$2:$C$346,2,0))^2+(VLOOKUP($A32,városok!$A$2:$C$346,3,0)-VLOOKUP(BC$1,városok!$A$2:$C$346,3,0))^2)/1000,0)</f>
        <v>27</v>
      </c>
      <c r="BD32">
        <f ca="1">ROUND(SQRT((VLOOKUP($A32,városok!$A$2:$C$346,2,0)-VLOOKUP(BD$1,városok!$A$2:$C$346,2,0))^2+(VLOOKUP($A32,városok!$A$2:$C$346,3,0)-VLOOKUP(BD$1,városok!$A$2:$C$346,3,0))^2)/1000,0)</f>
        <v>73</v>
      </c>
      <c r="BE32">
        <f ca="1">ROUND(SQRT((VLOOKUP($A32,városok!$A$2:$C$346,2,0)-VLOOKUP(BE$1,városok!$A$2:$C$346,2,0))^2+(VLOOKUP($A32,városok!$A$2:$C$346,3,0)-VLOOKUP(BE$1,városok!$A$2:$C$346,3,0))^2)/1000,0)</f>
        <v>389</v>
      </c>
      <c r="BF32">
        <f ca="1">ROUND(SQRT((VLOOKUP($A32,városok!$A$2:$C$346,2,0)-VLOOKUP(BF$1,városok!$A$2:$C$346,2,0))^2+(VLOOKUP($A32,városok!$A$2:$C$346,3,0)-VLOOKUP(BF$1,városok!$A$2:$C$346,3,0))^2)/1000,0)</f>
        <v>372</v>
      </c>
      <c r="BG32">
        <f ca="1">ROUND(SQRT((VLOOKUP($A32,városok!$A$2:$C$346,2,0)-VLOOKUP(BG$1,városok!$A$2:$C$346,2,0))^2+(VLOOKUP($A32,városok!$A$2:$C$346,3,0)-VLOOKUP(BG$1,városok!$A$2:$C$346,3,0))^2)/1000,0)</f>
        <v>329</v>
      </c>
      <c r="BH32">
        <f ca="1">ROUND(SQRT((VLOOKUP($A32,városok!$A$2:$C$346,2,0)-VLOOKUP(BH$1,városok!$A$2:$C$346,2,0))^2+(VLOOKUP($A32,városok!$A$2:$C$346,3,0)-VLOOKUP(BH$1,városok!$A$2:$C$346,3,0))^2)/1000,0)</f>
        <v>329</v>
      </c>
      <c r="BI32">
        <f ca="1">ROUND(SQRT((VLOOKUP($A32,városok!$A$2:$C$346,2,0)-VLOOKUP(BI$1,városok!$A$2:$C$346,2,0))^2+(VLOOKUP($A32,városok!$A$2:$C$346,3,0)-VLOOKUP(BI$1,városok!$A$2:$C$346,3,0))^2)/1000,0)</f>
        <v>43</v>
      </c>
      <c r="BJ32">
        <f ca="1">ROUND(SQRT((VLOOKUP($A32,városok!$A$2:$C$346,2,0)-VLOOKUP(BJ$1,városok!$A$2:$C$346,2,0))^2+(VLOOKUP($A32,városok!$A$2:$C$346,3,0)-VLOOKUP(BJ$1,városok!$A$2:$C$346,3,0))^2)/1000,0)</f>
        <v>27</v>
      </c>
      <c r="BK32">
        <f ca="1">ROUND(SQRT((VLOOKUP($A32,városok!$A$2:$C$346,2,0)-VLOOKUP(BK$1,városok!$A$2:$C$346,2,0))^2+(VLOOKUP($A32,városok!$A$2:$C$346,3,0)-VLOOKUP(BK$1,városok!$A$2:$C$346,3,0))^2)/1000,0)</f>
        <v>47</v>
      </c>
      <c r="BL32">
        <f ca="1">ROUND(SQRT((VLOOKUP($A32,városok!$A$2:$C$346,2,0)-VLOOKUP(BL$1,városok!$A$2:$C$346,2,0))^2+(VLOOKUP($A32,városok!$A$2:$C$346,3,0)-VLOOKUP(BL$1,városok!$A$2:$C$346,3,0))^2)/1000,0)</f>
        <v>143</v>
      </c>
      <c r="BM32">
        <f ca="1">ROUND(SQRT((VLOOKUP($A32,városok!$A$2:$C$346,2,0)-VLOOKUP(BM$1,városok!$A$2:$C$346,2,0))^2+(VLOOKUP($A32,városok!$A$2:$C$346,3,0)-VLOOKUP(BM$1,városok!$A$2:$C$346,3,0))^2)/1000,0)</f>
        <v>143</v>
      </c>
      <c r="BN32">
        <f ca="1">ROUND(SQRT((VLOOKUP($A32,városok!$A$2:$C$346,2,0)-VLOOKUP(BN$1,városok!$A$2:$C$346,2,0))^2+(VLOOKUP($A32,városok!$A$2:$C$346,3,0)-VLOOKUP(BN$1,városok!$A$2:$C$346,3,0))^2)/1000,0)</f>
        <v>157</v>
      </c>
      <c r="BO32">
        <f ca="1">ROUND(SQRT((VLOOKUP($A32,városok!$A$2:$C$346,2,0)-VLOOKUP(BO$1,városok!$A$2:$C$346,2,0))^2+(VLOOKUP($A32,városok!$A$2:$C$346,3,0)-VLOOKUP(BO$1,városok!$A$2:$C$346,3,0))^2)/1000,0)</f>
        <v>87</v>
      </c>
      <c r="BP32">
        <f ca="1">ROUND(SQRT((VLOOKUP($A32,városok!$A$2:$C$346,2,0)-VLOOKUP(BP$1,városok!$A$2:$C$346,2,0))^2+(VLOOKUP($A32,városok!$A$2:$C$346,3,0)-VLOOKUP(BP$1,városok!$A$2:$C$346,3,0))^2)/1000,0)</f>
        <v>87</v>
      </c>
      <c r="BQ32">
        <f ca="1">ROUND(SQRT((VLOOKUP($A32,városok!$A$2:$C$346,2,0)-VLOOKUP(BQ$1,városok!$A$2:$C$346,2,0))^2+(VLOOKUP($A32,városok!$A$2:$C$346,3,0)-VLOOKUP(BQ$1,városok!$A$2:$C$346,3,0))^2)/1000,0)</f>
        <v>94</v>
      </c>
      <c r="BR32">
        <f ca="1">ROUND(SQRT((VLOOKUP($A32,városok!$A$2:$C$346,2,0)-VLOOKUP(BR$1,városok!$A$2:$C$346,2,0))^2+(VLOOKUP($A32,városok!$A$2:$C$346,3,0)-VLOOKUP(BR$1,városok!$A$2:$C$346,3,0))^2)/1000,0)</f>
        <v>87</v>
      </c>
      <c r="BS32">
        <f ca="1">ROUND(SQRT((VLOOKUP($A32,városok!$A$2:$C$346,2,0)-VLOOKUP(BS$1,városok!$A$2:$C$346,2,0))^2+(VLOOKUP($A32,városok!$A$2:$C$346,3,0)-VLOOKUP(BS$1,városok!$A$2:$C$346,3,0))^2)/1000,0)</f>
        <v>88</v>
      </c>
      <c r="BT32">
        <f ca="1">ROUND(SQRT((VLOOKUP($A32,városok!$A$2:$C$346,2,0)-VLOOKUP(BT$1,városok!$A$2:$C$346,2,0))^2+(VLOOKUP($A32,városok!$A$2:$C$346,3,0)-VLOOKUP(BT$1,városok!$A$2:$C$346,3,0))^2)/1000,0)</f>
        <v>117</v>
      </c>
    </row>
    <row r="33" spans="1:72" x14ac:dyDescent="0.2">
      <c r="A33" t="str">
        <f>városok!A33</f>
        <v>Sellye</v>
      </c>
      <c r="B33">
        <f ca="1">ROUND(SQRT((VLOOKUP($A33,városok!$A$2:$C$346,2,0)-VLOOKUP(B$1,városok!$A$2:$C$346,2,0))^2+(VLOOKUP($A33,városok!$A$2:$C$346,3,0)-VLOOKUP(B$1,városok!$A$2:$C$346,3,0))^2)/1000,0)</f>
        <v>93</v>
      </c>
      <c r="C33">
        <f ca="1">ROUND(SQRT((VLOOKUP($A33,városok!$A$2:$C$346,2,0)-VLOOKUP(C$1,városok!$A$2:$C$346,2,0))^2+(VLOOKUP($A33,városok!$A$2:$C$346,3,0)-VLOOKUP(C$1,városok!$A$2:$C$346,3,0))^2)/1000,0)</f>
        <v>113</v>
      </c>
      <c r="D33">
        <f ca="1">ROUND(SQRT((VLOOKUP($A33,városok!$A$2:$C$346,2,0)-VLOOKUP(D$1,városok!$A$2:$C$346,2,0))^2+(VLOOKUP($A33,városok!$A$2:$C$346,3,0)-VLOOKUP(D$1,városok!$A$2:$C$346,3,0))^2)/1000,0)</f>
        <v>182</v>
      </c>
      <c r="E33">
        <f ca="1">ROUND(SQRT((VLOOKUP($A33,városok!$A$2:$C$346,2,0)-VLOOKUP(E$1,városok!$A$2:$C$346,2,0))^2+(VLOOKUP($A33,városok!$A$2:$C$346,3,0)-VLOOKUP(E$1,városok!$A$2:$C$346,3,0))^2)/1000,0)</f>
        <v>47</v>
      </c>
      <c r="F33">
        <f ca="1">ROUND(SQRT((VLOOKUP($A33,városok!$A$2:$C$346,2,0)-VLOOKUP(F$1,városok!$A$2:$C$346,2,0))^2+(VLOOKUP($A33,városok!$A$2:$C$346,3,0)-VLOOKUP(F$1,városok!$A$2:$C$346,3,0))^2)/1000,0)</f>
        <v>66</v>
      </c>
      <c r="G33">
        <f ca="1">ROUND(SQRT((VLOOKUP($A33,városok!$A$2:$C$346,2,0)-VLOOKUP(G$1,városok!$A$2:$C$346,2,0))^2+(VLOOKUP($A33,városok!$A$2:$C$346,3,0)-VLOOKUP(G$1,városok!$A$2:$C$346,3,0))^2)/1000,0)</f>
        <v>38</v>
      </c>
      <c r="H33">
        <f ca="1">ROUND(SQRT((VLOOKUP($A33,városok!$A$2:$C$346,2,0)-VLOOKUP(H$1,városok!$A$2:$C$346,2,0))^2+(VLOOKUP($A33,városok!$A$2:$C$346,3,0)-VLOOKUP(H$1,városok!$A$2:$C$346,3,0))^2)/1000,0)</f>
        <v>20</v>
      </c>
      <c r="I33">
        <f ca="1">ROUND(SQRT((VLOOKUP($A33,városok!$A$2:$C$346,2,0)-VLOOKUP(I$1,városok!$A$2:$C$346,2,0))^2+(VLOOKUP($A33,városok!$A$2:$C$346,3,0)-VLOOKUP(I$1,városok!$A$2:$C$346,3,0))^2)/1000,0)</f>
        <v>264</v>
      </c>
      <c r="J33">
        <f ca="1">ROUND(SQRT((VLOOKUP($A33,városok!$A$2:$C$346,2,0)-VLOOKUP(J$1,városok!$A$2:$C$346,2,0))^2+(VLOOKUP($A33,városok!$A$2:$C$346,3,0)-VLOOKUP(J$1,városok!$A$2:$C$346,3,0))^2)/1000,0)</f>
        <v>277</v>
      </c>
      <c r="K33">
        <f ca="1">ROUND(SQRT((VLOOKUP($A33,városok!$A$2:$C$346,2,0)-VLOOKUP(K$1,városok!$A$2:$C$346,2,0))^2+(VLOOKUP($A33,városok!$A$2:$C$346,3,0)-VLOOKUP(K$1,városok!$A$2:$C$346,3,0))^2)/1000,0)</f>
        <v>230</v>
      </c>
      <c r="L33">
        <f ca="1">ROUND(SQRT((VLOOKUP($A33,városok!$A$2:$C$346,2,0)-VLOOKUP(L$1,városok!$A$2:$C$346,2,0))^2+(VLOOKUP($A33,városok!$A$2:$C$346,3,0)-VLOOKUP(L$1,városok!$A$2:$C$346,3,0))^2)/1000,0)</f>
        <v>339</v>
      </c>
      <c r="M33">
        <f ca="1">ROUND(SQRT((VLOOKUP($A33,városok!$A$2:$C$346,2,0)-VLOOKUP(M$1,városok!$A$2:$C$346,2,0))^2+(VLOOKUP($A33,városok!$A$2:$C$346,3,0)-VLOOKUP(M$1,városok!$A$2:$C$346,3,0))^2)/1000,0)</f>
        <v>334</v>
      </c>
      <c r="N33">
        <f ca="1">ROUND(SQRT((VLOOKUP($A33,városok!$A$2:$C$346,2,0)-VLOOKUP(N$1,városok!$A$2:$C$346,2,0))^2+(VLOOKUP($A33,városok!$A$2:$C$346,3,0)-VLOOKUP(N$1,városok!$A$2:$C$346,3,0))^2)/1000,0)</f>
        <v>320</v>
      </c>
      <c r="O33">
        <f ca="1">ROUND(SQRT((VLOOKUP($A33,városok!$A$2:$C$346,2,0)-VLOOKUP(O$1,városok!$A$2:$C$346,2,0))^2+(VLOOKUP($A33,városok!$A$2:$C$346,3,0)-VLOOKUP(O$1,városok!$A$2:$C$346,3,0))^2)/1000,0)</f>
        <v>402</v>
      </c>
      <c r="P33">
        <f ca="1">ROUND(SQRT((VLOOKUP($A33,városok!$A$2:$C$346,2,0)-VLOOKUP(P$1,városok!$A$2:$C$346,2,0))^2+(VLOOKUP($A33,városok!$A$2:$C$346,3,0)-VLOOKUP(P$1,városok!$A$2:$C$346,3,0))^2)/1000,0)</f>
        <v>402</v>
      </c>
      <c r="Q33">
        <f ca="1">ROUND(SQRT((VLOOKUP($A33,városok!$A$2:$C$346,2,0)-VLOOKUP(Q$1,városok!$A$2:$C$346,2,0))^2+(VLOOKUP($A33,városok!$A$2:$C$346,3,0)-VLOOKUP(Q$1,városok!$A$2:$C$346,3,0))^2)/1000,0)</f>
        <v>200</v>
      </c>
      <c r="R33">
        <f ca="1">ROUND(SQRT((VLOOKUP($A33,városok!$A$2:$C$346,2,0)-VLOOKUP(R$1,városok!$A$2:$C$346,2,0))^2+(VLOOKUP($A33,városok!$A$2:$C$346,3,0)-VLOOKUP(R$1,városok!$A$2:$C$346,3,0))^2)/1000,0)</f>
        <v>207</v>
      </c>
      <c r="S33">
        <f ca="1">ROUND(SQRT((VLOOKUP($A33,városok!$A$2:$C$346,2,0)-VLOOKUP(S$1,városok!$A$2:$C$346,2,0))^2+(VLOOKUP($A33,városok!$A$2:$C$346,3,0)-VLOOKUP(S$1,városok!$A$2:$C$346,3,0))^2)/1000,0)</f>
        <v>183</v>
      </c>
      <c r="T33">
        <f ca="1">ROUND(SQRT((VLOOKUP($A33,városok!$A$2:$C$346,2,0)-VLOOKUP(T$1,városok!$A$2:$C$346,2,0))^2+(VLOOKUP($A33,városok!$A$2:$C$346,3,0)-VLOOKUP(T$1,városok!$A$2:$C$346,3,0))^2)/1000,0)</f>
        <v>190</v>
      </c>
      <c r="U33">
        <f ca="1">ROUND(SQRT((VLOOKUP($A33,városok!$A$2:$C$346,2,0)-VLOOKUP(U$1,városok!$A$2:$C$346,2,0))^2+(VLOOKUP($A33,városok!$A$2:$C$346,3,0)-VLOOKUP(U$1,városok!$A$2:$C$346,3,0))^2)/1000,0)</f>
        <v>147</v>
      </c>
      <c r="V33">
        <f ca="1">ROUND(SQRT((VLOOKUP($A33,városok!$A$2:$C$346,2,0)-VLOOKUP(V$1,városok!$A$2:$C$346,2,0))^2+(VLOOKUP($A33,városok!$A$2:$C$346,3,0)-VLOOKUP(V$1,városok!$A$2:$C$346,3,0))^2)/1000,0)</f>
        <v>137</v>
      </c>
      <c r="W33">
        <f ca="1">ROUND(SQRT((VLOOKUP($A33,városok!$A$2:$C$346,2,0)-VLOOKUP(W$1,városok!$A$2:$C$346,2,0))^2+(VLOOKUP($A33,városok!$A$2:$C$346,3,0)-VLOOKUP(W$1,városok!$A$2:$C$346,3,0))^2)/1000,0)</f>
        <v>127</v>
      </c>
      <c r="X33">
        <f ca="1">ROUND(SQRT((VLOOKUP($A33,városok!$A$2:$C$346,2,0)-VLOOKUP(X$1,városok!$A$2:$C$346,2,0))^2+(VLOOKUP($A33,városok!$A$2:$C$346,3,0)-VLOOKUP(X$1,városok!$A$2:$C$346,3,0))^2)/1000,0)</f>
        <v>162</v>
      </c>
      <c r="Y33">
        <f ca="1">ROUND(SQRT((VLOOKUP($A33,városok!$A$2:$C$346,2,0)-VLOOKUP(Y$1,városok!$A$2:$C$346,2,0))^2+(VLOOKUP($A33,városok!$A$2:$C$346,3,0)-VLOOKUP(Y$1,városok!$A$2:$C$346,3,0))^2)/1000,0)</f>
        <v>203</v>
      </c>
      <c r="Z33">
        <f ca="1">ROUND(SQRT((VLOOKUP($A33,városok!$A$2:$C$346,2,0)-VLOOKUP(Z$1,városok!$A$2:$C$346,2,0))^2+(VLOOKUP($A33,városok!$A$2:$C$346,3,0)-VLOOKUP(Z$1,városok!$A$2:$C$346,3,0))^2)/1000,0)</f>
        <v>210</v>
      </c>
      <c r="AA33">
        <f ca="1">ROUND(SQRT((VLOOKUP($A33,városok!$A$2:$C$346,2,0)-VLOOKUP(AA$1,városok!$A$2:$C$346,2,0))^2+(VLOOKUP($A33,városok!$A$2:$C$346,3,0)-VLOOKUP(AA$1,városok!$A$2:$C$346,3,0))^2)/1000,0)</f>
        <v>224</v>
      </c>
      <c r="AB33">
        <f ca="1">ROUND(SQRT((VLOOKUP($A33,városok!$A$2:$C$346,2,0)-VLOOKUP(AB$1,városok!$A$2:$C$346,2,0))^2+(VLOOKUP($A33,városok!$A$2:$C$346,3,0)-VLOOKUP(AB$1,városok!$A$2:$C$346,3,0))^2)/1000,0)</f>
        <v>343</v>
      </c>
      <c r="AC33">
        <f ca="1">ROUND(SQRT((VLOOKUP($A33,városok!$A$2:$C$346,2,0)-VLOOKUP(AC$1,városok!$A$2:$C$346,2,0))^2+(VLOOKUP($A33,városok!$A$2:$C$346,3,0)-VLOOKUP(AC$1,városok!$A$2:$C$346,3,0))^2)/1000,0)</f>
        <v>323</v>
      </c>
      <c r="AD33">
        <f ca="1">ROUND(SQRT((VLOOKUP($A33,városok!$A$2:$C$346,2,0)-VLOOKUP(AD$1,városok!$A$2:$C$346,2,0))^2+(VLOOKUP($A33,városok!$A$2:$C$346,3,0)-VLOOKUP(AD$1,városok!$A$2:$C$346,3,0))^2)/1000,0)</f>
        <v>307</v>
      </c>
      <c r="AE33">
        <f ca="1">ROUND(SQRT((VLOOKUP($A33,városok!$A$2:$C$346,2,0)-VLOOKUP(AE$1,városok!$A$2:$C$346,2,0))^2+(VLOOKUP($A33,városok!$A$2:$C$346,3,0)-VLOOKUP(AE$1,városok!$A$2:$C$346,3,0))^2)/1000,0)</f>
        <v>299</v>
      </c>
      <c r="AF33">
        <f ca="1">ROUND(SQRT((VLOOKUP($A33,városok!$A$2:$C$346,2,0)-VLOOKUP(AF$1,városok!$A$2:$C$346,2,0))^2+(VLOOKUP($A33,városok!$A$2:$C$346,3,0)-VLOOKUP(AF$1,városok!$A$2:$C$346,3,0))^2)/1000,0)</f>
        <v>296</v>
      </c>
      <c r="AG33">
        <f ca="1">ROUND(SQRT((VLOOKUP($A33,városok!$A$2:$C$346,2,0)-VLOOKUP(AG$1,városok!$A$2:$C$346,2,0))^2+(VLOOKUP($A33,városok!$A$2:$C$346,3,0)-VLOOKUP(AG$1,városok!$A$2:$C$346,3,0))^2)/1000,0)</f>
        <v>265</v>
      </c>
      <c r="AH33">
        <f ca="1">ROUND(SQRT((VLOOKUP($A33,városok!$A$2:$C$346,2,0)-VLOOKUP(AH$1,városok!$A$2:$C$346,2,0))^2+(VLOOKUP($A33,városok!$A$2:$C$346,3,0)-VLOOKUP(AH$1,városok!$A$2:$C$346,3,0))^2)/1000,0)</f>
        <v>243</v>
      </c>
      <c r="AI33">
        <f ca="1">ROUND(SQRT((VLOOKUP($A33,városok!$A$2:$C$346,2,0)-VLOOKUP(AI$1,városok!$A$2:$C$346,2,0))^2+(VLOOKUP($A33,városok!$A$2:$C$346,3,0)-VLOOKUP(AI$1,városok!$A$2:$C$346,3,0))^2)/1000,0)</f>
        <v>294</v>
      </c>
      <c r="AJ33">
        <f ca="1">ROUND(SQRT((VLOOKUP($A33,városok!$A$2:$C$346,2,0)-VLOOKUP(AJ$1,városok!$A$2:$C$346,2,0))^2+(VLOOKUP($A33,városok!$A$2:$C$346,3,0)-VLOOKUP(AJ$1,városok!$A$2:$C$346,3,0))^2)/1000,0)</f>
        <v>255</v>
      </c>
      <c r="AK33">
        <f ca="1">ROUND(SQRT((VLOOKUP($A33,városok!$A$2:$C$346,2,0)-VLOOKUP(AK$1,városok!$A$2:$C$346,2,0))^2+(VLOOKUP($A33,városok!$A$2:$C$346,3,0)-VLOOKUP(AK$1,városok!$A$2:$C$346,3,0))^2)/1000,0)</f>
        <v>286</v>
      </c>
      <c r="AL33">
        <f ca="1">ROUND(SQRT((VLOOKUP($A33,városok!$A$2:$C$346,2,0)-VLOOKUP(AL$1,városok!$A$2:$C$346,2,0))^2+(VLOOKUP($A33,városok!$A$2:$C$346,3,0)-VLOOKUP(AL$1,városok!$A$2:$C$346,3,0))^2)/1000,0)</f>
        <v>270</v>
      </c>
      <c r="AM33">
        <f ca="1">ROUND(SQRT((VLOOKUP($A33,városok!$A$2:$C$346,2,0)-VLOOKUP(AM$1,városok!$A$2:$C$346,2,0))^2+(VLOOKUP($A33,városok!$A$2:$C$346,3,0)-VLOOKUP(AM$1,városok!$A$2:$C$346,3,0))^2)/1000,0)</f>
        <v>230</v>
      </c>
      <c r="AN33">
        <f ca="1">ROUND(SQRT((VLOOKUP($A33,városok!$A$2:$C$346,2,0)-VLOOKUP(AN$1,városok!$A$2:$C$346,2,0))^2+(VLOOKUP($A33,városok!$A$2:$C$346,3,0)-VLOOKUP(AN$1,városok!$A$2:$C$346,3,0))^2)/1000,0)</f>
        <v>224</v>
      </c>
      <c r="AO33">
        <f ca="1">ROUND(SQRT((VLOOKUP($A33,városok!$A$2:$C$346,2,0)-VLOOKUP(AO$1,városok!$A$2:$C$346,2,0))^2+(VLOOKUP($A33,városok!$A$2:$C$346,3,0)-VLOOKUP(AO$1,városok!$A$2:$C$346,3,0))^2)/1000,0)</f>
        <v>209</v>
      </c>
      <c r="AP33">
        <f ca="1">ROUND(SQRT((VLOOKUP($A33,városok!$A$2:$C$346,2,0)-VLOOKUP(AP$1,városok!$A$2:$C$346,2,0))^2+(VLOOKUP($A33,városok!$A$2:$C$346,3,0)-VLOOKUP(AP$1,városok!$A$2:$C$346,3,0))^2)/1000,0)</f>
        <v>201</v>
      </c>
      <c r="AQ33">
        <f ca="1">ROUND(SQRT((VLOOKUP($A33,városok!$A$2:$C$346,2,0)-VLOOKUP(AQ$1,városok!$A$2:$C$346,2,0))^2+(VLOOKUP($A33,városok!$A$2:$C$346,3,0)-VLOOKUP(AQ$1,városok!$A$2:$C$346,3,0))^2)/1000,0)</f>
        <v>193</v>
      </c>
      <c r="AR33">
        <f ca="1">ROUND(SQRT((VLOOKUP($A33,városok!$A$2:$C$346,2,0)-VLOOKUP(AR$1,városok!$A$2:$C$346,2,0))^2+(VLOOKUP($A33,városok!$A$2:$C$346,3,0)-VLOOKUP(AR$1,városok!$A$2:$C$346,3,0))^2)/1000,0)</f>
        <v>268</v>
      </c>
      <c r="AS33">
        <f ca="1">ROUND(SQRT((VLOOKUP($A33,városok!$A$2:$C$346,2,0)-VLOOKUP(AS$1,városok!$A$2:$C$346,2,0))^2+(VLOOKUP($A33,városok!$A$2:$C$346,3,0)-VLOOKUP(AS$1,városok!$A$2:$C$346,3,0))^2)/1000,0)</f>
        <v>290</v>
      </c>
      <c r="AT33">
        <f ca="1">ROUND(SQRT((VLOOKUP($A33,városok!$A$2:$C$346,2,0)-VLOOKUP(AT$1,városok!$A$2:$C$346,2,0))^2+(VLOOKUP($A33,városok!$A$2:$C$346,3,0)-VLOOKUP(AT$1,városok!$A$2:$C$346,3,0))^2)/1000,0)</f>
        <v>193</v>
      </c>
      <c r="AU33">
        <f ca="1">ROUND(SQRT((VLOOKUP($A33,városok!$A$2:$C$346,2,0)-VLOOKUP(AU$1,városok!$A$2:$C$346,2,0))^2+(VLOOKUP($A33,városok!$A$2:$C$346,3,0)-VLOOKUP(AU$1,városok!$A$2:$C$346,3,0))^2)/1000,0)</f>
        <v>196</v>
      </c>
      <c r="AV33">
        <f ca="1">ROUND(SQRT((VLOOKUP($A33,városok!$A$2:$C$346,2,0)-VLOOKUP(AV$1,városok!$A$2:$C$346,2,0))^2+(VLOOKUP($A33,városok!$A$2:$C$346,3,0)-VLOOKUP(AV$1,városok!$A$2:$C$346,3,0))^2)/1000,0)</f>
        <v>191</v>
      </c>
      <c r="AW33">
        <f ca="1">ROUND(SQRT((VLOOKUP($A33,városok!$A$2:$C$346,2,0)-VLOOKUP(AW$1,városok!$A$2:$C$346,2,0))^2+(VLOOKUP($A33,városok!$A$2:$C$346,3,0)-VLOOKUP(AW$1,városok!$A$2:$C$346,3,0))^2)/1000,0)</f>
        <v>188</v>
      </c>
      <c r="AX33">
        <f ca="1">ROUND(SQRT((VLOOKUP($A33,városok!$A$2:$C$346,2,0)-VLOOKUP(AX$1,városok!$A$2:$C$346,2,0))^2+(VLOOKUP($A33,városok!$A$2:$C$346,3,0)-VLOOKUP(AX$1,városok!$A$2:$C$346,3,0))^2)/1000,0)</f>
        <v>196</v>
      </c>
      <c r="AY33">
        <f ca="1">ROUND(SQRT((VLOOKUP($A33,városok!$A$2:$C$346,2,0)-VLOOKUP(AY$1,városok!$A$2:$C$346,2,0))^2+(VLOOKUP($A33,városok!$A$2:$C$346,3,0)-VLOOKUP(AY$1,városok!$A$2:$C$346,3,0))^2)/1000,0)</f>
        <v>222</v>
      </c>
      <c r="AZ33">
        <f ca="1">ROUND(SQRT((VLOOKUP($A33,városok!$A$2:$C$346,2,0)-VLOOKUP(AZ$1,városok!$A$2:$C$346,2,0))^2+(VLOOKUP($A33,városok!$A$2:$C$346,3,0)-VLOOKUP(AZ$1,városok!$A$2:$C$346,3,0))^2)/1000,0)</f>
        <v>229</v>
      </c>
      <c r="BA33">
        <f ca="1">ROUND(SQRT((VLOOKUP($A33,városok!$A$2:$C$346,2,0)-VLOOKUP(BA$1,városok!$A$2:$C$346,2,0))^2+(VLOOKUP($A33,városok!$A$2:$C$346,3,0)-VLOOKUP(BA$1,városok!$A$2:$C$346,3,0))^2)/1000,0)</f>
        <v>102</v>
      </c>
      <c r="BB33">
        <f ca="1">ROUND(SQRT((VLOOKUP($A33,városok!$A$2:$C$346,2,0)-VLOOKUP(BB$1,városok!$A$2:$C$346,2,0))^2+(VLOOKUP($A33,városok!$A$2:$C$346,3,0)-VLOOKUP(BB$1,városok!$A$2:$C$346,3,0))^2)/1000,0)</f>
        <v>74</v>
      </c>
      <c r="BC33">
        <f ca="1">ROUND(SQRT((VLOOKUP($A33,városok!$A$2:$C$346,2,0)-VLOOKUP(BC$1,városok!$A$2:$C$346,2,0))^2+(VLOOKUP($A33,városok!$A$2:$C$346,3,0)-VLOOKUP(BC$1,városok!$A$2:$C$346,3,0))^2)/1000,0)</f>
        <v>54</v>
      </c>
      <c r="BD33">
        <f ca="1">ROUND(SQRT((VLOOKUP($A33,városok!$A$2:$C$346,2,0)-VLOOKUP(BD$1,városok!$A$2:$C$346,2,0))^2+(VLOOKUP($A33,városok!$A$2:$C$346,3,0)-VLOOKUP(BD$1,városok!$A$2:$C$346,3,0))^2)/1000,0)</f>
        <v>116</v>
      </c>
      <c r="BE33">
        <f ca="1">ROUND(SQRT((VLOOKUP($A33,városok!$A$2:$C$346,2,0)-VLOOKUP(BE$1,városok!$A$2:$C$346,2,0))^2+(VLOOKUP($A33,városok!$A$2:$C$346,3,0)-VLOOKUP(BE$1,városok!$A$2:$C$346,3,0))^2)/1000,0)</f>
        <v>427</v>
      </c>
      <c r="BF33">
        <f ca="1">ROUND(SQRT((VLOOKUP($A33,városok!$A$2:$C$346,2,0)-VLOOKUP(BF$1,városok!$A$2:$C$346,2,0))^2+(VLOOKUP($A33,városok!$A$2:$C$346,3,0)-VLOOKUP(BF$1,városok!$A$2:$C$346,3,0))^2)/1000,0)</f>
        <v>414</v>
      </c>
      <c r="BG33">
        <f ca="1">ROUND(SQRT((VLOOKUP($A33,városok!$A$2:$C$346,2,0)-VLOOKUP(BG$1,városok!$A$2:$C$346,2,0))^2+(VLOOKUP($A33,városok!$A$2:$C$346,3,0)-VLOOKUP(BG$1,városok!$A$2:$C$346,3,0))^2)/1000,0)</f>
        <v>372</v>
      </c>
      <c r="BH33">
        <f ca="1">ROUND(SQRT((VLOOKUP($A33,városok!$A$2:$C$346,2,0)-VLOOKUP(BH$1,városok!$A$2:$C$346,2,0))^2+(VLOOKUP($A33,városok!$A$2:$C$346,3,0)-VLOOKUP(BH$1,városok!$A$2:$C$346,3,0))^2)/1000,0)</f>
        <v>372</v>
      </c>
      <c r="BI33">
        <f ca="1">ROUND(SQRT((VLOOKUP($A33,városok!$A$2:$C$346,2,0)-VLOOKUP(BI$1,városok!$A$2:$C$346,2,0))^2+(VLOOKUP($A33,városok!$A$2:$C$346,3,0)-VLOOKUP(BI$1,városok!$A$2:$C$346,3,0))^2)/1000,0)</f>
        <v>83</v>
      </c>
      <c r="BJ33">
        <f ca="1">ROUND(SQRT((VLOOKUP($A33,városok!$A$2:$C$346,2,0)-VLOOKUP(BJ$1,városok!$A$2:$C$346,2,0))^2+(VLOOKUP($A33,városok!$A$2:$C$346,3,0)-VLOOKUP(BJ$1,városok!$A$2:$C$346,3,0))^2)/1000,0)</f>
        <v>66</v>
      </c>
      <c r="BK33">
        <f ca="1">ROUND(SQRT((VLOOKUP($A33,városok!$A$2:$C$346,2,0)-VLOOKUP(BK$1,városok!$A$2:$C$346,2,0))^2+(VLOOKUP($A33,városok!$A$2:$C$346,3,0)-VLOOKUP(BK$1,városok!$A$2:$C$346,3,0))^2)/1000,0)</f>
        <v>85</v>
      </c>
      <c r="BL33">
        <f ca="1">ROUND(SQRT((VLOOKUP($A33,városok!$A$2:$C$346,2,0)-VLOOKUP(BL$1,városok!$A$2:$C$346,2,0))^2+(VLOOKUP($A33,városok!$A$2:$C$346,3,0)-VLOOKUP(BL$1,városok!$A$2:$C$346,3,0))^2)/1000,0)</f>
        <v>159</v>
      </c>
      <c r="BM33">
        <f ca="1">ROUND(SQRT((VLOOKUP($A33,városok!$A$2:$C$346,2,0)-VLOOKUP(BM$1,városok!$A$2:$C$346,2,0))^2+(VLOOKUP($A33,városok!$A$2:$C$346,3,0)-VLOOKUP(BM$1,városok!$A$2:$C$346,3,0))^2)/1000,0)</f>
        <v>169</v>
      </c>
      <c r="BN33">
        <f ca="1">ROUND(SQRT((VLOOKUP($A33,városok!$A$2:$C$346,2,0)-VLOOKUP(BN$1,városok!$A$2:$C$346,2,0))^2+(VLOOKUP($A33,városok!$A$2:$C$346,3,0)-VLOOKUP(BN$1,városok!$A$2:$C$346,3,0))^2)/1000,0)</f>
        <v>178</v>
      </c>
      <c r="BO33">
        <f ca="1">ROUND(SQRT((VLOOKUP($A33,városok!$A$2:$C$346,2,0)-VLOOKUP(BO$1,városok!$A$2:$C$346,2,0))^2+(VLOOKUP($A33,városok!$A$2:$C$346,3,0)-VLOOKUP(BO$1,városok!$A$2:$C$346,3,0))^2)/1000,0)</f>
        <v>130</v>
      </c>
      <c r="BP33">
        <f ca="1">ROUND(SQRT((VLOOKUP($A33,városok!$A$2:$C$346,2,0)-VLOOKUP(BP$1,városok!$A$2:$C$346,2,0))^2+(VLOOKUP($A33,városok!$A$2:$C$346,3,0)-VLOOKUP(BP$1,városok!$A$2:$C$346,3,0))^2)/1000,0)</f>
        <v>131</v>
      </c>
      <c r="BQ33">
        <f ca="1">ROUND(SQRT((VLOOKUP($A33,városok!$A$2:$C$346,2,0)-VLOOKUP(BQ$1,városok!$A$2:$C$346,2,0))^2+(VLOOKUP($A33,városok!$A$2:$C$346,3,0)-VLOOKUP(BQ$1,városok!$A$2:$C$346,3,0))^2)/1000,0)</f>
        <v>136</v>
      </c>
      <c r="BR33">
        <f ca="1">ROUND(SQRT((VLOOKUP($A33,városok!$A$2:$C$346,2,0)-VLOOKUP(BR$1,városok!$A$2:$C$346,2,0))^2+(VLOOKUP($A33,városok!$A$2:$C$346,3,0)-VLOOKUP(BR$1,városok!$A$2:$C$346,3,0))^2)/1000,0)</f>
        <v>110</v>
      </c>
      <c r="BS33">
        <f ca="1">ROUND(SQRT((VLOOKUP($A33,városok!$A$2:$C$346,2,0)-VLOOKUP(BS$1,városok!$A$2:$C$346,2,0))^2+(VLOOKUP($A33,városok!$A$2:$C$346,3,0)-VLOOKUP(BS$1,városok!$A$2:$C$346,3,0))^2)/1000,0)</f>
        <v>92</v>
      </c>
      <c r="BT33">
        <f ca="1">ROUND(SQRT((VLOOKUP($A33,városok!$A$2:$C$346,2,0)-VLOOKUP(BT$1,városok!$A$2:$C$346,2,0))^2+(VLOOKUP($A33,városok!$A$2:$C$346,3,0)-VLOOKUP(BT$1,városok!$A$2:$C$346,3,0))^2)/1000,0)</f>
        <v>132</v>
      </c>
    </row>
    <row r="34" spans="1:72" x14ac:dyDescent="0.2">
      <c r="A34" t="str">
        <f>városok!A34</f>
        <v>Siklós</v>
      </c>
      <c r="B34">
        <f ca="1">ROUND(SQRT((VLOOKUP($A34,városok!$A$2:$C$346,2,0)-VLOOKUP(B$1,városok!$A$2:$C$346,2,0))^2+(VLOOKUP($A34,városok!$A$2:$C$346,3,0)-VLOOKUP(B$1,városok!$A$2:$C$346,3,0))^2)/1000,0)</f>
        <v>63</v>
      </c>
      <c r="C34">
        <f ca="1">ROUND(SQRT((VLOOKUP($A34,városok!$A$2:$C$346,2,0)-VLOOKUP(C$1,városok!$A$2:$C$346,2,0))^2+(VLOOKUP($A34,városok!$A$2:$C$346,3,0)-VLOOKUP(C$1,városok!$A$2:$C$346,3,0))^2)/1000,0)</f>
        <v>91</v>
      </c>
      <c r="D34">
        <f ca="1">ROUND(SQRT((VLOOKUP($A34,városok!$A$2:$C$346,2,0)-VLOOKUP(D$1,városok!$A$2:$C$346,2,0))^2+(VLOOKUP($A34,városok!$A$2:$C$346,3,0)-VLOOKUP(D$1,városok!$A$2:$C$346,3,0))^2)/1000,0)</f>
        <v>158</v>
      </c>
      <c r="E34">
        <f ca="1">ROUND(SQRT((VLOOKUP($A34,városok!$A$2:$C$346,2,0)-VLOOKUP(E$1,városok!$A$2:$C$346,2,0))^2+(VLOOKUP($A34,városok!$A$2:$C$346,3,0)-VLOOKUP(E$1,városok!$A$2:$C$346,3,0))^2)/1000,0)</f>
        <v>37</v>
      </c>
      <c r="F34">
        <f ca="1">ROUND(SQRT((VLOOKUP($A34,városok!$A$2:$C$346,2,0)-VLOOKUP(F$1,városok!$A$2:$C$346,2,0))^2+(VLOOKUP($A34,városok!$A$2:$C$346,3,0)-VLOOKUP(F$1,városok!$A$2:$C$346,3,0))^2)/1000,0)</f>
        <v>33</v>
      </c>
      <c r="G34">
        <f ca="1">ROUND(SQRT((VLOOKUP($A34,városok!$A$2:$C$346,2,0)-VLOOKUP(G$1,városok!$A$2:$C$346,2,0))^2+(VLOOKUP($A34,városok!$A$2:$C$346,3,0)-VLOOKUP(G$1,városok!$A$2:$C$346,3,0))^2)/1000,0)</f>
        <v>25</v>
      </c>
      <c r="H34">
        <f ca="1">ROUND(SQRT((VLOOKUP($A34,városok!$A$2:$C$346,2,0)-VLOOKUP(H$1,városok!$A$2:$C$346,2,0))^2+(VLOOKUP($A34,városok!$A$2:$C$346,3,0)-VLOOKUP(H$1,városok!$A$2:$C$346,3,0))^2)/1000,0)</f>
        <v>44</v>
      </c>
      <c r="I34">
        <f ca="1">ROUND(SQRT((VLOOKUP($A34,városok!$A$2:$C$346,2,0)-VLOOKUP(I$1,városok!$A$2:$C$346,2,0))^2+(VLOOKUP($A34,városok!$A$2:$C$346,3,0)-VLOOKUP(I$1,városok!$A$2:$C$346,3,0))^2)/1000,0)</f>
        <v>233</v>
      </c>
      <c r="J34">
        <f ca="1">ROUND(SQRT((VLOOKUP($A34,városok!$A$2:$C$346,2,0)-VLOOKUP(J$1,városok!$A$2:$C$346,2,0))^2+(VLOOKUP($A34,városok!$A$2:$C$346,3,0)-VLOOKUP(J$1,városok!$A$2:$C$346,3,0))^2)/1000,0)</f>
        <v>246</v>
      </c>
      <c r="K34">
        <f ca="1">ROUND(SQRT((VLOOKUP($A34,városok!$A$2:$C$346,2,0)-VLOOKUP(K$1,városok!$A$2:$C$346,2,0))^2+(VLOOKUP($A34,városok!$A$2:$C$346,3,0)-VLOOKUP(K$1,városok!$A$2:$C$346,3,0))^2)/1000,0)</f>
        <v>199</v>
      </c>
      <c r="L34">
        <f ca="1">ROUND(SQRT((VLOOKUP($A34,városok!$A$2:$C$346,2,0)-VLOOKUP(L$1,városok!$A$2:$C$346,2,0))^2+(VLOOKUP($A34,városok!$A$2:$C$346,3,0)-VLOOKUP(L$1,városok!$A$2:$C$346,3,0))^2)/1000,0)</f>
        <v>320</v>
      </c>
      <c r="M34">
        <f ca="1">ROUND(SQRT((VLOOKUP($A34,városok!$A$2:$C$346,2,0)-VLOOKUP(M$1,városok!$A$2:$C$346,2,0))^2+(VLOOKUP($A34,városok!$A$2:$C$346,3,0)-VLOOKUP(M$1,városok!$A$2:$C$346,3,0))^2)/1000,0)</f>
        <v>314</v>
      </c>
      <c r="N34">
        <f ca="1">ROUND(SQRT((VLOOKUP($A34,városok!$A$2:$C$346,2,0)-VLOOKUP(N$1,városok!$A$2:$C$346,2,0))^2+(VLOOKUP($A34,városok!$A$2:$C$346,3,0)-VLOOKUP(N$1,városok!$A$2:$C$346,3,0))^2)/1000,0)</f>
        <v>304</v>
      </c>
      <c r="O34">
        <f ca="1">ROUND(SQRT((VLOOKUP($A34,városok!$A$2:$C$346,2,0)-VLOOKUP(O$1,városok!$A$2:$C$346,2,0))^2+(VLOOKUP($A34,városok!$A$2:$C$346,3,0)-VLOOKUP(O$1,városok!$A$2:$C$346,3,0))^2)/1000,0)</f>
        <v>380</v>
      </c>
      <c r="P34">
        <f ca="1">ROUND(SQRT((VLOOKUP($A34,városok!$A$2:$C$346,2,0)-VLOOKUP(P$1,városok!$A$2:$C$346,2,0))^2+(VLOOKUP($A34,városok!$A$2:$C$346,3,0)-VLOOKUP(P$1,városok!$A$2:$C$346,3,0))^2)/1000,0)</f>
        <v>380</v>
      </c>
      <c r="Q34">
        <f ca="1">ROUND(SQRT((VLOOKUP($A34,városok!$A$2:$C$346,2,0)-VLOOKUP(Q$1,városok!$A$2:$C$346,2,0))^2+(VLOOKUP($A34,városok!$A$2:$C$346,3,0)-VLOOKUP(Q$1,városok!$A$2:$C$346,3,0))^2)/1000,0)</f>
        <v>168</v>
      </c>
      <c r="R34">
        <f ca="1">ROUND(SQRT((VLOOKUP($A34,városok!$A$2:$C$346,2,0)-VLOOKUP(R$1,városok!$A$2:$C$346,2,0))^2+(VLOOKUP($A34,városok!$A$2:$C$346,3,0)-VLOOKUP(R$1,városok!$A$2:$C$346,3,0))^2)/1000,0)</f>
        <v>173</v>
      </c>
      <c r="S34">
        <f ca="1">ROUND(SQRT((VLOOKUP($A34,városok!$A$2:$C$346,2,0)-VLOOKUP(S$1,városok!$A$2:$C$346,2,0))^2+(VLOOKUP($A34,városok!$A$2:$C$346,3,0)-VLOOKUP(S$1,városok!$A$2:$C$346,3,0))^2)/1000,0)</f>
        <v>150</v>
      </c>
      <c r="T34">
        <f ca="1">ROUND(SQRT((VLOOKUP($A34,városok!$A$2:$C$346,2,0)-VLOOKUP(T$1,városok!$A$2:$C$346,2,0))^2+(VLOOKUP($A34,városok!$A$2:$C$346,3,0)-VLOOKUP(T$1,városok!$A$2:$C$346,3,0))^2)/1000,0)</f>
        <v>183</v>
      </c>
      <c r="U34">
        <f ca="1">ROUND(SQRT((VLOOKUP($A34,városok!$A$2:$C$346,2,0)-VLOOKUP(U$1,városok!$A$2:$C$346,2,0))^2+(VLOOKUP($A34,városok!$A$2:$C$346,3,0)-VLOOKUP(U$1,városok!$A$2:$C$346,3,0))^2)/1000,0)</f>
        <v>133</v>
      </c>
      <c r="V34">
        <f ca="1">ROUND(SQRT((VLOOKUP($A34,városok!$A$2:$C$346,2,0)-VLOOKUP(V$1,városok!$A$2:$C$346,2,0))^2+(VLOOKUP($A34,városok!$A$2:$C$346,3,0)-VLOOKUP(V$1,városok!$A$2:$C$346,3,0))^2)/1000,0)</f>
        <v>134</v>
      </c>
      <c r="W34">
        <f ca="1">ROUND(SQRT((VLOOKUP($A34,városok!$A$2:$C$346,2,0)-VLOOKUP(W$1,városok!$A$2:$C$346,2,0))^2+(VLOOKUP($A34,városok!$A$2:$C$346,3,0)-VLOOKUP(W$1,városok!$A$2:$C$346,3,0))^2)/1000,0)</f>
        <v>117</v>
      </c>
      <c r="X34">
        <f ca="1">ROUND(SQRT((VLOOKUP($A34,városok!$A$2:$C$346,2,0)-VLOOKUP(X$1,városok!$A$2:$C$346,2,0))^2+(VLOOKUP($A34,városok!$A$2:$C$346,3,0)-VLOOKUP(X$1,városok!$A$2:$C$346,3,0))^2)/1000,0)</f>
        <v>160</v>
      </c>
      <c r="Y34">
        <f ca="1">ROUND(SQRT((VLOOKUP($A34,városok!$A$2:$C$346,2,0)-VLOOKUP(Y$1,városok!$A$2:$C$346,2,0))^2+(VLOOKUP($A34,városok!$A$2:$C$346,3,0)-VLOOKUP(Y$1,városok!$A$2:$C$346,3,0))^2)/1000,0)</f>
        <v>210</v>
      </c>
      <c r="Z34">
        <f ca="1">ROUND(SQRT((VLOOKUP($A34,városok!$A$2:$C$346,2,0)-VLOOKUP(Z$1,városok!$A$2:$C$346,2,0))^2+(VLOOKUP($A34,városok!$A$2:$C$346,3,0)-VLOOKUP(Z$1,városok!$A$2:$C$346,3,0))^2)/1000,0)</f>
        <v>220</v>
      </c>
      <c r="AA34">
        <f ca="1">ROUND(SQRT((VLOOKUP($A34,városok!$A$2:$C$346,2,0)-VLOOKUP(AA$1,városok!$A$2:$C$346,2,0))^2+(VLOOKUP($A34,városok!$A$2:$C$346,3,0)-VLOOKUP(AA$1,városok!$A$2:$C$346,3,0))^2)/1000,0)</f>
        <v>242</v>
      </c>
      <c r="AB34">
        <f ca="1">ROUND(SQRT((VLOOKUP($A34,városok!$A$2:$C$346,2,0)-VLOOKUP(AB$1,városok!$A$2:$C$346,2,0))^2+(VLOOKUP($A34,városok!$A$2:$C$346,3,0)-VLOOKUP(AB$1,városok!$A$2:$C$346,3,0))^2)/1000,0)</f>
        <v>315</v>
      </c>
      <c r="AC34">
        <f ca="1">ROUND(SQRT((VLOOKUP($A34,városok!$A$2:$C$346,2,0)-VLOOKUP(AC$1,városok!$A$2:$C$346,2,0))^2+(VLOOKUP($A34,városok!$A$2:$C$346,3,0)-VLOOKUP(AC$1,városok!$A$2:$C$346,3,0))^2)/1000,0)</f>
        <v>295</v>
      </c>
      <c r="AD34">
        <f ca="1">ROUND(SQRT((VLOOKUP($A34,városok!$A$2:$C$346,2,0)-VLOOKUP(AD$1,városok!$A$2:$C$346,2,0))^2+(VLOOKUP($A34,városok!$A$2:$C$346,3,0)-VLOOKUP(AD$1,városok!$A$2:$C$346,3,0))^2)/1000,0)</f>
        <v>280</v>
      </c>
      <c r="AE34">
        <f ca="1">ROUND(SQRT((VLOOKUP($A34,városok!$A$2:$C$346,2,0)-VLOOKUP(AE$1,városok!$A$2:$C$346,2,0))^2+(VLOOKUP($A34,városok!$A$2:$C$346,3,0)-VLOOKUP(AE$1,városok!$A$2:$C$346,3,0))^2)/1000,0)</f>
        <v>271</v>
      </c>
      <c r="AF34">
        <f ca="1">ROUND(SQRT((VLOOKUP($A34,városok!$A$2:$C$346,2,0)-VLOOKUP(AF$1,városok!$A$2:$C$346,2,0))^2+(VLOOKUP($A34,városok!$A$2:$C$346,3,0)-VLOOKUP(AF$1,városok!$A$2:$C$346,3,0))^2)/1000,0)</f>
        <v>277</v>
      </c>
      <c r="AG34">
        <f ca="1">ROUND(SQRT((VLOOKUP($A34,városok!$A$2:$C$346,2,0)-VLOOKUP(AG$1,városok!$A$2:$C$346,2,0))^2+(VLOOKUP($A34,városok!$A$2:$C$346,3,0)-VLOOKUP(AG$1,városok!$A$2:$C$346,3,0))^2)/1000,0)</f>
        <v>247</v>
      </c>
      <c r="AH34">
        <f ca="1">ROUND(SQRT((VLOOKUP($A34,városok!$A$2:$C$346,2,0)-VLOOKUP(AH$1,városok!$A$2:$C$346,2,0))^2+(VLOOKUP($A34,városok!$A$2:$C$346,3,0)-VLOOKUP(AH$1,városok!$A$2:$C$346,3,0))^2)/1000,0)</f>
        <v>227</v>
      </c>
      <c r="AI34">
        <f ca="1">ROUND(SQRT((VLOOKUP($A34,városok!$A$2:$C$346,2,0)-VLOOKUP(AI$1,városok!$A$2:$C$346,2,0))^2+(VLOOKUP($A34,városok!$A$2:$C$346,3,0)-VLOOKUP(AI$1,városok!$A$2:$C$346,3,0))^2)/1000,0)</f>
        <v>277</v>
      </c>
      <c r="AJ34">
        <f ca="1">ROUND(SQRT((VLOOKUP($A34,városok!$A$2:$C$346,2,0)-VLOOKUP(AJ$1,városok!$A$2:$C$346,2,0))^2+(VLOOKUP($A34,városok!$A$2:$C$346,3,0)-VLOOKUP(AJ$1,városok!$A$2:$C$346,3,0))^2)/1000,0)</f>
        <v>236</v>
      </c>
      <c r="AK34">
        <f ca="1">ROUND(SQRT((VLOOKUP($A34,városok!$A$2:$C$346,2,0)-VLOOKUP(AK$1,városok!$A$2:$C$346,2,0))^2+(VLOOKUP($A34,városok!$A$2:$C$346,3,0)-VLOOKUP(AK$1,városok!$A$2:$C$346,3,0))^2)/1000,0)</f>
        <v>259</v>
      </c>
      <c r="AL34">
        <f ca="1">ROUND(SQRT((VLOOKUP($A34,városok!$A$2:$C$346,2,0)-VLOOKUP(AL$1,városok!$A$2:$C$346,2,0))^2+(VLOOKUP($A34,városok!$A$2:$C$346,3,0)-VLOOKUP(AL$1,városok!$A$2:$C$346,3,0))^2)/1000,0)</f>
        <v>245</v>
      </c>
      <c r="AM34">
        <f ca="1">ROUND(SQRT((VLOOKUP($A34,városok!$A$2:$C$346,2,0)-VLOOKUP(AM$1,városok!$A$2:$C$346,2,0))^2+(VLOOKUP($A34,városok!$A$2:$C$346,3,0)-VLOOKUP(AM$1,városok!$A$2:$C$346,3,0))^2)/1000,0)</f>
        <v>206</v>
      </c>
      <c r="AN34">
        <f ca="1">ROUND(SQRT((VLOOKUP($A34,városok!$A$2:$C$346,2,0)-VLOOKUP(AN$1,városok!$A$2:$C$346,2,0))^2+(VLOOKUP($A34,városok!$A$2:$C$346,3,0)-VLOOKUP(AN$1,városok!$A$2:$C$346,3,0))^2)/1000,0)</f>
        <v>218</v>
      </c>
      <c r="AO34">
        <f ca="1">ROUND(SQRT((VLOOKUP($A34,városok!$A$2:$C$346,2,0)-VLOOKUP(AO$1,városok!$A$2:$C$346,2,0))^2+(VLOOKUP($A34,városok!$A$2:$C$346,3,0)-VLOOKUP(AO$1,városok!$A$2:$C$346,3,0))^2)/1000,0)</f>
        <v>210</v>
      </c>
      <c r="AP34">
        <f ca="1">ROUND(SQRT((VLOOKUP($A34,városok!$A$2:$C$346,2,0)-VLOOKUP(AP$1,városok!$A$2:$C$346,2,0))^2+(VLOOKUP($A34,városok!$A$2:$C$346,3,0)-VLOOKUP(AP$1,városok!$A$2:$C$346,3,0))^2)/1000,0)</f>
        <v>199</v>
      </c>
      <c r="AQ34">
        <f ca="1">ROUND(SQRT((VLOOKUP($A34,városok!$A$2:$C$346,2,0)-VLOOKUP(AQ$1,városok!$A$2:$C$346,2,0))^2+(VLOOKUP($A34,városok!$A$2:$C$346,3,0)-VLOOKUP(AQ$1,városok!$A$2:$C$346,3,0))^2)/1000,0)</f>
        <v>191</v>
      </c>
      <c r="AR34">
        <f ca="1">ROUND(SQRT((VLOOKUP($A34,városok!$A$2:$C$346,2,0)-VLOOKUP(AR$1,városok!$A$2:$C$346,2,0))^2+(VLOOKUP($A34,városok!$A$2:$C$346,3,0)-VLOOKUP(AR$1,városok!$A$2:$C$346,3,0))^2)/1000,0)</f>
        <v>253</v>
      </c>
      <c r="AS34">
        <f ca="1">ROUND(SQRT((VLOOKUP($A34,városok!$A$2:$C$346,2,0)-VLOOKUP(AS$1,városok!$A$2:$C$346,2,0))^2+(VLOOKUP($A34,városok!$A$2:$C$346,3,0)-VLOOKUP(AS$1,városok!$A$2:$C$346,3,0))^2)/1000,0)</f>
        <v>276</v>
      </c>
      <c r="AT34">
        <f ca="1">ROUND(SQRT((VLOOKUP($A34,városok!$A$2:$C$346,2,0)-VLOOKUP(AT$1,városok!$A$2:$C$346,2,0))^2+(VLOOKUP($A34,városok!$A$2:$C$346,3,0)-VLOOKUP(AT$1,városok!$A$2:$C$346,3,0))^2)/1000,0)</f>
        <v>184</v>
      </c>
      <c r="AU34">
        <f ca="1">ROUND(SQRT((VLOOKUP($A34,városok!$A$2:$C$346,2,0)-VLOOKUP(AU$1,városok!$A$2:$C$346,2,0))^2+(VLOOKUP($A34,városok!$A$2:$C$346,3,0)-VLOOKUP(AU$1,városok!$A$2:$C$346,3,0))^2)/1000,0)</f>
        <v>185</v>
      </c>
      <c r="AV34">
        <f ca="1">ROUND(SQRT((VLOOKUP($A34,városok!$A$2:$C$346,2,0)-VLOOKUP(AV$1,városok!$A$2:$C$346,2,0))^2+(VLOOKUP($A34,városok!$A$2:$C$346,3,0)-VLOOKUP(AV$1,városok!$A$2:$C$346,3,0))^2)/1000,0)</f>
        <v>180</v>
      </c>
      <c r="AW34">
        <f ca="1">ROUND(SQRT((VLOOKUP($A34,városok!$A$2:$C$346,2,0)-VLOOKUP(AW$1,városok!$A$2:$C$346,2,0))^2+(VLOOKUP($A34,városok!$A$2:$C$346,3,0)-VLOOKUP(AW$1,városok!$A$2:$C$346,3,0))^2)/1000,0)</f>
        <v>177</v>
      </c>
      <c r="AX34">
        <f ca="1">ROUND(SQRT((VLOOKUP($A34,városok!$A$2:$C$346,2,0)-VLOOKUP(AX$1,városok!$A$2:$C$346,2,0))^2+(VLOOKUP($A34,városok!$A$2:$C$346,3,0)-VLOOKUP(AX$1,városok!$A$2:$C$346,3,0))^2)/1000,0)</f>
        <v>173</v>
      </c>
      <c r="AY34">
        <f ca="1">ROUND(SQRT((VLOOKUP($A34,városok!$A$2:$C$346,2,0)-VLOOKUP(AY$1,városok!$A$2:$C$346,2,0))^2+(VLOOKUP($A34,városok!$A$2:$C$346,3,0)-VLOOKUP(AY$1,városok!$A$2:$C$346,3,0))^2)/1000,0)</f>
        <v>211</v>
      </c>
      <c r="AZ34">
        <f ca="1">ROUND(SQRT((VLOOKUP($A34,városok!$A$2:$C$346,2,0)-VLOOKUP(AZ$1,városok!$A$2:$C$346,2,0))^2+(VLOOKUP($A34,városok!$A$2:$C$346,3,0)-VLOOKUP(AZ$1,városok!$A$2:$C$346,3,0))^2)/1000,0)</f>
        <v>221</v>
      </c>
      <c r="BA34">
        <f ca="1">ROUND(SQRT((VLOOKUP($A34,városok!$A$2:$C$346,2,0)-VLOOKUP(BA$1,városok!$A$2:$C$346,2,0))^2+(VLOOKUP($A34,városok!$A$2:$C$346,3,0)-VLOOKUP(BA$1,városok!$A$2:$C$346,3,0))^2)/1000,0)</f>
        <v>113</v>
      </c>
      <c r="BB34">
        <f ca="1">ROUND(SQRT((VLOOKUP($A34,városok!$A$2:$C$346,2,0)-VLOOKUP(BB$1,városok!$A$2:$C$346,2,0))^2+(VLOOKUP($A34,városok!$A$2:$C$346,3,0)-VLOOKUP(BB$1,városok!$A$2:$C$346,3,0))^2)/1000,0)</f>
        <v>81</v>
      </c>
      <c r="BC34">
        <f ca="1">ROUND(SQRT((VLOOKUP($A34,városok!$A$2:$C$346,2,0)-VLOOKUP(BC$1,városok!$A$2:$C$346,2,0))^2+(VLOOKUP($A34,városok!$A$2:$C$346,3,0)-VLOOKUP(BC$1,városok!$A$2:$C$346,3,0))^2)/1000,0)</f>
        <v>68</v>
      </c>
      <c r="BD34">
        <f ca="1">ROUND(SQRT((VLOOKUP($A34,városok!$A$2:$C$346,2,0)-VLOOKUP(BD$1,városok!$A$2:$C$346,2,0))^2+(VLOOKUP($A34,városok!$A$2:$C$346,3,0)-VLOOKUP(BD$1,városok!$A$2:$C$346,3,0))^2)/1000,0)</f>
        <v>118</v>
      </c>
      <c r="BE34">
        <f ca="1">ROUND(SQRT((VLOOKUP($A34,városok!$A$2:$C$346,2,0)-VLOOKUP(BE$1,városok!$A$2:$C$346,2,0))^2+(VLOOKUP($A34,városok!$A$2:$C$346,3,0)-VLOOKUP(BE$1,városok!$A$2:$C$346,3,0))^2)/1000,0)</f>
        <v>399</v>
      </c>
      <c r="BF34">
        <f ca="1">ROUND(SQRT((VLOOKUP($A34,városok!$A$2:$C$346,2,0)-VLOOKUP(BF$1,városok!$A$2:$C$346,2,0))^2+(VLOOKUP($A34,városok!$A$2:$C$346,3,0)-VLOOKUP(BF$1,városok!$A$2:$C$346,3,0))^2)/1000,0)</f>
        <v>389</v>
      </c>
      <c r="BG34">
        <f ca="1">ROUND(SQRT((VLOOKUP($A34,városok!$A$2:$C$346,2,0)-VLOOKUP(BG$1,városok!$A$2:$C$346,2,0))^2+(VLOOKUP($A34,városok!$A$2:$C$346,3,0)-VLOOKUP(BG$1,városok!$A$2:$C$346,3,0))^2)/1000,0)</f>
        <v>349</v>
      </c>
      <c r="BH34">
        <f ca="1">ROUND(SQRT((VLOOKUP($A34,városok!$A$2:$C$346,2,0)-VLOOKUP(BH$1,városok!$A$2:$C$346,2,0))^2+(VLOOKUP($A34,városok!$A$2:$C$346,3,0)-VLOOKUP(BH$1,városok!$A$2:$C$346,3,0))^2)/1000,0)</f>
        <v>348</v>
      </c>
      <c r="BI34">
        <f ca="1">ROUND(SQRT((VLOOKUP($A34,városok!$A$2:$C$346,2,0)-VLOOKUP(BI$1,városok!$A$2:$C$346,2,0))^2+(VLOOKUP($A34,városok!$A$2:$C$346,3,0)-VLOOKUP(BI$1,városok!$A$2:$C$346,3,0))^2)/1000,0)</f>
        <v>65</v>
      </c>
      <c r="BJ34">
        <f ca="1">ROUND(SQRT((VLOOKUP($A34,városok!$A$2:$C$346,2,0)-VLOOKUP(BJ$1,városok!$A$2:$C$346,2,0))^2+(VLOOKUP($A34,városok!$A$2:$C$346,3,0)-VLOOKUP(BJ$1,városok!$A$2:$C$346,3,0))^2)/1000,0)</f>
        <v>49</v>
      </c>
      <c r="BK34">
        <f ca="1">ROUND(SQRT((VLOOKUP($A34,városok!$A$2:$C$346,2,0)-VLOOKUP(BK$1,városok!$A$2:$C$346,2,0))^2+(VLOOKUP($A34,városok!$A$2:$C$346,3,0)-VLOOKUP(BK$1,városok!$A$2:$C$346,3,0))^2)/1000,0)</f>
        <v>63</v>
      </c>
      <c r="BL34">
        <f ca="1">ROUND(SQRT((VLOOKUP($A34,városok!$A$2:$C$346,2,0)-VLOOKUP(BL$1,városok!$A$2:$C$346,2,0))^2+(VLOOKUP($A34,városok!$A$2:$C$346,3,0)-VLOOKUP(BL$1,városok!$A$2:$C$346,3,0))^2)/1000,0)</f>
        <v>183</v>
      </c>
      <c r="BM34">
        <f ca="1">ROUND(SQRT((VLOOKUP($A34,városok!$A$2:$C$346,2,0)-VLOOKUP(BM$1,városok!$A$2:$C$346,2,0))^2+(VLOOKUP($A34,városok!$A$2:$C$346,3,0)-VLOOKUP(BM$1,városok!$A$2:$C$346,3,0))^2)/1000,0)</f>
        <v>188</v>
      </c>
      <c r="BN34">
        <f ca="1">ROUND(SQRT((VLOOKUP($A34,városok!$A$2:$C$346,2,0)-VLOOKUP(BN$1,városok!$A$2:$C$346,2,0))^2+(VLOOKUP($A34,városok!$A$2:$C$346,3,0)-VLOOKUP(BN$1,városok!$A$2:$C$346,3,0))^2)/1000,0)</f>
        <v>200</v>
      </c>
      <c r="BO34">
        <f ca="1">ROUND(SQRT((VLOOKUP($A34,városok!$A$2:$C$346,2,0)-VLOOKUP(BO$1,városok!$A$2:$C$346,2,0))^2+(VLOOKUP($A34,városok!$A$2:$C$346,3,0)-VLOOKUP(BO$1,városok!$A$2:$C$346,3,0))^2)/1000,0)</f>
        <v>133</v>
      </c>
      <c r="BP34">
        <f ca="1">ROUND(SQRT((VLOOKUP($A34,városok!$A$2:$C$346,2,0)-VLOOKUP(BP$1,városok!$A$2:$C$346,2,0))^2+(VLOOKUP($A34,városok!$A$2:$C$346,3,0)-VLOOKUP(BP$1,városok!$A$2:$C$346,3,0))^2)/1000,0)</f>
        <v>132</v>
      </c>
      <c r="BQ34">
        <f ca="1">ROUND(SQRT((VLOOKUP($A34,városok!$A$2:$C$346,2,0)-VLOOKUP(BQ$1,városok!$A$2:$C$346,2,0))^2+(VLOOKUP($A34,városok!$A$2:$C$346,3,0)-VLOOKUP(BQ$1,városok!$A$2:$C$346,3,0))^2)/1000,0)</f>
        <v>141</v>
      </c>
      <c r="BR34">
        <f ca="1">ROUND(SQRT((VLOOKUP($A34,városok!$A$2:$C$346,2,0)-VLOOKUP(BR$1,városok!$A$2:$C$346,2,0))^2+(VLOOKUP($A34,városok!$A$2:$C$346,3,0)-VLOOKUP(BR$1,városok!$A$2:$C$346,3,0))^2)/1000,0)</f>
        <v>130</v>
      </c>
      <c r="BS34">
        <f ca="1">ROUND(SQRT((VLOOKUP($A34,városok!$A$2:$C$346,2,0)-VLOOKUP(BS$1,városok!$A$2:$C$346,2,0))^2+(VLOOKUP($A34,városok!$A$2:$C$346,3,0)-VLOOKUP(BS$1,városok!$A$2:$C$346,3,0))^2)/1000,0)</f>
        <v>121</v>
      </c>
      <c r="BT34">
        <f ca="1">ROUND(SQRT((VLOOKUP($A34,városok!$A$2:$C$346,2,0)-VLOOKUP(BT$1,városok!$A$2:$C$346,2,0))^2+(VLOOKUP($A34,városok!$A$2:$C$346,3,0)-VLOOKUP(BT$1,városok!$A$2:$C$346,3,0))^2)/1000,0)</f>
        <v>156</v>
      </c>
    </row>
    <row r="35" spans="1:72" x14ac:dyDescent="0.2">
      <c r="A35" t="str">
        <f>városok!A35</f>
        <v>Szentlőrinc</v>
      </c>
      <c r="B35">
        <f ca="1">ROUND(SQRT((VLOOKUP($A35,városok!$A$2:$C$346,2,0)-VLOOKUP(B$1,városok!$A$2:$C$346,2,0))^2+(VLOOKUP($A35,városok!$A$2:$C$346,3,0)-VLOOKUP(B$1,városok!$A$2:$C$346,3,0))^2)/1000,0)</f>
        <v>77</v>
      </c>
      <c r="C35">
        <f ca="1">ROUND(SQRT((VLOOKUP($A35,városok!$A$2:$C$346,2,0)-VLOOKUP(C$1,városok!$A$2:$C$346,2,0))^2+(VLOOKUP($A35,városok!$A$2:$C$346,3,0)-VLOOKUP(C$1,városok!$A$2:$C$346,3,0))^2)/1000,0)</f>
        <v>94</v>
      </c>
      <c r="D35">
        <f ca="1">ROUND(SQRT((VLOOKUP($A35,városok!$A$2:$C$346,2,0)-VLOOKUP(D$1,városok!$A$2:$C$346,2,0))^2+(VLOOKUP($A35,városok!$A$2:$C$346,3,0)-VLOOKUP(D$1,városok!$A$2:$C$346,3,0))^2)/1000,0)</f>
        <v>163</v>
      </c>
      <c r="E35">
        <f ca="1">ROUND(SQRT((VLOOKUP($A35,városok!$A$2:$C$346,2,0)-VLOOKUP(E$1,városok!$A$2:$C$346,2,0))^2+(VLOOKUP($A35,városok!$A$2:$C$346,3,0)-VLOOKUP(E$1,városok!$A$2:$C$346,3,0))^2)/1000,0)</f>
        <v>27</v>
      </c>
      <c r="F35">
        <f ca="1">ROUND(SQRT((VLOOKUP($A35,városok!$A$2:$C$346,2,0)-VLOOKUP(F$1,városok!$A$2:$C$346,2,0))^2+(VLOOKUP($A35,városok!$A$2:$C$346,3,0)-VLOOKUP(F$1,városok!$A$2:$C$346,3,0))^2)/1000,0)</f>
        <v>54</v>
      </c>
      <c r="G35">
        <f ca="1">ROUND(SQRT((VLOOKUP($A35,városok!$A$2:$C$346,2,0)-VLOOKUP(G$1,városok!$A$2:$C$346,2,0))^2+(VLOOKUP($A35,városok!$A$2:$C$346,3,0)-VLOOKUP(G$1,városok!$A$2:$C$346,3,0))^2)/1000,0)</f>
        <v>20</v>
      </c>
      <c r="H35">
        <f ca="1">ROUND(SQRT((VLOOKUP($A35,városok!$A$2:$C$346,2,0)-VLOOKUP(H$1,városok!$A$2:$C$346,2,0))^2+(VLOOKUP($A35,városok!$A$2:$C$346,3,0)-VLOOKUP(H$1,városok!$A$2:$C$346,3,0))^2)/1000,0)</f>
        <v>15</v>
      </c>
      <c r="I35">
        <f ca="1">ROUND(SQRT((VLOOKUP($A35,városok!$A$2:$C$346,2,0)-VLOOKUP(I$1,városok!$A$2:$C$346,2,0))^2+(VLOOKUP($A35,városok!$A$2:$C$346,3,0)-VLOOKUP(I$1,városok!$A$2:$C$346,3,0))^2)/1000,0)</f>
        <v>248</v>
      </c>
      <c r="J35">
        <f ca="1">ROUND(SQRT((VLOOKUP($A35,városok!$A$2:$C$346,2,0)-VLOOKUP(J$1,városok!$A$2:$C$346,2,0))^2+(VLOOKUP($A35,városok!$A$2:$C$346,3,0)-VLOOKUP(J$1,városok!$A$2:$C$346,3,0))^2)/1000,0)</f>
        <v>262</v>
      </c>
      <c r="K35">
        <f ca="1">ROUND(SQRT((VLOOKUP($A35,városok!$A$2:$C$346,2,0)-VLOOKUP(K$1,városok!$A$2:$C$346,2,0))^2+(VLOOKUP($A35,városok!$A$2:$C$346,3,0)-VLOOKUP(K$1,városok!$A$2:$C$346,3,0))^2)/1000,0)</f>
        <v>214</v>
      </c>
      <c r="L35">
        <f ca="1">ROUND(SQRT((VLOOKUP($A35,városok!$A$2:$C$346,2,0)-VLOOKUP(L$1,városok!$A$2:$C$346,2,0))^2+(VLOOKUP($A35,városok!$A$2:$C$346,3,0)-VLOOKUP(L$1,városok!$A$2:$C$346,3,0))^2)/1000,0)</f>
        <v>318</v>
      </c>
      <c r="M35">
        <f ca="1">ROUND(SQRT((VLOOKUP($A35,városok!$A$2:$C$346,2,0)-VLOOKUP(M$1,városok!$A$2:$C$346,2,0))^2+(VLOOKUP($A35,városok!$A$2:$C$346,3,0)-VLOOKUP(M$1,városok!$A$2:$C$346,3,0))^2)/1000,0)</f>
        <v>313</v>
      </c>
      <c r="N35">
        <f ca="1">ROUND(SQRT((VLOOKUP($A35,városok!$A$2:$C$346,2,0)-VLOOKUP(N$1,városok!$A$2:$C$346,2,0))^2+(VLOOKUP($A35,városok!$A$2:$C$346,3,0)-VLOOKUP(N$1,városok!$A$2:$C$346,3,0))^2)/1000,0)</f>
        <v>299</v>
      </c>
      <c r="O35">
        <f ca="1">ROUND(SQRT((VLOOKUP($A35,városok!$A$2:$C$346,2,0)-VLOOKUP(O$1,városok!$A$2:$C$346,2,0))^2+(VLOOKUP($A35,városok!$A$2:$C$346,3,0)-VLOOKUP(O$1,városok!$A$2:$C$346,3,0))^2)/1000,0)</f>
        <v>382</v>
      </c>
      <c r="P35">
        <f ca="1">ROUND(SQRT((VLOOKUP($A35,városok!$A$2:$C$346,2,0)-VLOOKUP(P$1,városok!$A$2:$C$346,2,0))^2+(VLOOKUP($A35,városok!$A$2:$C$346,3,0)-VLOOKUP(P$1,városok!$A$2:$C$346,3,0))^2)/1000,0)</f>
        <v>382</v>
      </c>
      <c r="Q35">
        <f ca="1">ROUND(SQRT((VLOOKUP($A35,városok!$A$2:$C$346,2,0)-VLOOKUP(Q$1,városok!$A$2:$C$346,2,0))^2+(VLOOKUP($A35,városok!$A$2:$C$346,3,0)-VLOOKUP(Q$1,városok!$A$2:$C$346,3,0))^2)/1000,0)</f>
        <v>185</v>
      </c>
      <c r="R35">
        <f ca="1">ROUND(SQRT((VLOOKUP($A35,városok!$A$2:$C$346,2,0)-VLOOKUP(R$1,városok!$A$2:$C$346,2,0))^2+(VLOOKUP($A35,városok!$A$2:$C$346,3,0)-VLOOKUP(R$1,városok!$A$2:$C$346,3,0))^2)/1000,0)</f>
        <v>193</v>
      </c>
      <c r="S35">
        <f ca="1">ROUND(SQRT((VLOOKUP($A35,városok!$A$2:$C$346,2,0)-VLOOKUP(S$1,városok!$A$2:$C$346,2,0))^2+(VLOOKUP($A35,városok!$A$2:$C$346,3,0)-VLOOKUP(S$1,városok!$A$2:$C$346,3,0))^2)/1000,0)</f>
        <v>169</v>
      </c>
      <c r="T35">
        <f ca="1">ROUND(SQRT((VLOOKUP($A35,városok!$A$2:$C$346,2,0)-VLOOKUP(T$1,városok!$A$2:$C$346,2,0))^2+(VLOOKUP($A35,városok!$A$2:$C$346,3,0)-VLOOKUP(T$1,városok!$A$2:$C$346,3,0))^2)/1000,0)</f>
        <v>169</v>
      </c>
      <c r="U35">
        <f ca="1">ROUND(SQRT((VLOOKUP($A35,városok!$A$2:$C$346,2,0)-VLOOKUP(U$1,városok!$A$2:$C$346,2,0))^2+(VLOOKUP($A35,városok!$A$2:$C$346,3,0)-VLOOKUP(U$1,városok!$A$2:$C$346,3,0))^2)/1000,0)</f>
        <v>126</v>
      </c>
      <c r="V35">
        <f ca="1">ROUND(SQRT((VLOOKUP($A35,városok!$A$2:$C$346,2,0)-VLOOKUP(V$1,városok!$A$2:$C$346,2,0))^2+(VLOOKUP($A35,városok!$A$2:$C$346,3,0)-VLOOKUP(V$1,városok!$A$2:$C$346,3,0))^2)/1000,0)</f>
        <v>116</v>
      </c>
      <c r="W35">
        <f ca="1">ROUND(SQRT((VLOOKUP($A35,városok!$A$2:$C$346,2,0)-VLOOKUP(W$1,városok!$A$2:$C$346,2,0))^2+(VLOOKUP($A35,városok!$A$2:$C$346,3,0)-VLOOKUP(W$1,városok!$A$2:$C$346,3,0))^2)/1000,0)</f>
        <v>106</v>
      </c>
      <c r="X35">
        <f ca="1">ROUND(SQRT((VLOOKUP($A35,városok!$A$2:$C$346,2,0)-VLOOKUP(X$1,városok!$A$2:$C$346,2,0))^2+(VLOOKUP($A35,városok!$A$2:$C$346,3,0)-VLOOKUP(X$1,városok!$A$2:$C$346,3,0))^2)/1000,0)</f>
        <v>142</v>
      </c>
      <c r="Y35">
        <f ca="1">ROUND(SQRT((VLOOKUP($A35,városok!$A$2:$C$346,2,0)-VLOOKUP(Y$1,városok!$A$2:$C$346,2,0))^2+(VLOOKUP($A35,városok!$A$2:$C$346,3,0)-VLOOKUP(Y$1,városok!$A$2:$C$346,3,0))^2)/1000,0)</f>
        <v>186</v>
      </c>
      <c r="Z35">
        <f ca="1">ROUND(SQRT((VLOOKUP($A35,városok!$A$2:$C$346,2,0)-VLOOKUP(Z$1,városok!$A$2:$C$346,2,0))^2+(VLOOKUP($A35,városok!$A$2:$C$346,3,0)-VLOOKUP(Z$1,városok!$A$2:$C$346,3,0))^2)/1000,0)</f>
        <v>194</v>
      </c>
      <c r="AA35">
        <f ca="1">ROUND(SQRT((VLOOKUP($A35,városok!$A$2:$C$346,2,0)-VLOOKUP(AA$1,városok!$A$2:$C$346,2,0))^2+(VLOOKUP($A35,városok!$A$2:$C$346,3,0)-VLOOKUP(AA$1,városok!$A$2:$C$346,3,0))^2)/1000,0)</f>
        <v>212</v>
      </c>
      <c r="AB35">
        <f ca="1">ROUND(SQRT((VLOOKUP($A35,városok!$A$2:$C$346,2,0)-VLOOKUP(AB$1,városok!$A$2:$C$346,2,0))^2+(VLOOKUP($A35,városok!$A$2:$C$346,3,0)-VLOOKUP(AB$1,városok!$A$2:$C$346,3,0))^2)/1000,0)</f>
        <v>324</v>
      </c>
      <c r="AC35">
        <f ca="1">ROUND(SQRT((VLOOKUP($A35,városok!$A$2:$C$346,2,0)-VLOOKUP(AC$1,városok!$A$2:$C$346,2,0))^2+(VLOOKUP($A35,városok!$A$2:$C$346,3,0)-VLOOKUP(AC$1,városok!$A$2:$C$346,3,0))^2)/1000,0)</f>
        <v>304</v>
      </c>
      <c r="AD35">
        <f ca="1">ROUND(SQRT((VLOOKUP($A35,városok!$A$2:$C$346,2,0)-VLOOKUP(AD$1,városok!$A$2:$C$346,2,0))^2+(VLOOKUP($A35,városok!$A$2:$C$346,3,0)-VLOOKUP(AD$1,városok!$A$2:$C$346,3,0))^2)/1000,0)</f>
        <v>287</v>
      </c>
      <c r="AE35">
        <f ca="1">ROUND(SQRT((VLOOKUP($A35,városok!$A$2:$C$346,2,0)-VLOOKUP(AE$1,városok!$A$2:$C$346,2,0))^2+(VLOOKUP($A35,városok!$A$2:$C$346,3,0)-VLOOKUP(AE$1,városok!$A$2:$C$346,3,0))^2)/1000,0)</f>
        <v>280</v>
      </c>
      <c r="AF35">
        <f ca="1">ROUND(SQRT((VLOOKUP($A35,városok!$A$2:$C$346,2,0)-VLOOKUP(AF$1,városok!$A$2:$C$346,2,0))^2+(VLOOKUP($A35,városok!$A$2:$C$346,3,0)-VLOOKUP(AF$1,városok!$A$2:$C$346,3,0))^2)/1000,0)</f>
        <v>275</v>
      </c>
      <c r="AG35">
        <f ca="1">ROUND(SQRT((VLOOKUP($A35,városok!$A$2:$C$346,2,0)-VLOOKUP(AG$1,városok!$A$2:$C$346,2,0))^2+(VLOOKUP($A35,városok!$A$2:$C$346,3,0)-VLOOKUP(AG$1,városok!$A$2:$C$346,3,0))^2)/1000,0)</f>
        <v>244</v>
      </c>
      <c r="AH35">
        <f ca="1">ROUND(SQRT((VLOOKUP($A35,városok!$A$2:$C$346,2,0)-VLOOKUP(AH$1,városok!$A$2:$C$346,2,0))^2+(VLOOKUP($A35,városok!$A$2:$C$346,3,0)-VLOOKUP(AH$1,városok!$A$2:$C$346,3,0))^2)/1000,0)</f>
        <v>222</v>
      </c>
      <c r="AI35">
        <f ca="1">ROUND(SQRT((VLOOKUP($A35,városok!$A$2:$C$346,2,0)-VLOOKUP(AI$1,városok!$A$2:$C$346,2,0))^2+(VLOOKUP($A35,városok!$A$2:$C$346,3,0)-VLOOKUP(AI$1,városok!$A$2:$C$346,3,0))^2)/1000,0)</f>
        <v>272</v>
      </c>
      <c r="AJ35">
        <f ca="1">ROUND(SQRT((VLOOKUP($A35,városok!$A$2:$C$346,2,0)-VLOOKUP(AJ$1,városok!$A$2:$C$346,2,0))^2+(VLOOKUP($A35,városok!$A$2:$C$346,3,0)-VLOOKUP(AJ$1,városok!$A$2:$C$346,3,0))^2)/1000,0)</f>
        <v>234</v>
      </c>
      <c r="AK35">
        <f ca="1">ROUND(SQRT((VLOOKUP($A35,városok!$A$2:$C$346,2,0)-VLOOKUP(AK$1,városok!$A$2:$C$346,2,0))^2+(VLOOKUP($A35,városok!$A$2:$C$346,3,0)-VLOOKUP(AK$1,városok!$A$2:$C$346,3,0))^2)/1000,0)</f>
        <v>267</v>
      </c>
      <c r="AL35">
        <f ca="1">ROUND(SQRT((VLOOKUP($A35,városok!$A$2:$C$346,2,0)-VLOOKUP(AL$1,városok!$A$2:$C$346,2,0))^2+(VLOOKUP($A35,városok!$A$2:$C$346,3,0)-VLOOKUP(AL$1,városok!$A$2:$C$346,3,0))^2)/1000,0)</f>
        <v>250</v>
      </c>
      <c r="AM35">
        <f ca="1">ROUND(SQRT((VLOOKUP($A35,városok!$A$2:$C$346,2,0)-VLOOKUP(AM$1,városok!$A$2:$C$346,2,0))^2+(VLOOKUP($A35,városok!$A$2:$C$346,3,0)-VLOOKUP(AM$1,városok!$A$2:$C$346,3,0))^2)/1000,0)</f>
        <v>211</v>
      </c>
      <c r="AN35">
        <f ca="1">ROUND(SQRT((VLOOKUP($A35,városok!$A$2:$C$346,2,0)-VLOOKUP(AN$1,városok!$A$2:$C$346,2,0))^2+(VLOOKUP($A35,városok!$A$2:$C$346,3,0)-VLOOKUP(AN$1,városok!$A$2:$C$346,3,0))^2)/1000,0)</f>
        <v>203</v>
      </c>
      <c r="AO35">
        <f ca="1">ROUND(SQRT((VLOOKUP($A35,városok!$A$2:$C$346,2,0)-VLOOKUP(AO$1,városok!$A$2:$C$346,2,0))^2+(VLOOKUP($A35,városok!$A$2:$C$346,3,0)-VLOOKUP(AO$1,városok!$A$2:$C$346,3,0))^2)/1000,0)</f>
        <v>190</v>
      </c>
      <c r="AP35">
        <f ca="1">ROUND(SQRT((VLOOKUP($A35,városok!$A$2:$C$346,2,0)-VLOOKUP(AP$1,városok!$A$2:$C$346,2,0))^2+(VLOOKUP($A35,városok!$A$2:$C$346,3,0)-VLOOKUP(AP$1,városok!$A$2:$C$346,3,0))^2)/1000,0)</f>
        <v>181</v>
      </c>
      <c r="AQ35">
        <f ca="1">ROUND(SQRT((VLOOKUP($A35,városok!$A$2:$C$346,2,0)-VLOOKUP(AQ$1,városok!$A$2:$C$346,2,0))^2+(VLOOKUP($A35,városok!$A$2:$C$346,3,0)-VLOOKUP(AQ$1,városok!$A$2:$C$346,3,0))^2)/1000,0)</f>
        <v>173</v>
      </c>
      <c r="AR35">
        <f ca="1">ROUND(SQRT((VLOOKUP($A35,városok!$A$2:$C$346,2,0)-VLOOKUP(AR$1,városok!$A$2:$C$346,2,0))^2+(VLOOKUP($A35,városok!$A$2:$C$346,3,0)-VLOOKUP(AR$1,városok!$A$2:$C$346,3,0))^2)/1000,0)</f>
        <v>246</v>
      </c>
      <c r="AS35">
        <f ca="1">ROUND(SQRT((VLOOKUP($A35,városok!$A$2:$C$346,2,0)-VLOOKUP(AS$1,városok!$A$2:$C$346,2,0))^2+(VLOOKUP($A35,városok!$A$2:$C$346,3,0)-VLOOKUP(AS$1,városok!$A$2:$C$346,3,0))^2)/1000,0)</f>
        <v>269</v>
      </c>
      <c r="AT35">
        <f ca="1">ROUND(SQRT((VLOOKUP($A35,városok!$A$2:$C$346,2,0)-VLOOKUP(AT$1,városok!$A$2:$C$346,2,0))^2+(VLOOKUP($A35,városok!$A$2:$C$346,3,0)-VLOOKUP(AT$1,városok!$A$2:$C$346,3,0))^2)/1000,0)</f>
        <v>171</v>
      </c>
      <c r="AU35">
        <f ca="1">ROUND(SQRT((VLOOKUP($A35,városok!$A$2:$C$346,2,0)-VLOOKUP(AU$1,városok!$A$2:$C$346,2,0))^2+(VLOOKUP($A35,városok!$A$2:$C$346,3,0)-VLOOKUP(AU$1,városok!$A$2:$C$346,3,0))^2)/1000,0)</f>
        <v>175</v>
      </c>
      <c r="AV35">
        <f ca="1">ROUND(SQRT((VLOOKUP($A35,városok!$A$2:$C$346,2,0)-VLOOKUP(AV$1,városok!$A$2:$C$346,2,0))^2+(VLOOKUP($A35,városok!$A$2:$C$346,3,0)-VLOOKUP(AV$1,városok!$A$2:$C$346,3,0))^2)/1000,0)</f>
        <v>169</v>
      </c>
      <c r="AW35">
        <f ca="1">ROUND(SQRT((VLOOKUP($A35,városok!$A$2:$C$346,2,0)-VLOOKUP(AW$1,városok!$A$2:$C$346,2,0))^2+(VLOOKUP($A35,városok!$A$2:$C$346,3,0)-VLOOKUP(AW$1,városok!$A$2:$C$346,3,0))^2)/1000,0)</f>
        <v>167</v>
      </c>
      <c r="AX35">
        <f ca="1">ROUND(SQRT((VLOOKUP($A35,városok!$A$2:$C$346,2,0)-VLOOKUP(AX$1,városok!$A$2:$C$346,2,0))^2+(VLOOKUP($A35,városok!$A$2:$C$346,3,0)-VLOOKUP(AX$1,városok!$A$2:$C$346,3,0))^2)/1000,0)</f>
        <v>176</v>
      </c>
      <c r="AY35">
        <f ca="1">ROUND(SQRT((VLOOKUP($A35,városok!$A$2:$C$346,2,0)-VLOOKUP(AY$1,városok!$A$2:$C$346,2,0))^2+(VLOOKUP($A35,városok!$A$2:$C$346,3,0)-VLOOKUP(AY$1,városok!$A$2:$C$346,3,0))^2)/1000,0)</f>
        <v>200</v>
      </c>
      <c r="AZ35">
        <f ca="1">ROUND(SQRT((VLOOKUP($A35,városok!$A$2:$C$346,2,0)-VLOOKUP(AZ$1,városok!$A$2:$C$346,2,0))^2+(VLOOKUP($A35,városok!$A$2:$C$346,3,0)-VLOOKUP(AZ$1,városok!$A$2:$C$346,3,0))^2)/1000,0)</f>
        <v>208</v>
      </c>
      <c r="BA35">
        <f ca="1">ROUND(SQRT((VLOOKUP($A35,városok!$A$2:$C$346,2,0)-VLOOKUP(BA$1,városok!$A$2:$C$346,2,0))^2+(VLOOKUP($A35,városok!$A$2:$C$346,3,0)-VLOOKUP(BA$1,városok!$A$2:$C$346,3,0))^2)/1000,0)</f>
        <v>86</v>
      </c>
      <c r="BB35">
        <f ca="1">ROUND(SQRT((VLOOKUP($A35,városok!$A$2:$C$346,2,0)-VLOOKUP(BB$1,városok!$A$2:$C$346,2,0))^2+(VLOOKUP($A35,városok!$A$2:$C$346,3,0)-VLOOKUP(BB$1,városok!$A$2:$C$346,3,0))^2)/1000,0)</f>
        <v>56</v>
      </c>
      <c r="BC35">
        <f ca="1">ROUND(SQRT((VLOOKUP($A35,városok!$A$2:$C$346,2,0)-VLOOKUP(BC$1,városok!$A$2:$C$346,2,0))^2+(VLOOKUP($A35,városok!$A$2:$C$346,3,0)-VLOOKUP(BC$1,városok!$A$2:$C$346,3,0))^2)/1000,0)</f>
        <v>38</v>
      </c>
      <c r="BD35">
        <f ca="1">ROUND(SQRT((VLOOKUP($A35,városok!$A$2:$C$346,2,0)-VLOOKUP(BD$1,városok!$A$2:$C$346,2,0))^2+(VLOOKUP($A35,városok!$A$2:$C$346,3,0)-VLOOKUP(BD$1,városok!$A$2:$C$346,3,0))^2)/1000,0)</f>
        <v>97</v>
      </c>
      <c r="BE35">
        <f ca="1">ROUND(SQRT((VLOOKUP($A35,városok!$A$2:$C$346,2,0)-VLOOKUP(BE$1,városok!$A$2:$C$346,2,0))^2+(VLOOKUP($A35,városok!$A$2:$C$346,3,0)-VLOOKUP(BE$1,városok!$A$2:$C$346,3,0))^2)/1000,0)</f>
        <v>409</v>
      </c>
      <c r="BF35">
        <f ca="1">ROUND(SQRT((VLOOKUP($A35,városok!$A$2:$C$346,2,0)-VLOOKUP(BF$1,városok!$A$2:$C$346,2,0))^2+(VLOOKUP($A35,városok!$A$2:$C$346,3,0)-VLOOKUP(BF$1,városok!$A$2:$C$346,3,0))^2)/1000,0)</f>
        <v>394</v>
      </c>
      <c r="BG35">
        <f ca="1">ROUND(SQRT((VLOOKUP($A35,városok!$A$2:$C$346,2,0)-VLOOKUP(BG$1,városok!$A$2:$C$346,2,0))^2+(VLOOKUP($A35,városok!$A$2:$C$346,3,0)-VLOOKUP(BG$1,városok!$A$2:$C$346,3,0))^2)/1000,0)</f>
        <v>351</v>
      </c>
      <c r="BH35">
        <f ca="1">ROUND(SQRT((VLOOKUP($A35,városok!$A$2:$C$346,2,0)-VLOOKUP(BH$1,városok!$A$2:$C$346,2,0))^2+(VLOOKUP($A35,városok!$A$2:$C$346,3,0)-VLOOKUP(BH$1,városok!$A$2:$C$346,3,0))^2)/1000,0)</f>
        <v>351</v>
      </c>
      <c r="BI35">
        <f ca="1">ROUND(SQRT((VLOOKUP($A35,városok!$A$2:$C$346,2,0)-VLOOKUP(BI$1,városok!$A$2:$C$346,2,0))^2+(VLOOKUP($A35,városok!$A$2:$C$346,3,0)-VLOOKUP(BI$1,városok!$A$2:$C$346,3,0))^2)/1000,0)</f>
        <v>63</v>
      </c>
      <c r="BJ35">
        <f ca="1">ROUND(SQRT((VLOOKUP($A35,városok!$A$2:$C$346,2,0)-VLOOKUP(BJ$1,városok!$A$2:$C$346,2,0))^2+(VLOOKUP($A35,városok!$A$2:$C$346,3,0)-VLOOKUP(BJ$1,városok!$A$2:$C$346,3,0))^2)/1000,0)</f>
        <v>45</v>
      </c>
      <c r="BK35">
        <f ca="1">ROUND(SQRT((VLOOKUP($A35,városok!$A$2:$C$346,2,0)-VLOOKUP(BK$1,városok!$A$2:$C$346,2,0))^2+(VLOOKUP($A35,városok!$A$2:$C$346,3,0)-VLOOKUP(BK$1,városok!$A$2:$C$346,3,0))^2)/1000,0)</f>
        <v>65</v>
      </c>
      <c r="BL35">
        <f ca="1">ROUND(SQRT((VLOOKUP($A35,városok!$A$2:$C$346,2,0)-VLOOKUP(BL$1,városok!$A$2:$C$346,2,0))^2+(VLOOKUP($A35,városok!$A$2:$C$346,3,0)-VLOOKUP(BL$1,városok!$A$2:$C$346,3,0))^2)/1000,0)</f>
        <v>152</v>
      </c>
      <c r="BM35">
        <f ca="1">ROUND(SQRT((VLOOKUP($A35,városok!$A$2:$C$346,2,0)-VLOOKUP(BM$1,városok!$A$2:$C$346,2,0))^2+(VLOOKUP($A35,városok!$A$2:$C$346,3,0)-VLOOKUP(BM$1,városok!$A$2:$C$346,3,0))^2)/1000,0)</f>
        <v>158</v>
      </c>
      <c r="BN35">
        <f ca="1">ROUND(SQRT((VLOOKUP($A35,városok!$A$2:$C$346,2,0)-VLOOKUP(BN$1,városok!$A$2:$C$346,2,0))^2+(VLOOKUP($A35,városok!$A$2:$C$346,3,0)-VLOOKUP(BN$1,városok!$A$2:$C$346,3,0))^2)/1000,0)</f>
        <v>169</v>
      </c>
      <c r="BO35">
        <f ca="1">ROUND(SQRT((VLOOKUP($A35,városok!$A$2:$C$346,2,0)-VLOOKUP(BO$1,városok!$A$2:$C$346,2,0))^2+(VLOOKUP($A35,városok!$A$2:$C$346,3,0)-VLOOKUP(BO$1,városok!$A$2:$C$346,3,0))^2)/1000,0)</f>
        <v>110</v>
      </c>
      <c r="BP35">
        <f ca="1">ROUND(SQRT((VLOOKUP($A35,városok!$A$2:$C$346,2,0)-VLOOKUP(BP$1,városok!$A$2:$C$346,2,0))^2+(VLOOKUP($A35,városok!$A$2:$C$346,3,0)-VLOOKUP(BP$1,városok!$A$2:$C$346,3,0))^2)/1000,0)</f>
        <v>111</v>
      </c>
      <c r="BQ35">
        <f ca="1">ROUND(SQRT((VLOOKUP($A35,városok!$A$2:$C$346,2,0)-VLOOKUP(BQ$1,városok!$A$2:$C$346,2,0))^2+(VLOOKUP($A35,városok!$A$2:$C$346,3,0)-VLOOKUP(BQ$1,városok!$A$2:$C$346,3,0))^2)/1000,0)</f>
        <v>117</v>
      </c>
      <c r="BR35">
        <f ca="1">ROUND(SQRT((VLOOKUP($A35,városok!$A$2:$C$346,2,0)-VLOOKUP(BR$1,városok!$A$2:$C$346,2,0))^2+(VLOOKUP($A35,városok!$A$2:$C$346,3,0)-VLOOKUP(BR$1,városok!$A$2:$C$346,3,0))^2)/1000,0)</f>
        <v>99</v>
      </c>
      <c r="BS35">
        <f ca="1">ROUND(SQRT((VLOOKUP($A35,városok!$A$2:$C$346,2,0)-VLOOKUP(BS$1,városok!$A$2:$C$346,2,0))^2+(VLOOKUP($A35,városok!$A$2:$C$346,3,0)-VLOOKUP(BS$1,városok!$A$2:$C$346,3,0))^2)/1000,0)</f>
        <v>89</v>
      </c>
      <c r="BT35">
        <f ca="1">ROUND(SQRT((VLOOKUP($A35,városok!$A$2:$C$346,2,0)-VLOOKUP(BT$1,városok!$A$2:$C$346,2,0))^2+(VLOOKUP($A35,városok!$A$2:$C$346,3,0)-VLOOKUP(BT$1,városok!$A$2:$C$346,3,0))^2)/1000,0)</f>
        <v>125</v>
      </c>
    </row>
    <row r="36" spans="1:72" x14ac:dyDescent="0.2">
      <c r="A36" t="str">
        <f>városok!A36</f>
        <v>Szigetvár</v>
      </c>
      <c r="B36">
        <f ca="1">ROUND(SQRT((VLOOKUP($A36,városok!$A$2:$C$346,2,0)-VLOOKUP(B$1,városok!$A$2:$C$346,2,0))^2+(VLOOKUP($A36,városok!$A$2:$C$346,3,0)-VLOOKUP(B$1,városok!$A$2:$C$346,3,0))^2)/1000,0)</f>
        <v>91</v>
      </c>
      <c r="C36">
        <f ca="1">ROUND(SQRT((VLOOKUP($A36,városok!$A$2:$C$346,2,0)-VLOOKUP(C$1,városok!$A$2:$C$346,2,0))^2+(VLOOKUP($A36,városok!$A$2:$C$346,3,0)-VLOOKUP(C$1,városok!$A$2:$C$346,3,0))^2)/1000,0)</f>
        <v>105</v>
      </c>
      <c r="D36">
        <f ca="1">ROUND(SQRT((VLOOKUP($A36,városok!$A$2:$C$346,2,0)-VLOOKUP(D$1,városok!$A$2:$C$346,2,0))^2+(VLOOKUP($A36,városok!$A$2:$C$346,3,0)-VLOOKUP(D$1,városok!$A$2:$C$346,3,0))^2)/1000,0)</f>
        <v>174</v>
      </c>
      <c r="E36">
        <f ca="1">ROUND(SQRT((VLOOKUP($A36,városok!$A$2:$C$346,2,0)-VLOOKUP(E$1,városok!$A$2:$C$346,2,0))^2+(VLOOKUP($A36,városok!$A$2:$C$346,3,0)-VLOOKUP(E$1,városok!$A$2:$C$346,3,0))^2)/1000,0)</f>
        <v>39</v>
      </c>
      <c r="F36">
        <f ca="1">ROUND(SQRT((VLOOKUP($A36,városok!$A$2:$C$346,2,0)-VLOOKUP(F$1,városok!$A$2:$C$346,2,0))^2+(VLOOKUP($A36,városok!$A$2:$C$346,3,0)-VLOOKUP(F$1,városok!$A$2:$C$346,3,0))^2)/1000,0)</f>
        <v>69</v>
      </c>
      <c r="G36">
        <f ca="1">ROUND(SQRT((VLOOKUP($A36,városok!$A$2:$C$346,2,0)-VLOOKUP(G$1,városok!$A$2:$C$346,2,0))^2+(VLOOKUP($A36,városok!$A$2:$C$346,3,0)-VLOOKUP(G$1,városok!$A$2:$C$346,3,0))^2)/1000,0)</f>
        <v>35</v>
      </c>
      <c r="H36">
        <f ca="1">ROUND(SQRT((VLOOKUP($A36,városok!$A$2:$C$346,2,0)-VLOOKUP(H$1,városok!$A$2:$C$346,2,0))^2+(VLOOKUP($A36,városok!$A$2:$C$346,3,0)-VLOOKUP(H$1,városok!$A$2:$C$346,3,0))^2)/1000,0)</f>
        <v>0</v>
      </c>
      <c r="I36">
        <f ca="1">ROUND(SQRT((VLOOKUP($A36,városok!$A$2:$C$346,2,0)-VLOOKUP(I$1,városok!$A$2:$C$346,2,0))^2+(VLOOKUP($A36,városok!$A$2:$C$346,3,0)-VLOOKUP(I$1,városok!$A$2:$C$346,3,0))^2)/1000,0)</f>
        <v>262</v>
      </c>
      <c r="J36">
        <f ca="1">ROUND(SQRT((VLOOKUP($A36,városok!$A$2:$C$346,2,0)-VLOOKUP(J$1,városok!$A$2:$C$346,2,0))^2+(VLOOKUP($A36,városok!$A$2:$C$346,3,0)-VLOOKUP(J$1,városok!$A$2:$C$346,3,0))^2)/1000,0)</f>
        <v>276</v>
      </c>
      <c r="K36">
        <f ca="1">ROUND(SQRT((VLOOKUP($A36,városok!$A$2:$C$346,2,0)-VLOOKUP(K$1,városok!$A$2:$C$346,2,0))^2+(VLOOKUP($A36,városok!$A$2:$C$346,3,0)-VLOOKUP(K$1,városok!$A$2:$C$346,3,0))^2)/1000,0)</f>
        <v>228</v>
      </c>
      <c r="L36">
        <f ca="1">ROUND(SQRT((VLOOKUP($A36,városok!$A$2:$C$346,2,0)-VLOOKUP(L$1,városok!$A$2:$C$346,2,0))^2+(VLOOKUP($A36,városok!$A$2:$C$346,3,0)-VLOOKUP(L$1,városok!$A$2:$C$346,3,0))^2)/1000,0)</f>
        <v>326</v>
      </c>
      <c r="M36">
        <f ca="1">ROUND(SQRT((VLOOKUP($A36,városok!$A$2:$C$346,2,0)-VLOOKUP(M$1,városok!$A$2:$C$346,2,0))^2+(VLOOKUP($A36,városok!$A$2:$C$346,3,0)-VLOOKUP(M$1,városok!$A$2:$C$346,3,0))^2)/1000,0)</f>
        <v>323</v>
      </c>
      <c r="N36">
        <f ca="1">ROUND(SQRT((VLOOKUP($A36,városok!$A$2:$C$346,2,0)-VLOOKUP(N$1,városok!$A$2:$C$346,2,0))^2+(VLOOKUP($A36,városok!$A$2:$C$346,3,0)-VLOOKUP(N$1,városok!$A$2:$C$346,3,0))^2)/1000,0)</f>
        <v>307</v>
      </c>
      <c r="O36">
        <f ca="1">ROUND(SQRT((VLOOKUP($A36,városok!$A$2:$C$346,2,0)-VLOOKUP(O$1,városok!$A$2:$C$346,2,0))^2+(VLOOKUP($A36,városok!$A$2:$C$346,3,0)-VLOOKUP(O$1,városok!$A$2:$C$346,3,0))^2)/1000,0)</f>
        <v>392</v>
      </c>
      <c r="P36">
        <f ca="1">ROUND(SQRT((VLOOKUP($A36,városok!$A$2:$C$346,2,0)-VLOOKUP(P$1,városok!$A$2:$C$346,2,0))^2+(VLOOKUP($A36,városok!$A$2:$C$346,3,0)-VLOOKUP(P$1,városok!$A$2:$C$346,3,0))^2)/1000,0)</f>
        <v>392</v>
      </c>
      <c r="Q36">
        <f ca="1">ROUND(SQRT((VLOOKUP($A36,városok!$A$2:$C$346,2,0)-VLOOKUP(Q$1,városok!$A$2:$C$346,2,0))^2+(VLOOKUP($A36,városok!$A$2:$C$346,3,0)-VLOOKUP(Q$1,városok!$A$2:$C$346,3,0))^2)/1000,0)</f>
        <v>199</v>
      </c>
      <c r="R36">
        <f ca="1">ROUND(SQRT((VLOOKUP($A36,városok!$A$2:$C$346,2,0)-VLOOKUP(R$1,városok!$A$2:$C$346,2,0))^2+(VLOOKUP($A36,városok!$A$2:$C$346,3,0)-VLOOKUP(R$1,városok!$A$2:$C$346,3,0))^2)/1000,0)</f>
        <v>208</v>
      </c>
      <c r="S36">
        <f ca="1">ROUND(SQRT((VLOOKUP($A36,városok!$A$2:$C$346,2,0)-VLOOKUP(S$1,városok!$A$2:$C$346,2,0))^2+(VLOOKUP($A36,városok!$A$2:$C$346,3,0)-VLOOKUP(S$1,városok!$A$2:$C$346,3,0))^2)/1000,0)</f>
        <v>184</v>
      </c>
      <c r="T36">
        <f ca="1">ROUND(SQRT((VLOOKUP($A36,városok!$A$2:$C$346,2,0)-VLOOKUP(T$1,városok!$A$2:$C$346,2,0))^2+(VLOOKUP($A36,városok!$A$2:$C$346,3,0)-VLOOKUP(T$1,városok!$A$2:$C$346,3,0))^2)/1000,0)</f>
        <v>173</v>
      </c>
      <c r="U36">
        <f ca="1">ROUND(SQRT((VLOOKUP($A36,városok!$A$2:$C$346,2,0)-VLOOKUP(U$1,városok!$A$2:$C$346,2,0))^2+(VLOOKUP($A36,városok!$A$2:$C$346,3,0)-VLOOKUP(U$1,városok!$A$2:$C$346,3,0))^2)/1000,0)</f>
        <v>134</v>
      </c>
      <c r="V36">
        <f ca="1">ROUND(SQRT((VLOOKUP($A36,városok!$A$2:$C$346,2,0)-VLOOKUP(V$1,városok!$A$2:$C$346,2,0))^2+(VLOOKUP($A36,városok!$A$2:$C$346,3,0)-VLOOKUP(V$1,városok!$A$2:$C$346,3,0))^2)/1000,0)</f>
        <v>119</v>
      </c>
      <c r="W36">
        <f ca="1">ROUND(SQRT((VLOOKUP($A36,városok!$A$2:$C$346,2,0)-VLOOKUP(W$1,városok!$A$2:$C$346,2,0))^2+(VLOOKUP($A36,városok!$A$2:$C$346,3,0)-VLOOKUP(W$1,városok!$A$2:$C$346,3,0))^2)/1000,0)</f>
        <v>113</v>
      </c>
      <c r="X36">
        <f ca="1">ROUND(SQRT((VLOOKUP($A36,városok!$A$2:$C$346,2,0)-VLOOKUP(X$1,városok!$A$2:$C$346,2,0))^2+(VLOOKUP($A36,városok!$A$2:$C$346,3,0)-VLOOKUP(X$1,városok!$A$2:$C$346,3,0))^2)/1000,0)</f>
        <v>144</v>
      </c>
      <c r="Y36">
        <f ca="1">ROUND(SQRT((VLOOKUP($A36,városok!$A$2:$C$346,2,0)-VLOOKUP(Y$1,városok!$A$2:$C$346,2,0))^2+(VLOOKUP($A36,városok!$A$2:$C$346,3,0)-VLOOKUP(Y$1,városok!$A$2:$C$346,3,0))^2)/1000,0)</f>
        <v>183</v>
      </c>
      <c r="Z36">
        <f ca="1">ROUND(SQRT((VLOOKUP($A36,városok!$A$2:$C$346,2,0)-VLOOKUP(Z$1,városok!$A$2:$C$346,2,0))^2+(VLOOKUP($A36,városok!$A$2:$C$346,3,0)-VLOOKUP(Z$1,városok!$A$2:$C$346,3,0))^2)/1000,0)</f>
        <v>190</v>
      </c>
      <c r="AA36">
        <f ca="1">ROUND(SQRT((VLOOKUP($A36,városok!$A$2:$C$346,2,0)-VLOOKUP(AA$1,városok!$A$2:$C$346,2,0))^2+(VLOOKUP($A36,városok!$A$2:$C$346,3,0)-VLOOKUP(AA$1,városok!$A$2:$C$346,3,0))^2)/1000,0)</f>
        <v>204</v>
      </c>
      <c r="AB36">
        <f ca="1">ROUND(SQRT((VLOOKUP($A36,városok!$A$2:$C$346,2,0)-VLOOKUP(AB$1,városok!$A$2:$C$346,2,0))^2+(VLOOKUP($A36,városok!$A$2:$C$346,3,0)-VLOOKUP(AB$1,városok!$A$2:$C$346,3,0))^2)/1000,0)</f>
        <v>336</v>
      </c>
      <c r="AC36">
        <f ca="1">ROUND(SQRT((VLOOKUP($A36,városok!$A$2:$C$346,2,0)-VLOOKUP(AC$1,városok!$A$2:$C$346,2,0))^2+(VLOOKUP($A36,városok!$A$2:$C$346,3,0)-VLOOKUP(AC$1,városok!$A$2:$C$346,3,0))^2)/1000,0)</f>
        <v>316</v>
      </c>
      <c r="AD36">
        <f ca="1">ROUND(SQRT((VLOOKUP($A36,városok!$A$2:$C$346,2,0)-VLOOKUP(AD$1,városok!$A$2:$C$346,2,0))^2+(VLOOKUP($A36,városok!$A$2:$C$346,3,0)-VLOOKUP(AD$1,városok!$A$2:$C$346,3,0))^2)/1000,0)</f>
        <v>299</v>
      </c>
      <c r="AE36">
        <f ca="1">ROUND(SQRT((VLOOKUP($A36,városok!$A$2:$C$346,2,0)-VLOOKUP(AE$1,városok!$A$2:$C$346,2,0))^2+(VLOOKUP($A36,városok!$A$2:$C$346,3,0)-VLOOKUP(AE$1,városok!$A$2:$C$346,3,0))^2)/1000,0)</f>
        <v>292</v>
      </c>
      <c r="AF36">
        <f ca="1">ROUND(SQRT((VLOOKUP($A36,városok!$A$2:$C$346,2,0)-VLOOKUP(AF$1,városok!$A$2:$C$346,2,0))^2+(VLOOKUP($A36,városok!$A$2:$C$346,3,0)-VLOOKUP(AF$1,városok!$A$2:$C$346,3,0))^2)/1000,0)</f>
        <v>285</v>
      </c>
      <c r="AG36">
        <f ca="1">ROUND(SQRT((VLOOKUP($A36,városok!$A$2:$C$346,2,0)-VLOOKUP(AG$1,városok!$A$2:$C$346,2,0))^2+(VLOOKUP($A36,városok!$A$2:$C$346,3,0)-VLOOKUP(AG$1,városok!$A$2:$C$346,3,0))^2)/1000,0)</f>
        <v>252</v>
      </c>
      <c r="AH36">
        <f ca="1">ROUND(SQRT((VLOOKUP($A36,városok!$A$2:$C$346,2,0)-VLOOKUP(AH$1,városok!$A$2:$C$346,2,0))^2+(VLOOKUP($A36,városok!$A$2:$C$346,3,0)-VLOOKUP(AH$1,városok!$A$2:$C$346,3,0))^2)/1000,0)</f>
        <v>230</v>
      </c>
      <c r="AI36">
        <f ca="1">ROUND(SQRT((VLOOKUP($A36,városok!$A$2:$C$346,2,0)-VLOOKUP(AI$1,városok!$A$2:$C$346,2,0))^2+(VLOOKUP($A36,városok!$A$2:$C$346,3,0)-VLOOKUP(AI$1,városok!$A$2:$C$346,3,0))^2)/1000,0)</f>
        <v>280</v>
      </c>
      <c r="AJ36">
        <f ca="1">ROUND(SQRT((VLOOKUP($A36,városok!$A$2:$C$346,2,0)-VLOOKUP(AJ$1,városok!$A$2:$C$346,2,0))^2+(VLOOKUP($A36,városok!$A$2:$C$346,3,0)-VLOOKUP(AJ$1,városok!$A$2:$C$346,3,0))^2)/1000,0)</f>
        <v>243</v>
      </c>
      <c r="AK36">
        <f ca="1">ROUND(SQRT((VLOOKUP($A36,városok!$A$2:$C$346,2,0)-VLOOKUP(AK$1,városok!$A$2:$C$346,2,0))^2+(VLOOKUP($A36,városok!$A$2:$C$346,3,0)-VLOOKUP(AK$1,városok!$A$2:$C$346,3,0))^2)/1000,0)</f>
        <v>279</v>
      </c>
      <c r="AL36">
        <f ca="1">ROUND(SQRT((VLOOKUP($A36,városok!$A$2:$C$346,2,0)-VLOOKUP(AL$1,városok!$A$2:$C$346,2,0))^2+(VLOOKUP($A36,városok!$A$2:$C$346,3,0)-VLOOKUP(AL$1,városok!$A$2:$C$346,3,0))^2)/1000,0)</f>
        <v>261</v>
      </c>
      <c r="AM36">
        <f ca="1">ROUND(SQRT((VLOOKUP($A36,városok!$A$2:$C$346,2,0)-VLOOKUP(AM$1,városok!$A$2:$C$346,2,0))^2+(VLOOKUP($A36,városok!$A$2:$C$346,3,0)-VLOOKUP(AM$1,városok!$A$2:$C$346,3,0))^2)/1000,0)</f>
        <v>222</v>
      </c>
      <c r="AN36">
        <f ca="1">ROUND(SQRT((VLOOKUP($A36,városok!$A$2:$C$346,2,0)-VLOOKUP(AN$1,városok!$A$2:$C$346,2,0))^2+(VLOOKUP($A36,városok!$A$2:$C$346,3,0)-VLOOKUP(AN$1,városok!$A$2:$C$346,3,0))^2)/1000,0)</f>
        <v>207</v>
      </c>
      <c r="AO36">
        <f ca="1">ROUND(SQRT((VLOOKUP($A36,városok!$A$2:$C$346,2,0)-VLOOKUP(AO$1,városok!$A$2:$C$346,2,0))^2+(VLOOKUP($A36,városok!$A$2:$C$346,3,0)-VLOOKUP(AO$1,városok!$A$2:$C$346,3,0))^2)/1000,0)</f>
        <v>190</v>
      </c>
      <c r="AP36">
        <f ca="1">ROUND(SQRT((VLOOKUP($A36,városok!$A$2:$C$346,2,0)-VLOOKUP(AP$1,városok!$A$2:$C$346,2,0))^2+(VLOOKUP($A36,városok!$A$2:$C$346,3,0)-VLOOKUP(AP$1,városok!$A$2:$C$346,3,0))^2)/1000,0)</f>
        <v>182</v>
      </c>
      <c r="AQ36">
        <f ca="1">ROUND(SQRT((VLOOKUP($A36,városok!$A$2:$C$346,2,0)-VLOOKUP(AQ$1,városok!$A$2:$C$346,2,0))^2+(VLOOKUP($A36,városok!$A$2:$C$346,3,0)-VLOOKUP(AQ$1,városok!$A$2:$C$346,3,0))^2)/1000,0)</f>
        <v>175</v>
      </c>
      <c r="AR36">
        <f ca="1">ROUND(SQRT((VLOOKUP($A36,városok!$A$2:$C$346,2,0)-VLOOKUP(AR$1,városok!$A$2:$C$346,2,0))^2+(VLOOKUP($A36,városok!$A$2:$C$346,3,0)-VLOOKUP(AR$1,városok!$A$2:$C$346,3,0))^2)/1000,0)</f>
        <v>253</v>
      </c>
      <c r="AS36">
        <f ca="1">ROUND(SQRT((VLOOKUP($A36,városok!$A$2:$C$346,2,0)-VLOOKUP(AS$1,városok!$A$2:$C$346,2,0))^2+(VLOOKUP($A36,városok!$A$2:$C$346,3,0)-VLOOKUP(AS$1,városok!$A$2:$C$346,3,0))^2)/1000,0)</f>
        <v>276</v>
      </c>
      <c r="AT36">
        <f ca="1">ROUND(SQRT((VLOOKUP($A36,városok!$A$2:$C$346,2,0)-VLOOKUP(AT$1,városok!$A$2:$C$346,2,0))^2+(VLOOKUP($A36,városok!$A$2:$C$346,3,0)-VLOOKUP(AT$1,városok!$A$2:$C$346,3,0))^2)/1000,0)</f>
        <v>177</v>
      </c>
      <c r="AU36">
        <f ca="1">ROUND(SQRT((VLOOKUP($A36,városok!$A$2:$C$346,2,0)-VLOOKUP(AU$1,városok!$A$2:$C$346,2,0))^2+(VLOOKUP($A36,városok!$A$2:$C$346,3,0)-VLOOKUP(AU$1,városok!$A$2:$C$346,3,0))^2)/1000,0)</f>
        <v>180</v>
      </c>
      <c r="AV36">
        <f ca="1">ROUND(SQRT((VLOOKUP($A36,városok!$A$2:$C$346,2,0)-VLOOKUP(AV$1,városok!$A$2:$C$346,2,0))^2+(VLOOKUP($A36,városok!$A$2:$C$346,3,0)-VLOOKUP(AV$1,városok!$A$2:$C$346,3,0))^2)/1000,0)</f>
        <v>175</v>
      </c>
      <c r="AW36">
        <f ca="1">ROUND(SQRT((VLOOKUP($A36,városok!$A$2:$C$346,2,0)-VLOOKUP(AW$1,városok!$A$2:$C$346,2,0))^2+(VLOOKUP($A36,városok!$A$2:$C$346,3,0)-VLOOKUP(AW$1,városok!$A$2:$C$346,3,0))^2)/1000,0)</f>
        <v>172</v>
      </c>
      <c r="AX36">
        <f ca="1">ROUND(SQRT((VLOOKUP($A36,városok!$A$2:$C$346,2,0)-VLOOKUP(AX$1,városok!$A$2:$C$346,2,0))^2+(VLOOKUP($A36,városok!$A$2:$C$346,3,0)-VLOOKUP(AX$1,városok!$A$2:$C$346,3,0))^2)/1000,0)</f>
        <v>187</v>
      </c>
      <c r="AY36">
        <f ca="1">ROUND(SQRT((VLOOKUP($A36,városok!$A$2:$C$346,2,0)-VLOOKUP(AY$1,városok!$A$2:$C$346,2,0))^2+(VLOOKUP($A36,városok!$A$2:$C$346,3,0)-VLOOKUP(AY$1,városok!$A$2:$C$346,3,0))^2)/1000,0)</f>
        <v>206</v>
      </c>
      <c r="AZ36">
        <f ca="1">ROUND(SQRT((VLOOKUP($A36,városok!$A$2:$C$346,2,0)-VLOOKUP(AZ$1,városok!$A$2:$C$346,2,0))^2+(VLOOKUP($A36,városok!$A$2:$C$346,3,0)-VLOOKUP(AZ$1,városok!$A$2:$C$346,3,0))^2)/1000,0)</f>
        <v>213</v>
      </c>
      <c r="BA36">
        <f ca="1">ROUND(SQRT((VLOOKUP($A36,városok!$A$2:$C$346,2,0)-VLOOKUP(BA$1,városok!$A$2:$C$346,2,0))^2+(VLOOKUP($A36,városok!$A$2:$C$346,3,0)-VLOOKUP(BA$1,városok!$A$2:$C$346,3,0))^2)/1000,0)</f>
        <v>82</v>
      </c>
      <c r="BB36">
        <f ca="1">ROUND(SQRT((VLOOKUP($A36,városok!$A$2:$C$346,2,0)-VLOOKUP(BB$1,városok!$A$2:$C$346,2,0))^2+(VLOOKUP($A36,városok!$A$2:$C$346,3,0)-VLOOKUP(BB$1,városok!$A$2:$C$346,3,0))^2)/1000,0)</f>
        <v>56</v>
      </c>
      <c r="BC36">
        <f ca="1">ROUND(SQRT((VLOOKUP($A36,városok!$A$2:$C$346,2,0)-VLOOKUP(BC$1,városok!$A$2:$C$346,2,0))^2+(VLOOKUP($A36,városok!$A$2:$C$346,3,0)-VLOOKUP(BC$1,városok!$A$2:$C$346,3,0))^2)/1000,0)</f>
        <v>34</v>
      </c>
      <c r="BD36">
        <f ca="1">ROUND(SQRT((VLOOKUP($A36,városok!$A$2:$C$346,2,0)-VLOOKUP(BD$1,városok!$A$2:$C$346,2,0))^2+(VLOOKUP($A36,városok!$A$2:$C$346,3,0)-VLOOKUP(BD$1,városok!$A$2:$C$346,3,0))^2)/1000,0)</f>
        <v>98</v>
      </c>
      <c r="BE36">
        <f ca="1">ROUND(SQRT((VLOOKUP($A36,városok!$A$2:$C$346,2,0)-VLOOKUP(BE$1,városok!$A$2:$C$346,2,0))^2+(VLOOKUP($A36,városok!$A$2:$C$346,3,0)-VLOOKUP(BE$1,városok!$A$2:$C$346,3,0))^2)/1000,0)</f>
        <v>421</v>
      </c>
      <c r="BF36">
        <f ca="1">ROUND(SQRT((VLOOKUP($A36,városok!$A$2:$C$346,2,0)-VLOOKUP(BF$1,városok!$A$2:$C$346,2,0))^2+(VLOOKUP($A36,városok!$A$2:$C$346,3,0)-VLOOKUP(BF$1,városok!$A$2:$C$346,3,0))^2)/1000,0)</f>
        <v>405</v>
      </c>
      <c r="BG36">
        <f ca="1">ROUND(SQRT((VLOOKUP($A36,városok!$A$2:$C$346,2,0)-VLOOKUP(BG$1,városok!$A$2:$C$346,2,0))^2+(VLOOKUP($A36,városok!$A$2:$C$346,3,0)-VLOOKUP(BG$1,városok!$A$2:$C$346,3,0))^2)/1000,0)</f>
        <v>362</v>
      </c>
      <c r="BH36">
        <f ca="1">ROUND(SQRT((VLOOKUP($A36,városok!$A$2:$C$346,2,0)-VLOOKUP(BH$1,városok!$A$2:$C$346,2,0))^2+(VLOOKUP($A36,városok!$A$2:$C$346,3,0)-VLOOKUP(BH$1,városok!$A$2:$C$346,3,0))^2)/1000,0)</f>
        <v>362</v>
      </c>
      <c r="BI36">
        <f ca="1">ROUND(SQRT((VLOOKUP($A36,városok!$A$2:$C$346,2,0)-VLOOKUP(BI$1,városok!$A$2:$C$346,2,0))^2+(VLOOKUP($A36,városok!$A$2:$C$346,3,0)-VLOOKUP(BI$1,városok!$A$2:$C$346,3,0))^2)/1000,0)</f>
        <v>75</v>
      </c>
      <c r="BJ36">
        <f ca="1">ROUND(SQRT((VLOOKUP($A36,városok!$A$2:$C$346,2,0)-VLOOKUP(BJ$1,városok!$A$2:$C$346,2,0))^2+(VLOOKUP($A36,városok!$A$2:$C$346,3,0)-VLOOKUP(BJ$1,városok!$A$2:$C$346,3,0))^2)/1000,0)</f>
        <v>57</v>
      </c>
      <c r="BK36">
        <f ca="1">ROUND(SQRT((VLOOKUP($A36,városok!$A$2:$C$346,2,0)-VLOOKUP(BK$1,városok!$A$2:$C$346,2,0))^2+(VLOOKUP($A36,városok!$A$2:$C$346,3,0)-VLOOKUP(BK$1,városok!$A$2:$C$346,3,0))^2)/1000,0)</f>
        <v>78</v>
      </c>
      <c r="BL36">
        <f ca="1">ROUND(SQRT((VLOOKUP($A36,városok!$A$2:$C$346,2,0)-VLOOKUP(BL$1,városok!$A$2:$C$346,2,0))^2+(VLOOKUP($A36,városok!$A$2:$C$346,3,0)-VLOOKUP(BL$1,városok!$A$2:$C$346,3,0))^2)/1000,0)</f>
        <v>141</v>
      </c>
      <c r="BM36">
        <f ca="1">ROUND(SQRT((VLOOKUP($A36,városok!$A$2:$C$346,2,0)-VLOOKUP(BM$1,városok!$A$2:$C$346,2,0))^2+(VLOOKUP($A36,városok!$A$2:$C$346,3,0)-VLOOKUP(BM$1,városok!$A$2:$C$346,3,0))^2)/1000,0)</f>
        <v>150</v>
      </c>
      <c r="BN36">
        <f ca="1">ROUND(SQRT((VLOOKUP($A36,városok!$A$2:$C$346,2,0)-VLOOKUP(BN$1,városok!$A$2:$C$346,2,0))^2+(VLOOKUP($A36,városok!$A$2:$C$346,3,0)-VLOOKUP(BN$1,városok!$A$2:$C$346,3,0))^2)/1000,0)</f>
        <v>160</v>
      </c>
      <c r="BO36">
        <f ca="1">ROUND(SQRT((VLOOKUP($A36,városok!$A$2:$C$346,2,0)-VLOOKUP(BO$1,városok!$A$2:$C$346,2,0))^2+(VLOOKUP($A36,városok!$A$2:$C$346,3,0)-VLOOKUP(BO$1,városok!$A$2:$C$346,3,0))^2)/1000,0)</f>
        <v>111</v>
      </c>
      <c r="BP36">
        <f ca="1">ROUND(SQRT((VLOOKUP($A36,városok!$A$2:$C$346,2,0)-VLOOKUP(BP$1,városok!$A$2:$C$346,2,0))^2+(VLOOKUP($A36,városok!$A$2:$C$346,3,0)-VLOOKUP(BP$1,városok!$A$2:$C$346,3,0))^2)/1000,0)</f>
        <v>113</v>
      </c>
      <c r="BQ36">
        <f ca="1">ROUND(SQRT((VLOOKUP($A36,városok!$A$2:$C$346,2,0)-VLOOKUP(BQ$1,városok!$A$2:$C$346,2,0))^2+(VLOOKUP($A36,városok!$A$2:$C$346,3,0)-VLOOKUP(BQ$1,városok!$A$2:$C$346,3,0))^2)/1000,0)</f>
        <v>116</v>
      </c>
      <c r="BR36">
        <f ca="1">ROUND(SQRT((VLOOKUP($A36,városok!$A$2:$C$346,2,0)-VLOOKUP(BR$1,városok!$A$2:$C$346,2,0))^2+(VLOOKUP($A36,városok!$A$2:$C$346,3,0)-VLOOKUP(BR$1,városok!$A$2:$C$346,3,0))^2)/1000,0)</f>
        <v>91</v>
      </c>
      <c r="BS36">
        <f ca="1">ROUND(SQRT((VLOOKUP($A36,városok!$A$2:$C$346,2,0)-VLOOKUP(BS$1,városok!$A$2:$C$346,2,0))^2+(VLOOKUP($A36,városok!$A$2:$C$346,3,0)-VLOOKUP(BS$1,városok!$A$2:$C$346,3,0))^2)/1000,0)</f>
        <v>76</v>
      </c>
      <c r="BT36">
        <f ca="1">ROUND(SQRT((VLOOKUP($A36,városok!$A$2:$C$346,2,0)-VLOOKUP(BT$1,városok!$A$2:$C$346,2,0))^2+(VLOOKUP($A36,városok!$A$2:$C$346,3,0)-VLOOKUP(BT$1,városok!$A$2:$C$346,3,0))^2)/1000,0)</f>
        <v>114</v>
      </c>
    </row>
    <row r="37" spans="1:72" x14ac:dyDescent="0.2">
      <c r="A37" t="str">
        <f>városok!A37</f>
        <v>Villány</v>
      </c>
      <c r="B37">
        <f ca="1">ROUND(SQRT((VLOOKUP($A37,városok!$A$2:$C$346,2,0)-VLOOKUP(B$1,városok!$A$2:$C$346,2,0))^2+(VLOOKUP($A37,városok!$A$2:$C$346,3,0)-VLOOKUP(B$1,városok!$A$2:$C$346,3,0))^2)/1000,0)</f>
        <v>53</v>
      </c>
      <c r="C37">
        <f ca="1">ROUND(SQRT((VLOOKUP($A37,városok!$A$2:$C$346,2,0)-VLOOKUP(C$1,városok!$A$2:$C$346,2,0))^2+(VLOOKUP($A37,városok!$A$2:$C$346,3,0)-VLOOKUP(C$1,városok!$A$2:$C$346,3,0))^2)/1000,0)</f>
        <v>84</v>
      </c>
      <c r="D37">
        <f ca="1">ROUND(SQRT((VLOOKUP($A37,városok!$A$2:$C$346,2,0)-VLOOKUP(D$1,városok!$A$2:$C$346,2,0))^2+(VLOOKUP($A37,városok!$A$2:$C$346,3,0)-VLOOKUP(D$1,városok!$A$2:$C$346,3,0))^2)/1000,0)</f>
        <v>150</v>
      </c>
      <c r="E37">
        <f ca="1">ROUND(SQRT((VLOOKUP($A37,városok!$A$2:$C$346,2,0)-VLOOKUP(E$1,városok!$A$2:$C$346,2,0))^2+(VLOOKUP($A37,városok!$A$2:$C$346,3,0)-VLOOKUP(E$1,városok!$A$2:$C$346,3,0))^2)/1000,0)</f>
        <v>39</v>
      </c>
      <c r="F37">
        <f ca="1">ROUND(SQRT((VLOOKUP($A37,városok!$A$2:$C$346,2,0)-VLOOKUP(F$1,városok!$A$2:$C$346,2,0))^2+(VLOOKUP($A37,városok!$A$2:$C$346,3,0)-VLOOKUP(F$1,városok!$A$2:$C$346,3,0))^2)/1000,0)</f>
        <v>23</v>
      </c>
      <c r="G37">
        <f ca="1">ROUND(SQRT((VLOOKUP($A37,városok!$A$2:$C$346,2,0)-VLOOKUP(G$1,városok!$A$2:$C$346,2,0))^2+(VLOOKUP($A37,városok!$A$2:$C$346,3,0)-VLOOKUP(G$1,városok!$A$2:$C$346,3,0))^2)/1000,0)</f>
        <v>29</v>
      </c>
      <c r="H37">
        <f ca="1">ROUND(SQRT((VLOOKUP($A37,városok!$A$2:$C$346,2,0)-VLOOKUP(H$1,városok!$A$2:$C$346,2,0))^2+(VLOOKUP($A37,városok!$A$2:$C$346,3,0)-VLOOKUP(H$1,városok!$A$2:$C$346,3,0))^2)/1000,0)</f>
        <v>55</v>
      </c>
      <c r="I37">
        <f ca="1">ROUND(SQRT((VLOOKUP($A37,városok!$A$2:$C$346,2,0)-VLOOKUP(I$1,városok!$A$2:$C$346,2,0))^2+(VLOOKUP($A37,városok!$A$2:$C$346,3,0)-VLOOKUP(I$1,városok!$A$2:$C$346,3,0))^2)/1000,0)</f>
        <v>221</v>
      </c>
      <c r="J37">
        <f ca="1">ROUND(SQRT((VLOOKUP($A37,városok!$A$2:$C$346,2,0)-VLOOKUP(J$1,városok!$A$2:$C$346,2,0))^2+(VLOOKUP($A37,városok!$A$2:$C$346,3,0)-VLOOKUP(J$1,városok!$A$2:$C$346,3,0))^2)/1000,0)</f>
        <v>234</v>
      </c>
      <c r="K37">
        <f ca="1">ROUND(SQRT((VLOOKUP($A37,városok!$A$2:$C$346,2,0)-VLOOKUP(K$1,városok!$A$2:$C$346,2,0))^2+(VLOOKUP($A37,városok!$A$2:$C$346,3,0)-VLOOKUP(K$1,városok!$A$2:$C$346,3,0))^2)/1000,0)</f>
        <v>187</v>
      </c>
      <c r="L37">
        <f ca="1">ROUND(SQRT((VLOOKUP($A37,városok!$A$2:$C$346,2,0)-VLOOKUP(L$1,városok!$A$2:$C$346,2,0))^2+(VLOOKUP($A37,városok!$A$2:$C$346,3,0)-VLOOKUP(L$1,városok!$A$2:$C$346,3,0))^2)/1000,0)</f>
        <v>313</v>
      </c>
      <c r="M37">
        <f ca="1">ROUND(SQRT((VLOOKUP($A37,városok!$A$2:$C$346,2,0)-VLOOKUP(M$1,városok!$A$2:$C$346,2,0))^2+(VLOOKUP($A37,városok!$A$2:$C$346,3,0)-VLOOKUP(M$1,városok!$A$2:$C$346,3,0))^2)/1000,0)</f>
        <v>306</v>
      </c>
      <c r="N37">
        <f ca="1">ROUND(SQRT((VLOOKUP($A37,városok!$A$2:$C$346,2,0)-VLOOKUP(N$1,városok!$A$2:$C$346,2,0))^2+(VLOOKUP($A37,városok!$A$2:$C$346,3,0)-VLOOKUP(N$1,városok!$A$2:$C$346,3,0))^2)/1000,0)</f>
        <v>297</v>
      </c>
      <c r="O37">
        <f ca="1">ROUND(SQRT((VLOOKUP($A37,városok!$A$2:$C$346,2,0)-VLOOKUP(O$1,városok!$A$2:$C$346,2,0))^2+(VLOOKUP($A37,városok!$A$2:$C$346,3,0)-VLOOKUP(O$1,városok!$A$2:$C$346,3,0))^2)/1000,0)</f>
        <v>371</v>
      </c>
      <c r="P37">
        <f ca="1">ROUND(SQRT((VLOOKUP($A37,városok!$A$2:$C$346,2,0)-VLOOKUP(P$1,városok!$A$2:$C$346,2,0))^2+(VLOOKUP($A37,városok!$A$2:$C$346,3,0)-VLOOKUP(P$1,városok!$A$2:$C$346,3,0))^2)/1000,0)</f>
        <v>371</v>
      </c>
      <c r="Q37">
        <f ca="1">ROUND(SQRT((VLOOKUP($A37,városok!$A$2:$C$346,2,0)-VLOOKUP(Q$1,városok!$A$2:$C$346,2,0))^2+(VLOOKUP($A37,városok!$A$2:$C$346,3,0)-VLOOKUP(Q$1,városok!$A$2:$C$346,3,0))^2)/1000,0)</f>
        <v>157</v>
      </c>
      <c r="R37">
        <f ca="1">ROUND(SQRT((VLOOKUP($A37,városok!$A$2:$C$346,2,0)-VLOOKUP(R$1,városok!$A$2:$C$346,2,0))^2+(VLOOKUP($A37,városok!$A$2:$C$346,3,0)-VLOOKUP(R$1,városok!$A$2:$C$346,3,0))^2)/1000,0)</f>
        <v>161</v>
      </c>
      <c r="S37">
        <f ca="1">ROUND(SQRT((VLOOKUP($A37,városok!$A$2:$C$346,2,0)-VLOOKUP(S$1,városok!$A$2:$C$346,2,0))^2+(VLOOKUP($A37,városok!$A$2:$C$346,3,0)-VLOOKUP(S$1,városok!$A$2:$C$346,3,0))^2)/1000,0)</f>
        <v>139</v>
      </c>
      <c r="T37">
        <f ca="1">ROUND(SQRT((VLOOKUP($A37,városok!$A$2:$C$346,2,0)-VLOOKUP(T$1,városok!$A$2:$C$346,2,0))^2+(VLOOKUP($A37,városok!$A$2:$C$346,3,0)-VLOOKUP(T$1,városok!$A$2:$C$346,3,0))^2)/1000,0)</f>
        <v>181</v>
      </c>
      <c r="U37">
        <f ca="1">ROUND(SQRT((VLOOKUP($A37,városok!$A$2:$C$346,2,0)-VLOOKUP(U$1,városok!$A$2:$C$346,2,0))^2+(VLOOKUP($A37,városok!$A$2:$C$346,3,0)-VLOOKUP(U$1,városok!$A$2:$C$346,3,0))^2)/1000,0)</f>
        <v>128</v>
      </c>
      <c r="V37">
        <f ca="1">ROUND(SQRT((VLOOKUP($A37,városok!$A$2:$C$346,2,0)-VLOOKUP(V$1,városok!$A$2:$C$346,2,0))^2+(VLOOKUP($A37,városok!$A$2:$C$346,3,0)-VLOOKUP(V$1,városok!$A$2:$C$346,3,0))^2)/1000,0)</f>
        <v>133</v>
      </c>
      <c r="W37">
        <f ca="1">ROUND(SQRT((VLOOKUP($A37,városok!$A$2:$C$346,2,0)-VLOOKUP(W$1,városok!$A$2:$C$346,2,0))^2+(VLOOKUP($A37,városok!$A$2:$C$346,3,0)-VLOOKUP(W$1,városok!$A$2:$C$346,3,0))^2)/1000,0)</f>
        <v>114</v>
      </c>
      <c r="X37">
        <f ca="1">ROUND(SQRT((VLOOKUP($A37,városok!$A$2:$C$346,2,0)-VLOOKUP(X$1,városok!$A$2:$C$346,2,0))^2+(VLOOKUP($A37,városok!$A$2:$C$346,3,0)-VLOOKUP(X$1,városok!$A$2:$C$346,3,0))^2)/1000,0)</f>
        <v>159</v>
      </c>
      <c r="Y37">
        <f ca="1">ROUND(SQRT((VLOOKUP($A37,városok!$A$2:$C$346,2,0)-VLOOKUP(Y$1,városok!$A$2:$C$346,2,0))^2+(VLOOKUP($A37,városok!$A$2:$C$346,3,0)-VLOOKUP(Y$1,városok!$A$2:$C$346,3,0))^2)/1000,0)</f>
        <v>212</v>
      </c>
      <c r="Z37">
        <f ca="1">ROUND(SQRT((VLOOKUP($A37,városok!$A$2:$C$346,2,0)-VLOOKUP(Z$1,városok!$A$2:$C$346,2,0))^2+(VLOOKUP($A37,városok!$A$2:$C$346,3,0)-VLOOKUP(Z$1,városok!$A$2:$C$346,3,0))^2)/1000,0)</f>
        <v>223</v>
      </c>
      <c r="AA37">
        <f ca="1">ROUND(SQRT((VLOOKUP($A37,városok!$A$2:$C$346,2,0)-VLOOKUP(AA$1,városok!$A$2:$C$346,2,0))^2+(VLOOKUP($A37,városok!$A$2:$C$346,3,0)-VLOOKUP(AA$1,városok!$A$2:$C$346,3,0))^2)/1000,0)</f>
        <v>248</v>
      </c>
      <c r="AB37">
        <f ca="1">ROUND(SQRT((VLOOKUP($A37,városok!$A$2:$C$346,2,0)-VLOOKUP(AB$1,városok!$A$2:$C$346,2,0))^2+(VLOOKUP($A37,városok!$A$2:$C$346,3,0)-VLOOKUP(AB$1,városok!$A$2:$C$346,3,0))^2)/1000,0)</f>
        <v>305</v>
      </c>
      <c r="AC37">
        <f ca="1">ROUND(SQRT((VLOOKUP($A37,városok!$A$2:$C$346,2,0)-VLOOKUP(AC$1,városok!$A$2:$C$346,2,0))^2+(VLOOKUP($A37,városok!$A$2:$C$346,3,0)-VLOOKUP(AC$1,városok!$A$2:$C$346,3,0))^2)/1000,0)</f>
        <v>285</v>
      </c>
      <c r="AD37">
        <f ca="1">ROUND(SQRT((VLOOKUP($A37,városok!$A$2:$C$346,2,0)-VLOOKUP(AD$1,városok!$A$2:$C$346,2,0))^2+(VLOOKUP($A37,városok!$A$2:$C$346,3,0)-VLOOKUP(AD$1,városok!$A$2:$C$346,3,0))^2)/1000,0)</f>
        <v>270</v>
      </c>
      <c r="AE37">
        <f ca="1">ROUND(SQRT((VLOOKUP($A37,városok!$A$2:$C$346,2,0)-VLOOKUP(AE$1,városok!$A$2:$C$346,2,0))^2+(VLOOKUP($A37,városok!$A$2:$C$346,3,0)-VLOOKUP(AE$1,városok!$A$2:$C$346,3,0))^2)/1000,0)</f>
        <v>261</v>
      </c>
      <c r="AF37">
        <f ca="1">ROUND(SQRT((VLOOKUP($A37,városok!$A$2:$C$346,2,0)-VLOOKUP(AF$1,városok!$A$2:$C$346,2,0))^2+(VLOOKUP($A37,városok!$A$2:$C$346,3,0)-VLOOKUP(AF$1,városok!$A$2:$C$346,3,0))^2)/1000,0)</f>
        <v>269</v>
      </c>
      <c r="AG37">
        <f ca="1">ROUND(SQRT((VLOOKUP($A37,városok!$A$2:$C$346,2,0)-VLOOKUP(AG$1,városok!$A$2:$C$346,2,0))^2+(VLOOKUP($A37,városok!$A$2:$C$346,3,0)-VLOOKUP(AG$1,városok!$A$2:$C$346,3,0))^2)/1000,0)</f>
        <v>241</v>
      </c>
      <c r="AH37">
        <f ca="1">ROUND(SQRT((VLOOKUP($A37,városok!$A$2:$C$346,2,0)-VLOOKUP(AH$1,városok!$A$2:$C$346,2,0))^2+(VLOOKUP($A37,városok!$A$2:$C$346,3,0)-VLOOKUP(AH$1,városok!$A$2:$C$346,3,0))^2)/1000,0)</f>
        <v>221</v>
      </c>
      <c r="AI37">
        <f ca="1">ROUND(SQRT((VLOOKUP($A37,városok!$A$2:$C$346,2,0)-VLOOKUP(AI$1,városok!$A$2:$C$346,2,0))^2+(VLOOKUP($A37,városok!$A$2:$C$346,3,0)-VLOOKUP(AI$1,városok!$A$2:$C$346,3,0))^2)/1000,0)</f>
        <v>270</v>
      </c>
      <c r="AJ37">
        <f ca="1">ROUND(SQRT((VLOOKUP($A37,városok!$A$2:$C$346,2,0)-VLOOKUP(AJ$1,városok!$A$2:$C$346,2,0))^2+(VLOOKUP($A37,városok!$A$2:$C$346,3,0)-VLOOKUP(AJ$1,városok!$A$2:$C$346,3,0))^2)/1000,0)</f>
        <v>229</v>
      </c>
      <c r="AK37">
        <f ca="1">ROUND(SQRT((VLOOKUP($A37,városok!$A$2:$C$346,2,0)-VLOOKUP(AK$1,városok!$A$2:$C$346,2,0))^2+(VLOOKUP($A37,városok!$A$2:$C$346,3,0)-VLOOKUP(AK$1,városok!$A$2:$C$346,3,0))^2)/1000,0)</f>
        <v>249</v>
      </c>
      <c r="AL37">
        <f ca="1">ROUND(SQRT((VLOOKUP($A37,városok!$A$2:$C$346,2,0)-VLOOKUP(AL$1,városok!$A$2:$C$346,2,0))^2+(VLOOKUP($A37,városok!$A$2:$C$346,3,0)-VLOOKUP(AL$1,városok!$A$2:$C$346,3,0))^2)/1000,0)</f>
        <v>236</v>
      </c>
      <c r="AM37">
        <f ca="1">ROUND(SQRT((VLOOKUP($A37,városok!$A$2:$C$346,2,0)-VLOOKUP(AM$1,városok!$A$2:$C$346,2,0))^2+(VLOOKUP($A37,városok!$A$2:$C$346,3,0)-VLOOKUP(AM$1,városok!$A$2:$C$346,3,0))^2)/1000,0)</f>
        <v>197</v>
      </c>
      <c r="AN37">
        <f ca="1">ROUND(SQRT((VLOOKUP($A37,városok!$A$2:$C$346,2,0)-VLOOKUP(AN$1,városok!$A$2:$C$346,2,0))^2+(VLOOKUP($A37,városok!$A$2:$C$346,3,0)-VLOOKUP(AN$1,városok!$A$2:$C$346,3,0))^2)/1000,0)</f>
        <v>215</v>
      </c>
      <c r="AO37">
        <f ca="1">ROUND(SQRT((VLOOKUP($A37,városok!$A$2:$C$346,2,0)-VLOOKUP(AO$1,városok!$A$2:$C$346,2,0))^2+(VLOOKUP($A37,városok!$A$2:$C$346,3,0)-VLOOKUP(AO$1,városok!$A$2:$C$346,3,0))^2)/1000,0)</f>
        <v>210</v>
      </c>
      <c r="AP37">
        <f ca="1">ROUND(SQRT((VLOOKUP($A37,városok!$A$2:$C$346,2,0)-VLOOKUP(AP$1,városok!$A$2:$C$346,2,0))^2+(VLOOKUP($A37,városok!$A$2:$C$346,3,0)-VLOOKUP(AP$1,városok!$A$2:$C$346,3,0))^2)/1000,0)</f>
        <v>198</v>
      </c>
      <c r="AQ37">
        <f ca="1">ROUND(SQRT((VLOOKUP($A37,városok!$A$2:$C$346,2,0)-VLOOKUP(AQ$1,városok!$A$2:$C$346,2,0))^2+(VLOOKUP($A37,városok!$A$2:$C$346,3,0)-VLOOKUP(AQ$1,városok!$A$2:$C$346,3,0))^2)/1000,0)</f>
        <v>189</v>
      </c>
      <c r="AR37">
        <f ca="1">ROUND(SQRT((VLOOKUP($A37,városok!$A$2:$C$346,2,0)-VLOOKUP(AR$1,városok!$A$2:$C$346,2,0))^2+(VLOOKUP($A37,városok!$A$2:$C$346,3,0)-VLOOKUP(AR$1,városok!$A$2:$C$346,3,0))^2)/1000,0)</f>
        <v>247</v>
      </c>
      <c r="AS37">
        <f ca="1">ROUND(SQRT((VLOOKUP($A37,városok!$A$2:$C$346,2,0)-VLOOKUP(AS$1,városok!$A$2:$C$346,2,0))^2+(VLOOKUP($A37,városok!$A$2:$C$346,3,0)-VLOOKUP(AS$1,városok!$A$2:$C$346,3,0))^2)/1000,0)</f>
        <v>270</v>
      </c>
      <c r="AT37">
        <f ca="1">ROUND(SQRT((VLOOKUP($A37,városok!$A$2:$C$346,2,0)-VLOOKUP(AT$1,városok!$A$2:$C$346,2,0))^2+(VLOOKUP($A37,városok!$A$2:$C$346,3,0)-VLOOKUP(AT$1,városok!$A$2:$C$346,3,0))^2)/1000,0)</f>
        <v>181</v>
      </c>
      <c r="AU37">
        <f ca="1">ROUND(SQRT((VLOOKUP($A37,városok!$A$2:$C$346,2,0)-VLOOKUP(AU$1,városok!$A$2:$C$346,2,0))^2+(VLOOKUP($A37,városok!$A$2:$C$346,3,0)-VLOOKUP(AU$1,városok!$A$2:$C$346,3,0))^2)/1000,0)</f>
        <v>181</v>
      </c>
      <c r="AV37">
        <f ca="1">ROUND(SQRT((VLOOKUP($A37,városok!$A$2:$C$346,2,0)-VLOOKUP(AV$1,városok!$A$2:$C$346,2,0))^2+(VLOOKUP($A37,városok!$A$2:$C$346,3,0)-VLOOKUP(AV$1,városok!$A$2:$C$346,3,0))^2)/1000,0)</f>
        <v>176</v>
      </c>
      <c r="AW37">
        <f ca="1">ROUND(SQRT((VLOOKUP($A37,városok!$A$2:$C$346,2,0)-VLOOKUP(AW$1,városok!$A$2:$C$346,2,0))^2+(VLOOKUP($A37,városok!$A$2:$C$346,3,0)-VLOOKUP(AW$1,városok!$A$2:$C$346,3,0))^2)/1000,0)</f>
        <v>173</v>
      </c>
      <c r="AX37">
        <f ca="1">ROUND(SQRT((VLOOKUP($A37,városok!$A$2:$C$346,2,0)-VLOOKUP(AX$1,városok!$A$2:$C$346,2,0))^2+(VLOOKUP($A37,városok!$A$2:$C$346,3,0)-VLOOKUP(AX$1,városok!$A$2:$C$346,3,0))^2)/1000,0)</f>
        <v>165</v>
      </c>
      <c r="AY37">
        <f ca="1">ROUND(SQRT((VLOOKUP($A37,városok!$A$2:$C$346,2,0)-VLOOKUP(AY$1,városok!$A$2:$C$346,2,0))^2+(VLOOKUP($A37,városok!$A$2:$C$346,3,0)-VLOOKUP(AY$1,városok!$A$2:$C$346,3,0))^2)/1000,0)</f>
        <v>207</v>
      </c>
      <c r="AZ37">
        <f ca="1">ROUND(SQRT((VLOOKUP($A37,városok!$A$2:$C$346,2,0)-VLOOKUP(AZ$1,városok!$A$2:$C$346,2,0))^2+(VLOOKUP($A37,városok!$A$2:$C$346,3,0)-VLOOKUP(AZ$1,városok!$A$2:$C$346,3,0))^2)/1000,0)</f>
        <v>217</v>
      </c>
      <c r="BA37">
        <f ca="1">ROUND(SQRT((VLOOKUP($A37,városok!$A$2:$C$346,2,0)-VLOOKUP(BA$1,városok!$A$2:$C$346,2,0))^2+(VLOOKUP($A37,városok!$A$2:$C$346,3,0)-VLOOKUP(BA$1,városok!$A$2:$C$346,3,0))^2)/1000,0)</f>
        <v>117</v>
      </c>
      <c r="BB37">
        <f ca="1">ROUND(SQRT((VLOOKUP($A37,városok!$A$2:$C$346,2,0)-VLOOKUP(BB$1,városok!$A$2:$C$346,2,0))^2+(VLOOKUP($A37,városok!$A$2:$C$346,3,0)-VLOOKUP(BB$1,városok!$A$2:$C$346,3,0))^2)/1000,0)</f>
        <v>84</v>
      </c>
      <c r="BC37">
        <f ca="1">ROUND(SQRT((VLOOKUP($A37,városok!$A$2:$C$346,2,0)-VLOOKUP(BC$1,városok!$A$2:$C$346,2,0))^2+(VLOOKUP($A37,városok!$A$2:$C$346,3,0)-VLOOKUP(BC$1,városok!$A$2:$C$346,3,0))^2)/1000,0)</f>
        <v>75</v>
      </c>
      <c r="BD37">
        <f ca="1">ROUND(SQRT((VLOOKUP($A37,városok!$A$2:$C$346,2,0)-VLOOKUP(BD$1,városok!$A$2:$C$346,2,0))^2+(VLOOKUP($A37,városok!$A$2:$C$346,3,0)-VLOOKUP(BD$1,városok!$A$2:$C$346,3,0))^2)/1000,0)</f>
        <v>120</v>
      </c>
      <c r="BE37">
        <f ca="1">ROUND(SQRT((VLOOKUP($A37,városok!$A$2:$C$346,2,0)-VLOOKUP(BE$1,városok!$A$2:$C$346,2,0))^2+(VLOOKUP($A37,városok!$A$2:$C$346,3,0)-VLOOKUP(BE$1,városok!$A$2:$C$346,3,0))^2)/1000,0)</f>
        <v>389</v>
      </c>
      <c r="BF37">
        <f ca="1">ROUND(SQRT((VLOOKUP($A37,városok!$A$2:$C$346,2,0)-VLOOKUP(BF$1,városok!$A$2:$C$346,2,0))^2+(VLOOKUP($A37,városok!$A$2:$C$346,3,0)-VLOOKUP(BF$1,városok!$A$2:$C$346,3,0))^2)/1000,0)</f>
        <v>380</v>
      </c>
      <c r="BG37">
        <f ca="1">ROUND(SQRT((VLOOKUP($A37,városok!$A$2:$C$346,2,0)-VLOOKUP(BG$1,városok!$A$2:$C$346,2,0))^2+(VLOOKUP($A37,városok!$A$2:$C$346,3,0)-VLOOKUP(BG$1,városok!$A$2:$C$346,3,0))^2)/1000,0)</f>
        <v>340</v>
      </c>
      <c r="BH37">
        <f ca="1">ROUND(SQRT((VLOOKUP($A37,városok!$A$2:$C$346,2,0)-VLOOKUP(BH$1,városok!$A$2:$C$346,2,0))^2+(VLOOKUP($A37,városok!$A$2:$C$346,3,0)-VLOOKUP(BH$1,városok!$A$2:$C$346,3,0))^2)/1000,0)</f>
        <v>340</v>
      </c>
      <c r="BI37">
        <f ca="1">ROUND(SQRT((VLOOKUP($A37,városok!$A$2:$C$346,2,0)-VLOOKUP(BI$1,városok!$A$2:$C$346,2,0))^2+(VLOOKUP($A37,városok!$A$2:$C$346,3,0)-VLOOKUP(BI$1,városok!$A$2:$C$346,3,0))^2)/1000,0)</f>
        <v>60</v>
      </c>
      <c r="BJ37">
        <f ca="1">ROUND(SQRT((VLOOKUP($A37,városok!$A$2:$C$346,2,0)-VLOOKUP(BJ$1,városok!$A$2:$C$346,2,0))^2+(VLOOKUP($A37,városok!$A$2:$C$346,3,0)-VLOOKUP(BJ$1,városok!$A$2:$C$346,3,0))^2)/1000,0)</f>
        <v>46</v>
      </c>
      <c r="BK37">
        <f ca="1">ROUND(SQRT((VLOOKUP($A37,városok!$A$2:$C$346,2,0)-VLOOKUP(BK$1,városok!$A$2:$C$346,2,0))^2+(VLOOKUP($A37,városok!$A$2:$C$346,3,0)-VLOOKUP(BK$1,városok!$A$2:$C$346,3,0))^2)/1000,0)</f>
        <v>57</v>
      </c>
      <c r="BL37">
        <f ca="1">ROUND(SQRT((VLOOKUP($A37,városok!$A$2:$C$346,2,0)-VLOOKUP(BL$1,városok!$A$2:$C$346,2,0))^2+(VLOOKUP($A37,városok!$A$2:$C$346,3,0)-VLOOKUP(BL$1,városok!$A$2:$C$346,3,0))^2)/1000,0)</f>
        <v>191</v>
      </c>
      <c r="BM37">
        <f ca="1">ROUND(SQRT((VLOOKUP($A37,városok!$A$2:$C$346,2,0)-VLOOKUP(BM$1,városok!$A$2:$C$346,2,0))^2+(VLOOKUP($A37,városok!$A$2:$C$346,3,0)-VLOOKUP(BM$1,városok!$A$2:$C$346,3,0))^2)/1000,0)</f>
        <v>193</v>
      </c>
      <c r="BN37">
        <f ca="1">ROUND(SQRT((VLOOKUP($A37,városok!$A$2:$C$346,2,0)-VLOOKUP(BN$1,városok!$A$2:$C$346,2,0))^2+(VLOOKUP($A37,városok!$A$2:$C$346,3,0)-VLOOKUP(BN$1,városok!$A$2:$C$346,3,0))^2)/1000,0)</f>
        <v>207</v>
      </c>
      <c r="BO37">
        <f ca="1">ROUND(SQRT((VLOOKUP($A37,városok!$A$2:$C$346,2,0)-VLOOKUP(BO$1,városok!$A$2:$C$346,2,0))^2+(VLOOKUP($A37,városok!$A$2:$C$346,3,0)-VLOOKUP(BO$1,városok!$A$2:$C$346,3,0))^2)/1000,0)</f>
        <v>134</v>
      </c>
      <c r="BP37">
        <f ca="1">ROUND(SQRT((VLOOKUP($A37,városok!$A$2:$C$346,2,0)-VLOOKUP(BP$1,városok!$A$2:$C$346,2,0))^2+(VLOOKUP($A37,városok!$A$2:$C$346,3,0)-VLOOKUP(BP$1,városok!$A$2:$C$346,3,0))^2)/1000,0)</f>
        <v>133</v>
      </c>
      <c r="BQ37">
        <f ca="1">ROUND(SQRT((VLOOKUP($A37,városok!$A$2:$C$346,2,0)-VLOOKUP(BQ$1,városok!$A$2:$C$346,2,0))^2+(VLOOKUP($A37,városok!$A$2:$C$346,3,0)-VLOOKUP(BQ$1,városok!$A$2:$C$346,3,0))^2)/1000,0)</f>
        <v>142</v>
      </c>
      <c r="BR37">
        <f ca="1">ROUND(SQRT((VLOOKUP($A37,városok!$A$2:$C$346,2,0)-VLOOKUP(BR$1,városok!$A$2:$C$346,2,0))^2+(VLOOKUP($A37,városok!$A$2:$C$346,3,0)-VLOOKUP(BR$1,városok!$A$2:$C$346,3,0))^2)/1000,0)</f>
        <v>136</v>
      </c>
      <c r="BS37">
        <f ca="1">ROUND(SQRT((VLOOKUP($A37,városok!$A$2:$C$346,2,0)-VLOOKUP(BS$1,városok!$A$2:$C$346,2,0))^2+(VLOOKUP($A37,városok!$A$2:$C$346,3,0)-VLOOKUP(BS$1,városok!$A$2:$C$346,3,0))^2)/1000,0)</f>
        <v>130</v>
      </c>
      <c r="BT37">
        <f ca="1">ROUND(SQRT((VLOOKUP($A37,városok!$A$2:$C$346,2,0)-VLOOKUP(BT$1,városok!$A$2:$C$346,2,0))^2+(VLOOKUP($A37,városok!$A$2:$C$346,3,0)-VLOOKUP(BT$1,városok!$A$2:$C$346,3,0))^2)/1000,0)</f>
        <v>164</v>
      </c>
    </row>
    <row r="38" spans="1:72" x14ac:dyDescent="0.2">
      <c r="A38" t="str">
        <f>városok!A38</f>
        <v>Battonya</v>
      </c>
      <c r="B38">
        <f ca="1">ROUND(SQRT((VLOOKUP($A38,városok!$A$2:$C$346,2,0)-VLOOKUP(B$1,városok!$A$2:$C$346,2,0))^2+(VLOOKUP($A38,városok!$A$2:$C$346,3,0)-VLOOKUP(B$1,városok!$A$2:$C$346,3,0))^2)/1000,0)</f>
        <v>159</v>
      </c>
      <c r="C38">
        <f ca="1">ROUND(SQRT((VLOOKUP($A38,városok!$A$2:$C$346,2,0)-VLOOKUP(C$1,városok!$A$2:$C$346,2,0))^2+(VLOOKUP($A38,városok!$A$2:$C$346,3,0)-VLOOKUP(C$1,városok!$A$2:$C$346,3,0))^2)/1000,0)</f>
        <v>159</v>
      </c>
      <c r="D38">
        <f ca="1">ROUND(SQRT((VLOOKUP($A38,városok!$A$2:$C$346,2,0)-VLOOKUP(D$1,városok!$A$2:$C$346,2,0))^2+(VLOOKUP($A38,városok!$A$2:$C$346,3,0)-VLOOKUP(D$1,városok!$A$2:$C$346,3,0))^2)/1000,0)</f>
        <v>123</v>
      </c>
      <c r="E38">
        <f ca="1">ROUND(SQRT((VLOOKUP($A38,városok!$A$2:$C$346,2,0)-VLOOKUP(E$1,városok!$A$2:$C$346,2,0))^2+(VLOOKUP($A38,városok!$A$2:$C$346,3,0)-VLOOKUP(E$1,városok!$A$2:$C$346,3,0))^2)/1000,0)</f>
        <v>213</v>
      </c>
      <c r="F38">
        <f ca="1">ROUND(SQRT((VLOOKUP($A38,városok!$A$2:$C$346,2,0)-VLOOKUP(F$1,városok!$A$2:$C$346,2,0))^2+(VLOOKUP($A38,városok!$A$2:$C$346,3,0)-VLOOKUP(F$1,városok!$A$2:$C$346,3,0))^2)/1000,0)</f>
        <v>183</v>
      </c>
      <c r="G38">
        <f ca="1">ROUND(SQRT((VLOOKUP($A38,városok!$A$2:$C$346,2,0)-VLOOKUP(G$1,városok!$A$2:$C$346,2,0))^2+(VLOOKUP($A38,városok!$A$2:$C$346,3,0)-VLOOKUP(G$1,városok!$A$2:$C$346,3,0))^2)/1000,0)</f>
        <v>215</v>
      </c>
      <c r="H38">
        <f ca="1">ROUND(SQRT((VLOOKUP($A38,városok!$A$2:$C$346,2,0)-VLOOKUP(H$1,városok!$A$2:$C$346,2,0))^2+(VLOOKUP($A38,városok!$A$2:$C$346,3,0)-VLOOKUP(H$1,városok!$A$2:$C$346,3,0))^2)/1000,0)</f>
        <v>250</v>
      </c>
      <c r="I38">
        <f ca="1">ROUND(SQRT((VLOOKUP($A38,városok!$A$2:$C$346,2,0)-VLOOKUP(I$1,városok!$A$2:$C$346,2,0))^2+(VLOOKUP($A38,városok!$A$2:$C$346,3,0)-VLOOKUP(I$1,városok!$A$2:$C$346,3,0))^2)/1000,0)</f>
        <v>44</v>
      </c>
      <c r="J38">
        <f ca="1">ROUND(SQRT((VLOOKUP($A38,városok!$A$2:$C$346,2,0)-VLOOKUP(J$1,városok!$A$2:$C$346,2,0))^2+(VLOOKUP($A38,városok!$A$2:$C$346,3,0)-VLOOKUP(J$1,városok!$A$2:$C$346,3,0))^2)/1000,0)</f>
        <v>45</v>
      </c>
      <c r="K38">
        <f ca="1">ROUND(SQRT((VLOOKUP($A38,városok!$A$2:$C$346,2,0)-VLOOKUP(K$1,városok!$A$2:$C$346,2,0))^2+(VLOOKUP($A38,városok!$A$2:$C$346,3,0)-VLOOKUP(K$1,városok!$A$2:$C$346,3,0))^2)/1000,0)</f>
        <v>41</v>
      </c>
      <c r="L38">
        <f ca="1">ROUND(SQRT((VLOOKUP($A38,városok!$A$2:$C$346,2,0)-VLOOKUP(L$1,városok!$A$2:$C$346,2,0))^2+(VLOOKUP($A38,városok!$A$2:$C$346,3,0)-VLOOKUP(L$1,városok!$A$2:$C$346,3,0))^2)/1000,0)</f>
        <v>221</v>
      </c>
      <c r="M38">
        <f ca="1">ROUND(SQRT((VLOOKUP($A38,városok!$A$2:$C$346,2,0)-VLOOKUP(M$1,városok!$A$2:$C$346,2,0))^2+(VLOOKUP($A38,városok!$A$2:$C$346,3,0)-VLOOKUP(M$1,városok!$A$2:$C$346,3,0))^2)/1000,0)</f>
        <v>203</v>
      </c>
      <c r="N38">
        <f ca="1">ROUND(SQRT((VLOOKUP($A38,városok!$A$2:$C$346,2,0)-VLOOKUP(N$1,városok!$A$2:$C$346,2,0))^2+(VLOOKUP($A38,városok!$A$2:$C$346,3,0)-VLOOKUP(N$1,városok!$A$2:$C$346,3,0))^2)/1000,0)</f>
        <v>222</v>
      </c>
      <c r="O38">
        <f ca="1">ROUND(SQRT((VLOOKUP($A38,városok!$A$2:$C$346,2,0)-VLOOKUP(O$1,városok!$A$2:$C$346,2,0))^2+(VLOOKUP($A38,városok!$A$2:$C$346,3,0)-VLOOKUP(O$1,városok!$A$2:$C$346,3,0))^2)/1000,0)</f>
        <v>239</v>
      </c>
      <c r="P38">
        <f ca="1">ROUND(SQRT((VLOOKUP($A38,városok!$A$2:$C$346,2,0)-VLOOKUP(P$1,városok!$A$2:$C$346,2,0))^2+(VLOOKUP($A38,városok!$A$2:$C$346,3,0)-VLOOKUP(P$1,városok!$A$2:$C$346,3,0))^2)/1000,0)</f>
        <v>240</v>
      </c>
      <c r="Q38">
        <f ca="1">ROUND(SQRT((VLOOKUP($A38,városok!$A$2:$C$346,2,0)-VLOOKUP(Q$1,városok!$A$2:$C$346,2,0))^2+(VLOOKUP($A38,városok!$A$2:$C$346,3,0)-VLOOKUP(Q$1,városok!$A$2:$C$346,3,0))^2)/1000,0)</f>
        <v>55</v>
      </c>
      <c r="R38">
        <f ca="1">ROUND(SQRT((VLOOKUP($A38,városok!$A$2:$C$346,2,0)-VLOOKUP(R$1,városok!$A$2:$C$346,2,0))^2+(VLOOKUP($A38,városok!$A$2:$C$346,3,0)-VLOOKUP(R$1,városok!$A$2:$C$346,3,0))^2)/1000,0)</f>
        <v>42</v>
      </c>
      <c r="S38">
        <f ca="1">ROUND(SQRT((VLOOKUP($A38,városok!$A$2:$C$346,2,0)-VLOOKUP(S$1,városok!$A$2:$C$346,2,0))^2+(VLOOKUP($A38,városok!$A$2:$C$346,3,0)-VLOOKUP(S$1,városok!$A$2:$C$346,3,0))^2)/1000,0)</f>
        <v>66</v>
      </c>
      <c r="T38">
        <f ca="1">ROUND(SQRT((VLOOKUP($A38,városok!$A$2:$C$346,2,0)-VLOOKUP(T$1,városok!$A$2:$C$346,2,0))^2+(VLOOKUP($A38,városok!$A$2:$C$346,3,0)-VLOOKUP(T$1,városok!$A$2:$C$346,3,0))^2)/1000,0)</f>
        <v>225</v>
      </c>
      <c r="U38">
        <f ca="1">ROUND(SQRT((VLOOKUP($A38,városok!$A$2:$C$346,2,0)-VLOOKUP(U$1,városok!$A$2:$C$346,2,0))^2+(VLOOKUP($A38,városok!$A$2:$C$346,3,0)-VLOOKUP(U$1,városok!$A$2:$C$346,3,0))^2)/1000,0)</f>
        <v>176</v>
      </c>
      <c r="V38">
        <f ca="1">ROUND(SQRT((VLOOKUP($A38,városok!$A$2:$C$346,2,0)-VLOOKUP(V$1,városok!$A$2:$C$346,2,0))^2+(VLOOKUP($A38,városok!$A$2:$C$346,3,0)-VLOOKUP(V$1,városok!$A$2:$C$346,3,0))^2)/1000,0)</f>
        <v>225</v>
      </c>
      <c r="W38">
        <f ca="1">ROUND(SQRT((VLOOKUP($A38,városok!$A$2:$C$346,2,0)-VLOOKUP(W$1,városok!$A$2:$C$346,2,0))^2+(VLOOKUP($A38,városok!$A$2:$C$346,3,0)-VLOOKUP(W$1,városok!$A$2:$C$346,3,0))^2)/1000,0)</f>
        <v>195</v>
      </c>
      <c r="X38">
        <f ca="1">ROUND(SQRT((VLOOKUP($A38,városok!$A$2:$C$346,2,0)-VLOOKUP(X$1,városok!$A$2:$C$346,2,0))^2+(VLOOKUP($A38,városok!$A$2:$C$346,3,0)-VLOOKUP(X$1,városok!$A$2:$C$346,3,0))^2)/1000,0)</f>
        <v>234</v>
      </c>
      <c r="Y38">
        <f ca="1">ROUND(SQRT((VLOOKUP($A38,városok!$A$2:$C$346,2,0)-VLOOKUP(Y$1,városok!$A$2:$C$346,2,0))^2+(VLOOKUP($A38,városok!$A$2:$C$346,3,0)-VLOOKUP(Y$1,városok!$A$2:$C$346,3,0))^2)/1000,0)</f>
        <v>301</v>
      </c>
      <c r="Z38">
        <f ca="1">ROUND(SQRT((VLOOKUP($A38,városok!$A$2:$C$346,2,0)-VLOOKUP(Z$1,városok!$A$2:$C$346,2,0))^2+(VLOOKUP($A38,városok!$A$2:$C$346,3,0)-VLOOKUP(Z$1,városok!$A$2:$C$346,3,0))^2)/1000,0)</f>
        <v>319</v>
      </c>
      <c r="AA38">
        <f ca="1">ROUND(SQRT((VLOOKUP($A38,városok!$A$2:$C$346,2,0)-VLOOKUP(AA$1,városok!$A$2:$C$346,2,0))^2+(VLOOKUP($A38,városok!$A$2:$C$346,3,0)-VLOOKUP(AA$1,városok!$A$2:$C$346,3,0))^2)/1000,0)</f>
        <v>371</v>
      </c>
      <c r="AB38">
        <f ca="1">ROUND(SQRT((VLOOKUP($A38,városok!$A$2:$C$346,2,0)-VLOOKUP(AB$1,városok!$A$2:$C$346,2,0))^2+(VLOOKUP($A38,városok!$A$2:$C$346,3,0)-VLOOKUP(AB$1,városok!$A$2:$C$346,3,0))^2)/1000,0)</f>
        <v>146</v>
      </c>
      <c r="AC38">
        <f ca="1">ROUND(SQRT((VLOOKUP($A38,városok!$A$2:$C$346,2,0)-VLOOKUP(AC$1,városok!$A$2:$C$346,2,0))^2+(VLOOKUP($A38,városok!$A$2:$C$346,3,0)-VLOOKUP(AC$1,városok!$A$2:$C$346,3,0))^2)/1000,0)</f>
        <v>132</v>
      </c>
      <c r="AD38">
        <f ca="1">ROUND(SQRT((VLOOKUP($A38,városok!$A$2:$C$346,2,0)-VLOOKUP(AD$1,városok!$A$2:$C$346,2,0))^2+(VLOOKUP($A38,városok!$A$2:$C$346,3,0)-VLOOKUP(AD$1,városok!$A$2:$C$346,3,0))^2)/1000,0)</f>
        <v>127</v>
      </c>
      <c r="AE38">
        <f ca="1">ROUND(SQRT((VLOOKUP($A38,városok!$A$2:$C$346,2,0)-VLOOKUP(AE$1,városok!$A$2:$C$346,2,0))^2+(VLOOKUP($A38,városok!$A$2:$C$346,3,0)-VLOOKUP(AE$1,városok!$A$2:$C$346,3,0))^2)/1000,0)</f>
        <v>111</v>
      </c>
      <c r="AF38">
        <f ca="1">ROUND(SQRT((VLOOKUP($A38,városok!$A$2:$C$346,2,0)-VLOOKUP(AF$1,városok!$A$2:$C$346,2,0))^2+(VLOOKUP($A38,városok!$A$2:$C$346,3,0)-VLOOKUP(AF$1,városok!$A$2:$C$346,3,0))^2)/1000,0)</f>
        <v>186</v>
      </c>
      <c r="AG38">
        <f ca="1">ROUND(SQRT((VLOOKUP($A38,városok!$A$2:$C$346,2,0)-VLOOKUP(AG$1,városok!$A$2:$C$346,2,0))^2+(VLOOKUP($A38,városok!$A$2:$C$346,3,0)-VLOOKUP(AG$1,városok!$A$2:$C$346,3,0))^2)/1000,0)</f>
        <v>186</v>
      </c>
      <c r="AH38">
        <f ca="1">ROUND(SQRT((VLOOKUP($A38,városok!$A$2:$C$346,2,0)-VLOOKUP(AH$1,városok!$A$2:$C$346,2,0))^2+(VLOOKUP($A38,városok!$A$2:$C$346,3,0)-VLOOKUP(AH$1,városok!$A$2:$C$346,3,0))^2)/1000,0)</f>
        <v>184</v>
      </c>
      <c r="AI38">
        <f ca="1">ROUND(SQRT((VLOOKUP($A38,városok!$A$2:$C$346,2,0)-VLOOKUP(AI$1,városok!$A$2:$C$346,2,0))^2+(VLOOKUP($A38,városok!$A$2:$C$346,3,0)-VLOOKUP(AI$1,városok!$A$2:$C$346,3,0))^2)/1000,0)</f>
        <v>205</v>
      </c>
      <c r="AJ38">
        <f ca="1">ROUND(SQRT((VLOOKUP($A38,városok!$A$2:$C$346,2,0)-VLOOKUP(AJ$1,városok!$A$2:$C$346,2,0))^2+(VLOOKUP($A38,városok!$A$2:$C$346,3,0)-VLOOKUP(AJ$1,városok!$A$2:$C$346,3,0))^2)/1000,0)</f>
        <v>170</v>
      </c>
      <c r="AK38">
        <f ca="1">ROUND(SQRT((VLOOKUP($A38,városok!$A$2:$C$346,2,0)-VLOOKUP(AK$1,városok!$A$2:$C$346,2,0))^2+(VLOOKUP($A38,városok!$A$2:$C$346,3,0)-VLOOKUP(AK$1,városok!$A$2:$C$346,3,0))^2)/1000,0)</f>
        <v>111</v>
      </c>
      <c r="AL38">
        <f ca="1">ROUND(SQRT((VLOOKUP($A38,városok!$A$2:$C$346,2,0)-VLOOKUP(AL$1,városok!$A$2:$C$346,2,0))^2+(VLOOKUP($A38,városok!$A$2:$C$346,3,0)-VLOOKUP(AL$1,városok!$A$2:$C$346,3,0))^2)/1000,0)</f>
        <v>124</v>
      </c>
      <c r="AM38">
        <f ca="1">ROUND(SQRT((VLOOKUP($A38,városok!$A$2:$C$346,2,0)-VLOOKUP(AM$1,városok!$A$2:$C$346,2,0))^2+(VLOOKUP($A38,városok!$A$2:$C$346,3,0)-VLOOKUP(AM$1,városok!$A$2:$C$346,3,0))^2)/1000,0)</f>
        <v>118</v>
      </c>
      <c r="AN38">
        <f ca="1">ROUND(SQRT((VLOOKUP($A38,városok!$A$2:$C$346,2,0)-VLOOKUP(AN$1,városok!$A$2:$C$346,2,0))^2+(VLOOKUP($A38,városok!$A$2:$C$346,3,0)-VLOOKUP(AN$1,városok!$A$2:$C$346,3,0))^2)/1000,0)</f>
        <v>240</v>
      </c>
      <c r="AO38">
        <f ca="1">ROUND(SQRT((VLOOKUP($A38,városok!$A$2:$C$346,2,0)-VLOOKUP(AO$1,városok!$A$2:$C$346,2,0))^2+(VLOOKUP($A38,városok!$A$2:$C$346,3,0)-VLOOKUP(AO$1,városok!$A$2:$C$346,3,0))^2)/1000,0)</f>
        <v>273</v>
      </c>
      <c r="AP38">
        <f ca="1">ROUND(SQRT((VLOOKUP($A38,városok!$A$2:$C$346,2,0)-VLOOKUP(AP$1,városok!$A$2:$C$346,2,0))^2+(VLOOKUP($A38,városok!$A$2:$C$346,3,0)-VLOOKUP(AP$1,városok!$A$2:$C$346,3,0))^2)/1000,0)</f>
        <v>254</v>
      </c>
      <c r="AQ38">
        <f ca="1">ROUND(SQRT((VLOOKUP($A38,városok!$A$2:$C$346,2,0)-VLOOKUP(AQ$1,városok!$A$2:$C$346,2,0))^2+(VLOOKUP($A38,városok!$A$2:$C$346,3,0)-VLOOKUP(AQ$1,városok!$A$2:$C$346,3,0))^2)/1000,0)</f>
        <v>244</v>
      </c>
      <c r="AR38">
        <f ca="1">ROUND(SQRT((VLOOKUP($A38,városok!$A$2:$C$346,2,0)-VLOOKUP(AR$1,városok!$A$2:$C$346,2,0))^2+(VLOOKUP($A38,városok!$A$2:$C$346,3,0)-VLOOKUP(AR$1,városok!$A$2:$C$346,3,0))^2)/1000,0)</f>
        <v>207</v>
      </c>
      <c r="AS38">
        <f ca="1">ROUND(SQRT((VLOOKUP($A38,városok!$A$2:$C$346,2,0)-VLOOKUP(AS$1,városok!$A$2:$C$346,2,0))^2+(VLOOKUP($A38,városok!$A$2:$C$346,3,0)-VLOOKUP(AS$1,városok!$A$2:$C$346,3,0))^2)/1000,0)</f>
        <v>222</v>
      </c>
      <c r="AT38">
        <f ca="1">ROUND(SQRT((VLOOKUP($A38,városok!$A$2:$C$346,2,0)-VLOOKUP(AT$1,városok!$A$2:$C$346,2,0))^2+(VLOOKUP($A38,városok!$A$2:$C$346,3,0)-VLOOKUP(AT$1,városok!$A$2:$C$346,3,0))^2)/1000,0)</f>
        <v>213</v>
      </c>
      <c r="AU38">
        <f ca="1">ROUND(SQRT((VLOOKUP($A38,városok!$A$2:$C$346,2,0)-VLOOKUP(AU$1,városok!$A$2:$C$346,2,0))^2+(VLOOKUP($A38,városok!$A$2:$C$346,3,0)-VLOOKUP(AU$1,városok!$A$2:$C$346,3,0))^2)/1000,0)</f>
        <v>204</v>
      </c>
      <c r="AV38">
        <f ca="1">ROUND(SQRT((VLOOKUP($A38,városok!$A$2:$C$346,2,0)-VLOOKUP(AV$1,városok!$A$2:$C$346,2,0))^2+(VLOOKUP($A38,városok!$A$2:$C$346,3,0)-VLOOKUP(AV$1,városok!$A$2:$C$346,3,0))^2)/1000,0)</f>
        <v>201</v>
      </c>
      <c r="AW38">
        <f ca="1">ROUND(SQRT((VLOOKUP($A38,városok!$A$2:$C$346,2,0)-VLOOKUP(AW$1,városok!$A$2:$C$346,2,0))^2+(VLOOKUP($A38,városok!$A$2:$C$346,3,0)-VLOOKUP(AW$1,városok!$A$2:$C$346,3,0))^2)/1000,0)</f>
        <v>202</v>
      </c>
      <c r="AX38">
        <f ca="1">ROUND(SQRT((VLOOKUP($A38,városok!$A$2:$C$346,2,0)-VLOOKUP(AX$1,városok!$A$2:$C$346,2,0))^2+(VLOOKUP($A38,városok!$A$2:$C$346,3,0)-VLOOKUP(AX$1,városok!$A$2:$C$346,3,0))^2)/1000,0)</f>
        <v>126</v>
      </c>
      <c r="AY38">
        <f ca="1">ROUND(SQRT((VLOOKUP($A38,városok!$A$2:$C$346,2,0)-VLOOKUP(AY$1,városok!$A$2:$C$346,2,0))^2+(VLOOKUP($A38,városok!$A$2:$C$346,3,0)-VLOOKUP(AY$1,városok!$A$2:$C$346,3,0))^2)/1000,0)</f>
        <v>215</v>
      </c>
      <c r="AZ38">
        <f ca="1">ROUND(SQRT((VLOOKUP($A38,városok!$A$2:$C$346,2,0)-VLOOKUP(AZ$1,városok!$A$2:$C$346,2,0))^2+(VLOOKUP($A38,városok!$A$2:$C$346,3,0)-VLOOKUP(AZ$1,városok!$A$2:$C$346,3,0))^2)/1000,0)</f>
        <v>228</v>
      </c>
      <c r="BA38">
        <f ca="1">ROUND(SQRT((VLOOKUP($A38,városok!$A$2:$C$346,2,0)-VLOOKUP(BA$1,városok!$A$2:$C$346,2,0))^2+(VLOOKUP($A38,városok!$A$2:$C$346,3,0)-VLOOKUP(BA$1,városok!$A$2:$C$346,3,0))^2)/1000,0)</f>
        <v>260</v>
      </c>
      <c r="BB38">
        <f ca="1">ROUND(SQRT((VLOOKUP($A38,városok!$A$2:$C$346,2,0)-VLOOKUP(BB$1,városok!$A$2:$C$346,2,0))^2+(VLOOKUP($A38,városok!$A$2:$C$346,3,0)-VLOOKUP(BB$1,városok!$A$2:$C$346,3,0))^2)/1000,0)</f>
        <v>238</v>
      </c>
      <c r="BC38">
        <f ca="1">ROUND(SQRT((VLOOKUP($A38,városok!$A$2:$C$346,2,0)-VLOOKUP(BC$1,városok!$A$2:$C$346,2,0))^2+(VLOOKUP($A38,városok!$A$2:$C$346,3,0)-VLOOKUP(BC$1,városok!$A$2:$C$346,3,0))^2)/1000,0)</f>
        <v>248</v>
      </c>
      <c r="BD38">
        <f ca="1">ROUND(SQRT((VLOOKUP($A38,városok!$A$2:$C$346,2,0)-VLOOKUP(BD$1,városok!$A$2:$C$346,2,0))^2+(VLOOKUP($A38,városok!$A$2:$C$346,3,0)-VLOOKUP(BD$1,városok!$A$2:$C$346,3,0))^2)/1000,0)</f>
        <v>236</v>
      </c>
      <c r="BE38">
        <f ca="1">ROUND(SQRT((VLOOKUP($A38,városok!$A$2:$C$346,2,0)-VLOOKUP(BE$1,városok!$A$2:$C$346,2,0))^2+(VLOOKUP($A38,városok!$A$2:$C$346,3,0)-VLOOKUP(BE$1,városok!$A$2:$C$346,3,0))^2)/1000,0)</f>
        <v>213</v>
      </c>
      <c r="BF38">
        <f ca="1">ROUND(SQRT((VLOOKUP($A38,városok!$A$2:$C$346,2,0)-VLOOKUP(BF$1,városok!$A$2:$C$346,2,0))^2+(VLOOKUP($A38,városok!$A$2:$C$346,3,0)-VLOOKUP(BF$1,városok!$A$2:$C$346,3,0))^2)/1000,0)</f>
        <v>230</v>
      </c>
      <c r="BG38">
        <f ca="1">ROUND(SQRT((VLOOKUP($A38,városok!$A$2:$C$346,2,0)-VLOOKUP(BG$1,városok!$A$2:$C$346,2,0))^2+(VLOOKUP($A38,városok!$A$2:$C$346,3,0)-VLOOKUP(BG$1,városok!$A$2:$C$346,3,0))^2)/1000,0)</f>
        <v>207</v>
      </c>
      <c r="BH38">
        <f ca="1">ROUND(SQRT((VLOOKUP($A38,városok!$A$2:$C$346,2,0)-VLOOKUP(BH$1,városok!$A$2:$C$346,2,0))^2+(VLOOKUP($A38,városok!$A$2:$C$346,3,0)-VLOOKUP(BH$1,városok!$A$2:$C$346,3,0))^2)/1000,0)</f>
        <v>207</v>
      </c>
      <c r="BI38">
        <f ca="1">ROUND(SQRT((VLOOKUP($A38,városok!$A$2:$C$346,2,0)-VLOOKUP(BI$1,városok!$A$2:$C$346,2,0))^2+(VLOOKUP($A38,városok!$A$2:$C$346,3,0)-VLOOKUP(BI$1,városok!$A$2:$C$346,3,0))^2)/1000,0)</f>
        <v>185</v>
      </c>
      <c r="BJ38">
        <f ca="1">ROUND(SQRT((VLOOKUP($A38,városok!$A$2:$C$346,2,0)-VLOOKUP(BJ$1,városok!$A$2:$C$346,2,0))^2+(VLOOKUP($A38,városok!$A$2:$C$346,3,0)-VLOOKUP(BJ$1,városok!$A$2:$C$346,3,0))^2)/1000,0)</f>
        <v>197</v>
      </c>
      <c r="BK38">
        <f ca="1">ROUND(SQRT((VLOOKUP($A38,városok!$A$2:$C$346,2,0)-VLOOKUP(BK$1,városok!$A$2:$C$346,2,0))^2+(VLOOKUP($A38,városok!$A$2:$C$346,3,0)-VLOOKUP(BK$1,városok!$A$2:$C$346,3,0))^2)/1000,0)</f>
        <v>178</v>
      </c>
      <c r="BL38">
        <f ca="1">ROUND(SQRT((VLOOKUP($A38,városok!$A$2:$C$346,2,0)-VLOOKUP(BL$1,városok!$A$2:$C$346,2,0))^2+(VLOOKUP($A38,városok!$A$2:$C$346,3,0)-VLOOKUP(BL$1,városok!$A$2:$C$346,3,0))^2)/1000,0)</f>
        <v>347</v>
      </c>
      <c r="BM38">
        <f ca="1">ROUND(SQRT((VLOOKUP($A38,városok!$A$2:$C$346,2,0)-VLOOKUP(BM$1,városok!$A$2:$C$346,2,0))^2+(VLOOKUP($A38,városok!$A$2:$C$346,3,0)-VLOOKUP(BM$1,városok!$A$2:$C$346,3,0))^2)/1000,0)</f>
        <v>330</v>
      </c>
      <c r="BN38">
        <f ca="1">ROUND(SQRT((VLOOKUP($A38,városok!$A$2:$C$346,2,0)-VLOOKUP(BN$1,városok!$A$2:$C$346,2,0))^2+(VLOOKUP($A38,városok!$A$2:$C$346,3,0)-VLOOKUP(BN$1,városok!$A$2:$C$346,3,0))^2)/1000,0)</f>
        <v>352</v>
      </c>
      <c r="BO38">
        <f ca="1">ROUND(SQRT((VLOOKUP($A38,városok!$A$2:$C$346,2,0)-VLOOKUP(BO$1,városok!$A$2:$C$346,2,0))^2+(VLOOKUP($A38,városok!$A$2:$C$346,3,0)-VLOOKUP(BO$1,városok!$A$2:$C$346,3,0))^2)/1000,0)</f>
        <v>244</v>
      </c>
      <c r="BP38">
        <f ca="1">ROUND(SQRT((VLOOKUP($A38,városok!$A$2:$C$346,2,0)-VLOOKUP(BP$1,városok!$A$2:$C$346,2,0))^2+(VLOOKUP($A38,városok!$A$2:$C$346,3,0)-VLOOKUP(BP$1,városok!$A$2:$C$346,3,0))^2)/1000,0)</f>
        <v>237</v>
      </c>
      <c r="BQ38">
        <f ca="1">ROUND(SQRT((VLOOKUP($A38,városok!$A$2:$C$346,2,0)-VLOOKUP(BQ$1,városok!$A$2:$C$346,2,0))^2+(VLOOKUP($A38,városok!$A$2:$C$346,3,0)-VLOOKUP(BQ$1,városok!$A$2:$C$346,3,0))^2)/1000,0)</f>
        <v>254</v>
      </c>
      <c r="BR38">
        <f ca="1">ROUND(SQRT((VLOOKUP($A38,városok!$A$2:$C$346,2,0)-VLOOKUP(BR$1,városok!$A$2:$C$346,2,0))^2+(VLOOKUP($A38,városok!$A$2:$C$346,3,0)-VLOOKUP(BR$1,városok!$A$2:$C$346,3,0))^2)/1000,0)</f>
        <v>293</v>
      </c>
      <c r="BS38">
        <f ca="1">ROUND(SQRT((VLOOKUP($A38,városok!$A$2:$C$346,2,0)-VLOOKUP(BS$1,városok!$A$2:$C$346,2,0))^2+(VLOOKUP($A38,városok!$A$2:$C$346,3,0)-VLOOKUP(BS$1,városok!$A$2:$C$346,3,0))^2)/1000,0)</f>
        <v>310</v>
      </c>
      <c r="BT38">
        <f ca="1">ROUND(SQRT((VLOOKUP($A38,városok!$A$2:$C$346,2,0)-VLOOKUP(BT$1,városok!$A$2:$C$346,2,0))^2+(VLOOKUP($A38,városok!$A$2:$C$346,3,0)-VLOOKUP(BT$1,városok!$A$2:$C$346,3,0))^2)/1000,0)</f>
        <v>326</v>
      </c>
    </row>
    <row r="39" spans="1:72" x14ac:dyDescent="0.2">
      <c r="A39" t="str">
        <f>városok!A39</f>
        <v>Békés</v>
      </c>
      <c r="B39">
        <f ca="1">ROUND(SQRT((VLOOKUP($A39,városok!$A$2:$C$346,2,0)-VLOOKUP(B$1,városok!$A$2:$C$346,2,0))^2+(VLOOKUP($A39,városok!$A$2:$C$346,3,0)-VLOOKUP(B$1,városok!$A$2:$C$346,3,0))^2)/1000,0)</f>
        <v>179</v>
      </c>
      <c r="C39">
        <f ca="1">ROUND(SQRT((VLOOKUP($A39,városok!$A$2:$C$346,2,0)-VLOOKUP(C$1,városok!$A$2:$C$346,2,0))^2+(VLOOKUP($A39,városok!$A$2:$C$346,3,0)-VLOOKUP(C$1,városok!$A$2:$C$346,3,0))^2)/1000,0)</f>
        <v>167</v>
      </c>
      <c r="D39">
        <f ca="1">ROUND(SQRT((VLOOKUP($A39,városok!$A$2:$C$346,2,0)-VLOOKUP(D$1,városok!$A$2:$C$346,2,0))^2+(VLOOKUP($A39,városok!$A$2:$C$346,3,0)-VLOOKUP(D$1,városok!$A$2:$C$346,3,0))^2)/1000,0)</f>
        <v>111</v>
      </c>
      <c r="E39">
        <f ca="1">ROUND(SQRT((VLOOKUP($A39,városok!$A$2:$C$346,2,0)-VLOOKUP(E$1,városok!$A$2:$C$346,2,0))^2+(VLOOKUP($A39,városok!$A$2:$C$346,3,0)-VLOOKUP(E$1,városok!$A$2:$C$346,3,0))^2)/1000,0)</f>
        <v>229</v>
      </c>
      <c r="F39">
        <f ca="1">ROUND(SQRT((VLOOKUP($A39,városok!$A$2:$C$346,2,0)-VLOOKUP(F$1,városok!$A$2:$C$346,2,0))^2+(VLOOKUP($A39,városok!$A$2:$C$346,3,0)-VLOOKUP(F$1,városok!$A$2:$C$346,3,0))^2)/1000,0)</f>
        <v>207</v>
      </c>
      <c r="G39">
        <f ca="1">ROUND(SQRT((VLOOKUP($A39,városok!$A$2:$C$346,2,0)-VLOOKUP(G$1,városok!$A$2:$C$346,2,0))^2+(VLOOKUP($A39,városok!$A$2:$C$346,3,0)-VLOOKUP(G$1,városok!$A$2:$C$346,3,0))^2)/1000,0)</f>
        <v>235</v>
      </c>
      <c r="H39">
        <f ca="1">ROUND(SQRT((VLOOKUP($A39,városok!$A$2:$C$346,2,0)-VLOOKUP(H$1,városok!$A$2:$C$346,2,0))^2+(VLOOKUP($A39,városok!$A$2:$C$346,3,0)-VLOOKUP(H$1,városok!$A$2:$C$346,3,0))^2)/1000,0)</f>
        <v>268</v>
      </c>
      <c r="I39">
        <f ca="1">ROUND(SQRT((VLOOKUP($A39,városok!$A$2:$C$346,2,0)-VLOOKUP(I$1,városok!$A$2:$C$346,2,0))^2+(VLOOKUP($A39,városok!$A$2:$C$346,3,0)-VLOOKUP(I$1,városok!$A$2:$C$346,3,0))^2)/1000,0)</f>
        <v>11</v>
      </c>
      <c r="J39">
        <f ca="1">ROUND(SQRT((VLOOKUP($A39,városok!$A$2:$C$346,2,0)-VLOOKUP(J$1,városok!$A$2:$C$346,2,0))^2+(VLOOKUP($A39,városok!$A$2:$C$346,3,0)-VLOOKUP(J$1,városok!$A$2:$C$346,3,0))^2)/1000,0)</f>
        <v>18</v>
      </c>
      <c r="K39">
        <f ca="1">ROUND(SQRT((VLOOKUP($A39,városok!$A$2:$C$346,2,0)-VLOOKUP(K$1,városok!$A$2:$C$346,2,0))^2+(VLOOKUP($A39,városok!$A$2:$C$346,3,0)-VLOOKUP(K$1,városok!$A$2:$C$346,3,0))^2)/1000,0)</f>
        <v>42</v>
      </c>
      <c r="L39">
        <f ca="1">ROUND(SQRT((VLOOKUP($A39,városok!$A$2:$C$346,2,0)-VLOOKUP(L$1,városok!$A$2:$C$346,2,0))^2+(VLOOKUP($A39,városok!$A$2:$C$346,3,0)-VLOOKUP(L$1,városok!$A$2:$C$346,3,0))^2)/1000,0)</f>
        <v>169</v>
      </c>
      <c r="M39">
        <f ca="1">ROUND(SQRT((VLOOKUP($A39,városok!$A$2:$C$346,2,0)-VLOOKUP(M$1,városok!$A$2:$C$346,2,0))^2+(VLOOKUP($A39,városok!$A$2:$C$346,3,0)-VLOOKUP(M$1,városok!$A$2:$C$346,3,0))^2)/1000,0)</f>
        <v>150</v>
      </c>
      <c r="N39">
        <f ca="1">ROUND(SQRT((VLOOKUP($A39,városok!$A$2:$C$346,2,0)-VLOOKUP(N$1,városok!$A$2:$C$346,2,0))^2+(VLOOKUP($A39,városok!$A$2:$C$346,3,0)-VLOOKUP(N$1,városok!$A$2:$C$346,3,0))^2)/1000,0)</f>
        <v>173</v>
      </c>
      <c r="O39">
        <f ca="1">ROUND(SQRT((VLOOKUP($A39,városok!$A$2:$C$346,2,0)-VLOOKUP(O$1,városok!$A$2:$C$346,2,0))^2+(VLOOKUP($A39,városok!$A$2:$C$346,3,0)-VLOOKUP(O$1,városok!$A$2:$C$346,3,0))^2)/1000,0)</f>
        <v>185</v>
      </c>
      <c r="P39">
        <f ca="1">ROUND(SQRT((VLOOKUP($A39,városok!$A$2:$C$346,2,0)-VLOOKUP(P$1,városok!$A$2:$C$346,2,0))^2+(VLOOKUP($A39,városok!$A$2:$C$346,3,0)-VLOOKUP(P$1,városok!$A$2:$C$346,3,0))^2)/1000,0)</f>
        <v>185</v>
      </c>
      <c r="Q39">
        <f ca="1">ROUND(SQRT((VLOOKUP($A39,városok!$A$2:$C$346,2,0)-VLOOKUP(Q$1,városok!$A$2:$C$346,2,0))^2+(VLOOKUP($A39,városok!$A$2:$C$346,3,0)-VLOOKUP(Q$1,városok!$A$2:$C$346,3,0))^2)/1000,0)</f>
        <v>73</v>
      </c>
      <c r="R39">
        <f ca="1">ROUND(SQRT((VLOOKUP($A39,városok!$A$2:$C$346,2,0)-VLOOKUP(R$1,városok!$A$2:$C$346,2,0))^2+(VLOOKUP($A39,városok!$A$2:$C$346,3,0)-VLOOKUP(R$1,városok!$A$2:$C$346,3,0))^2)/1000,0)</f>
        <v>79</v>
      </c>
      <c r="S39">
        <f ca="1">ROUND(SQRT((VLOOKUP($A39,városok!$A$2:$C$346,2,0)-VLOOKUP(S$1,városok!$A$2:$C$346,2,0))^2+(VLOOKUP($A39,városok!$A$2:$C$346,3,0)-VLOOKUP(S$1,városok!$A$2:$C$346,3,0))^2)/1000,0)</f>
        <v>95</v>
      </c>
      <c r="T39">
        <f ca="1">ROUND(SQRT((VLOOKUP($A39,városok!$A$2:$C$346,2,0)-VLOOKUP(T$1,városok!$A$2:$C$346,2,0))^2+(VLOOKUP($A39,városok!$A$2:$C$346,3,0)-VLOOKUP(T$1,városok!$A$2:$C$346,3,0))^2)/1000,0)</f>
        <v>205</v>
      </c>
      <c r="U39">
        <f ca="1">ROUND(SQRT((VLOOKUP($A39,városok!$A$2:$C$346,2,0)-VLOOKUP(U$1,városok!$A$2:$C$346,2,0))^2+(VLOOKUP($A39,városok!$A$2:$C$346,3,0)-VLOOKUP(U$1,városok!$A$2:$C$346,3,0))^2)/1000,0)</f>
        <v>169</v>
      </c>
      <c r="V39">
        <f ca="1">ROUND(SQRT((VLOOKUP($A39,városok!$A$2:$C$346,2,0)-VLOOKUP(V$1,városok!$A$2:$C$346,2,0))^2+(VLOOKUP($A39,városok!$A$2:$C$346,3,0)-VLOOKUP(V$1,városok!$A$2:$C$346,3,0))^2)/1000,0)</f>
        <v>218</v>
      </c>
      <c r="W39">
        <f ca="1">ROUND(SQRT((VLOOKUP($A39,városok!$A$2:$C$346,2,0)-VLOOKUP(W$1,városok!$A$2:$C$346,2,0))^2+(VLOOKUP($A39,városok!$A$2:$C$346,3,0)-VLOOKUP(W$1,városok!$A$2:$C$346,3,0))^2)/1000,0)</f>
        <v>192</v>
      </c>
      <c r="X39">
        <f ca="1">ROUND(SQRT((VLOOKUP($A39,városok!$A$2:$C$346,2,0)-VLOOKUP(X$1,városok!$A$2:$C$346,2,0))^2+(VLOOKUP($A39,városok!$A$2:$C$346,3,0)-VLOOKUP(X$1,városok!$A$2:$C$346,3,0))^2)/1000,0)</f>
        <v>221</v>
      </c>
      <c r="Y39">
        <f ca="1">ROUND(SQRT((VLOOKUP($A39,városok!$A$2:$C$346,2,0)-VLOOKUP(Y$1,városok!$A$2:$C$346,2,0))^2+(VLOOKUP($A39,városok!$A$2:$C$346,3,0)-VLOOKUP(Y$1,városok!$A$2:$C$346,3,0))^2)/1000,0)</f>
        <v>284</v>
      </c>
      <c r="Z39">
        <f ca="1">ROUND(SQRT((VLOOKUP($A39,városok!$A$2:$C$346,2,0)-VLOOKUP(Z$1,városok!$A$2:$C$346,2,0))^2+(VLOOKUP($A39,városok!$A$2:$C$346,3,0)-VLOOKUP(Z$1,városok!$A$2:$C$346,3,0))^2)/1000,0)</f>
        <v>303</v>
      </c>
      <c r="AA39">
        <f ca="1">ROUND(SQRT((VLOOKUP($A39,városok!$A$2:$C$346,2,0)-VLOOKUP(AA$1,városok!$A$2:$C$346,2,0))^2+(VLOOKUP($A39,városok!$A$2:$C$346,3,0)-VLOOKUP(AA$1,városok!$A$2:$C$346,3,0))^2)/1000,0)</f>
        <v>359</v>
      </c>
      <c r="AB39">
        <f ca="1">ROUND(SQRT((VLOOKUP($A39,városok!$A$2:$C$346,2,0)-VLOOKUP(AB$1,városok!$A$2:$C$346,2,0))^2+(VLOOKUP($A39,városok!$A$2:$C$346,3,0)-VLOOKUP(AB$1,városok!$A$2:$C$346,3,0))^2)/1000,0)</f>
        <v>92</v>
      </c>
      <c r="AC39">
        <f ca="1">ROUND(SQRT((VLOOKUP($A39,városok!$A$2:$C$346,2,0)-VLOOKUP(AC$1,városok!$A$2:$C$346,2,0))^2+(VLOOKUP($A39,városok!$A$2:$C$346,3,0)-VLOOKUP(AC$1,városok!$A$2:$C$346,3,0))^2)/1000,0)</f>
        <v>77</v>
      </c>
      <c r="AD39">
        <f ca="1">ROUND(SQRT((VLOOKUP($A39,városok!$A$2:$C$346,2,0)-VLOOKUP(AD$1,városok!$A$2:$C$346,2,0))^2+(VLOOKUP($A39,városok!$A$2:$C$346,3,0)-VLOOKUP(AD$1,városok!$A$2:$C$346,3,0))^2)/1000,0)</f>
        <v>73</v>
      </c>
      <c r="AE39">
        <f ca="1">ROUND(SQRT((VLOOKUP($A39,városok!$A$2:$C$346,2,0)-VLOOKUP(AE$1,városok!$A$2:$C$346,2,0))^2+(VLOOKUP($A39,városok!$A$2:$C$346,3,0)-VLOOKUP(AE$1,városok!$A$2:$C$346,3,0))^2)/1000,0)</f>
        <v>57</v>
      </c>
      <c r="AF39">
        <f ca="1">ROUND(SQRT((VLOOKUP($A39,városok!$A$2:$C$346,2,0)-VLOOKUP(AF$1,városok!$A$2:$C$346,2,0))^2+(VLOOKUP($A39,városok!$A$2:$C$346,3,0)-VLOOKUP(AF$1,városok!$A$2:$C$346,3,0))^2)/1000,0)</f>
        <v>138</v>
      </c>
      <c r="AG39">
        <f ca="1">ROUND(SQRT((VLOOKUP($A39,városok!$A$2:$C$346,2,0)-VLOOKUP(AG$1,városok!$A$2:$C$346,2,0))^2+(VLOOKUP($A39,városok!$A$2:$C$346,3,0)-VLOOKUP(AG$1,városok!$A$2:$C$346,3,0))^2)/1000,0)</f>
        <v>145</v>
      </c>
      <c r="AH39">
        <f ca="1">ROUND(SQRT((VLOOKUP($A39,városok!$A$2:$C$346,2,0)-VLOOKUP(AH$1,városok!$A$2:$C$346,2,0))^2+(VLOOKUP($A39,városok!$A$2:$C$346,3,0)-VLOOKUP(AH$1,városok!$A$2:$C$346,3,0))^2)/1000,0)</f>
        <v>148</v>
      </c>
      <c r="AI39">
        <f ca="1">ROUND(SQRT((VLOOKUP($A39,városok!$A$2:$C$346,2,0)-VLOOKUP(AI$1,városok!$A$2:$C$346,2,0))^2+(VLOOKUP($A39,városok!$A$2:$C$346,3,0)-VLOOKUP(AI$1,városok!$A$2:$C$346,3,0))^2)/1000,0)</f>
        <v>159</v>
      </c>
      <c r="AJ39">
        <f ca="1">ROUND(SQRT((VLOOKUP($A39,városok!$A$2:$C$346,2,0)-VLOOKUP(AJ$1,városok!$A$2:$C$346,2,0))^2+(VLOOKUP($A39,városok!$A$2:$C$346,3,0)-VLOOKUP(AJ$1,városok!$A$2:$C$346,3,0))^2)/1000,0)</f>
        <v>130</v>
      </c>
      <c r="AK39">
        <f ca="1">ROUND(SQRT((VLOOKUP($A39,városok!$A$2:$C$346,2,0)-VLOOKUP(AK$1,városok!$A$2:$C$346,2,0))^2+(VLOOKUP($A39,városok!$A$2:$C$346,3,0)-VLOOKUP(AK$1,városok!$A$2:$C$346,3,0))^2)/1000,0)</f>
        <v>58</v>
      </c>
      <c r="AL39">
        <f ca="1">ROUND(SQRT((VLOOKUP($A39,városok!$A$2:$C$346,2,0)-VLOOKUP(AL$1,városok!$A$2:$C$346,2,0))^2+(VLOOKUP($A39,városok!$A$2:$C$346,3,0)-VLOOKUP(AL$1,városok!$A$2:$C$346,3,0))^2)/1000,0)</f>
        <v>76</v>
      </c>
      <c r="AM39">
        <f ca="1">ROUND(SQRT((VLOOKUP($A39,városok!$A$2:$C$346,2,0)-VLOOKUP(AM$1,városok!$A$2:$C$346,2,0))^2+(VLOOKUP($A39,városok!$A$2:$C$346,3,0)-VLOOKUP(AM$1,városok!$A$2:$C$346,3,0))^2)/1000,0)</f>
        <v>85</v>
      </c>
      <c r="AN39">
        <f ca="1">ROUND(SQRT((VLOOKUP($A39,városok!$A$2:$C$346,2,0)-VLOOKUP(AN$1,városok!$A$2:$C$346,2,0))^2+(VLOOKUP($A39,városok!$A$2:$C$346,3,0)-VLOOKUP(AN$1,városok!$A$2:$C$346,3,0))^2)/1000,0)</f>
        <v>213</v>
      </c>
      <c r="AO39">
        <f ca="1">ROUND(SQRT((VLOOKUP($A39,városok!$A$2:$C$346,2,0)-VLOOKUP(AO$1,városok!$A$2:$C$346,2,0))^2+(VLOOKUP($A39,városok!$A$2:$C$346,3,0)-VLOOKUP(AO$1,városok!$A$2:$C$346,3,0))^2)/1000,0)</f>
        <v>252</v>
      </c>
      <c r="AP39">
        <f ca="1">ROUND(SQRT((VLOOKUP($A39,városok!$A$2:$C$346,2,0)-VLOOKUP(AP$1,városok!$A$2:$C$346,2,0))^2+(VLOOKUP($A39,városok!$A$2:$C$346,3,0)-VLOOKUP(AP$1,városok!$A$2:$C$346,3,0))^2)/1000,0)</f>
        <v>233</v>
      </c>
      <c r="AQ39">
        <f ca="1">ROUND(SQRT((VLOOKUP($A39,városok!$A$2:$C$346,2,0)-VLOOKUP(AQ$1,városok!$A$2:$C$346,2,0))^2+(VLOOKUP($A39,városok!$A$2:$C$346,3,0)-VLOOKUP(AQ$1,városok!$A$2:$C$346,3,0))^2)/1000,0)</f>
        <v>224</v>
      </c>
      <c r="AR39">
        <f ca="1">ROUND(SQRT((VLOOKUP($A39,városok!$A$2:$C$346,2,0)-VLOOKUP(AR$1,városok!$A$2:$C$346,2,0))^2+(VLOOKUP($A39,városok!$A$2:$C$346,3,0)-VLOOKUP(AR$1,városok!$A$2:$C$346,3,0))^2)/1000,0)</f>
        <v>167</v>
      </c>
      <c r="AS39">
        <f ca="1">ROUND(SQRT((VLOOKUP($A39,városok!$A$2:$C$346,2,0)-VLOOKUP(AS$1,városok!$A$2:$C$346,2,0))^2+(VLOOKUP($A39,városok!$A$2:$C$346,3,0)-VLOOKUP(AS$1,városok!$A$2:$C$346,3,0))^2)/1000,0)</f>
        <v>179</v>
      </c>
      <c r="AT39">
        <f ca="1">ROUND(SQRT((VLOOKUP($A39,városok!$A$2:$C$346,2,0)-VLOOKUP(AT$1,városok!$A$2:$C$346,2,0))^2+(VLOOKUP($A39,városok!$A$2:$C$346,3,0)-VLOOKUP(AT$1,városok!$A$2:$C$346,3,0))^2)/1000,0)</f>
        <v>192</v>
      </c>
      <c r="AU39">
        <f ca="1">ROUND(SQRT((VLOOKUP($A39,városok!$A$2:$C$346,2,0)-VLOOKUP(AU$1,városok!$A$2:$C$346,2,0))^2+(VLOOKUP($A39,városok!$A$2:$C$346,3,0)-VLOOKUP(AU$1,városok!$A$2:$C$346,3,0))^2)/1000,0)</f>
        <v>181</v>
      </c>
      <c r="AV39">
        <f ca="1">ROUND(SQRT((VLOOKUP($A39,városok!$A$2:$C$346,2,0)-VLOOKUP(AV$1,városok!$A$2:$C$346,2,0))^2+(VLOOKUP($A39,városok!$A$2:$C$346,3,0)-VLOOKUP(AV$1,városok!$A$2:$C$346,3,0))^2)/1000,0)</f>
        <v>180</v>
      </c>
      <c r="AW39">
        <f ca="1">ROUND(SQRT((VLOOKUP($A39,városok!$A$2:$C$346,2,0)-VLOOKUP(AW$1,városok!$A$2:$C$346,2,0))^2+(VLOOKUP($A39,városok!$A$2:$C$346,3,0)-VLOOKUP(AW$1,városok!$A$2:$C$346,3,0))^2)/1000,0)</f>
        <v>182</v>
      </c>
      <c r="AX39">
        <f ca="1">ROUND(SQRT((VLOOKUP($A39,városok!$A$2:$C$346,2,0)-VLOOKUP(AX$1,városok!$A$2:$C$346,2,0))^2+(VLOOKUP($A39,városok!$A$2:$C$346,3,0)-VLOOKUP(AX$1,városok!$A$2:$C$346,3,0))^2)/1000,0)</f>
        <v>107</v>
      </c>
      <c r="AY39">
        <f ca="1">ROUND(SQRT((VLOOKUP($A39,városok!$A$2:$C$346,2,0)-VLOOKUP(AY$1,városok!$A$2:$C$346,2,0))^2+(VLOOKUP($A39,városok!$A$2:$C$346,3,0)-VLOOKUP(AY$1,városok!$A$2:$C$346,3,0))^2)/1000,0)</f>
        <v>186</v>
      </c>
      <c r="AZ39">
        <f ca="1">ROUND(SQRT((VLOOKUP($A39,városok!$A$2:$C$346,2,0)-VLOOKUP(AZ$1,városok!$A$2:$C$346,2,0))^2+(VLOOKUP($A39,városok!$A$2:$C$346,3,0)-VLOOKUP(AZ$1,városok!$A$2:$C$346,3,0))^2)/1000,0)</f>
        <v>198</v>
      </c>
      <c r="BA39">
        <f ca="1">ROUND(SQRT((VLOOKUP($A39,városok!$A$2:$C$346,2,0)-VLOOKUP(BA$1,városok!$A$2:$C$346,2,0))^2+(VLOOKUP($A39,városok!$A$2:$C$346,3,0)-VLOOKUP(BA$1,városok!$A$2:$C$346,3,0))^2)/1000,0)</f>
        <v>262</v>
      </c>
      <c r="BB39">
        <f ca="1">ROUND(SQRT((VLOOKUP($A39,városok!$A$2:$C$346,2,0)-VLOOKUP(BB$1,városok!$A$2:$C$346,2,0))^2+(VLOOKUP($A39,városok!$A$2:$C$346,3,0)-VLOOKUP(BB$1,városok!$A$2:$C$346,3,0))^2)/1000,0)</f>
        <v>245</v>
      </c>
      <c r="BC39">
        <f ca="1">ROUND(SQRT((VLOOKUP($A39,városok!$A$2:$C$346,2,0)-VLOOKUP(BC$1,városok!$A$2:$C$346,2,0))^2+(VLOOKUP($A39,városok!$A$2:$C$346,3,0)-VLOOKUP(BC$1,városok!$A$2:$C$346,3,0))^2)/1000,0)</f>
        <v>260</v>
      </c>
      <c r="BD39">
        <f ca="1">ROUND(SQRT((VLOOKUP($A39,városok!$A$2:$C$346,2,0)-VLOOKUP(BD$1,városok!$A$2:$C$346,2,0))^2+(VLOOKUP($A39,városok!$A$2:$C$346,3,0)-VLOOKUP(BD$1,városok!$A$2:$C$346,3,0))^2)/1000,0)</f>
        <v>234</v>
      </c>
      <c r="BE39">
        <f ca="1">ROUND(SQRT((VLOOKUP($A39,városok!$A$2:$C$346,2,0)-VLOOKUP(BE$1,városok!$A$2:$C$346,2,0))^2+(VLOOKUP($A39,városok!$A$2:$C$346,3,0)-VLOOKUP(BE$1,városok!$A$2:$C$346,3,0))^2)/1000,0)</f>
        <v>166</v>
      </c>
      <c r="BF39">
        <f ca="1">ROUND(SQRT((VLOOKUP($A39,városok!$A$2:$C$346,2,0)-VLOOKUP(BF$1,városok!$A$2:$C$346,2,0))^2+(VLOOKUP($A39,városok!$A$2:$C$346,3,0)-VLOOKUP(BF$1,városok!$A$2:$C$346,3,0))^2)/1000,0)</f>
        <v>176</v>
      </c>
      <c r="BG39">
        <f ca="1">ROUND(SQRT((VLOOKUP($A39,városok!$A$2:$C$346,2,0)-VLOOKUP(BG$1,városok!$A$2:$C$346,2,0))^2+(VLOOKUP($A39,városok!$A$2:$C$346,3,0)-VLOOKUP(BG$1,városok!$A$2:$C$346,3,0))^2)/1000,0)</f>
        <v>153</v>
      </c>
      <c r="BH39">
        <f ca="1">ROUND(SQRT((VLOOKUP($A39,városok!$A$2:$C$346,2,0)-VLOOKUP(BH$1,városok!$A$2:$C$346,2,0))^2+(VLOOKUP($A39,városok!$A$2:$C$346,3,0)-VLOOKUP(BH$1,városok!$A$2:$C$346,3,0))^2)/1000,0)</f>
        <v>153</v>
      </c>
      <c r="BI39">
        <f ca="1">ROUND(SQRT((VLOOKUP($A39,városok!$A$2:$C$346,2,0)-VLOOKUP(BI$1,városok!$A$2:$C$346,2,0))^2+(VLOOKUP($A39,városok!$A$2:$C$346,3,0)-VLOOKUP(BI$1,városok!$A$2:$C$346,3,0))^2)/1000,0)</f>
        <v>197</v>
      </c>
      <c r="BJ39">
        <f ca="1">ROUND(SQRT((VLOOKUP($A39,városok!$A$2:$C$346,2,0)-VLOOKUP(BJ$1,városok!$A$2:$C$346,2,0))^2+(VLOOKUP($A39,városok!$A$2:$C$346,3,0)-VLOOKUP(BJ$1,városok!$A$2:$C$346,3,0))^2)/1000,0)</f>
        <v>212</v>
      </c>
      <c r="BK39">
        <f ca="1">ROUND(SQRT((VLOOKUP($A39,városok!$A$2:$C$346,2,0)-VLOOKUP(BK$1,városok!$A$2:$C$346,2,0))^2+(VLOOKUP($A39,városok!$A$2:$C$346,3,0)-VLOOKUP(BK$1,városok!$A$2:$C$346,3,0))^2)/1000,0)</f>
        <v>192</v>
      </c>
      <c r="BL39">
        <f ca="1">ROUND(SQRT((VLOOKUP($A39,városok!$A$2:$C$346,2,0)-VLOOKUP(BL$1,városok!$A$2:$C$346,2,0))^2+(VLOOKUP($A39,városok!$A$2:$C$346,3,0)-VLOOKUP(BL$1,városok!$A$2:$C$346,3,0))^2)/1000,0)</f>
        <v>346</v>
      </c>
      <c r="BM39">
        <f ca="1">ROUND(SQRT((VLOOKUP($A39,városok!$A$2:$C$346,2,0)-VLOOKUP(BM$1,városok!$A$2:$C$346,2,0))^2+(VLOOKUP($A39,városok!$A$2:$C$346,3,0)-VLOOKUP(BM$1,városok!$A$2:$C$346,3,0))^2)/1000,0)</f>
        <v>323</v>
      </c>
      <c r="BN39">
        <f ca="1">ROUND(SQRT((VLOOKUP($A39,városok!$A$2:$C$346,2,0)-VLOOKUP(BN$1,városok!$A$2:$C$346,2,0))^2+(VLOOKUP($A39,városok!$A$2:$C$346,3,0)-VLOOKUP(BN$1,városok!$A$2:$C$346,3,0))^2)/1000,0)</f>
        <v>346</v>
      </c>
      <c r="BO39">
        <f ca="1">ROUND(SQRT((VLOOKUP($A39,városok!$A$2:$C$346,2,0)-VLOOKUP(BO$1,városok!$A$2:$C$346,2,0))^2+(VLOOKUP($A39,városok!$A$2:$C$346,3,0)-VLOOKUP(BO$1,városok!$A$2:$C$346,3,0))^2)/1000,0)</f>
        <v>239</v>
      </c>
      <c r="BP39">
        <f ca="1">ROUND(SQRT((VLOOKUP($A39,városok!$A$2:$C$346,2,0)-VLOOKUP(BP$1,városok!$A$2:$C$346,2,0))^2+(VLOOKUP($A39,városok!$A$2:$C$346,3,0)-VLOOKUP(BP$1,városok!$A$2:$C$346,3,0))^2)/1000,0)</f>
        <v>232</v>
      </c>
      <c r="BQ39">
        <f ca="1">ROUND(SQRT((VLOOKUP($A39,városok!$A$2:$C$346,2,0)-VLOOKUP(BQ$1,városok!$A$2:$C$346,2,0))^2+(VLOOKUP($A39,városok!$A$2:$C$346,3,0)-VLOOKUP(BQ$1,városok!$A$2:$C$346,3,0))^2)/1000,0)</f>
        <v>248</v>
      </c>
      <c r="BR39">
        <f ca="1">ROUND(SQRT((VLOOKUP($A39,városok!$A$2:$C$346,2,0)-VLOOKUP(BR$1,városok!$A$2:$C$346,2,0))^2+(VLOOKUP($A39,városok!$A$2:$C$346,3,0)-VLOOKUP(BR$1,városok!$A$2:$C$346,3,0))^2)/1000,0)</f>
        <v>296</v>
      </c>
      <c r="BS39">
        <f ca="1">ROUND(SQRT((VLOOKUP($A39,városok!$A$2:$C$346,2,0)-VLOOKUP(BS$1,városok!$A$2:$C$346,2,0))^2+(VLOOKUP($A39,városok!$A$2:$C$346,3,0)-VLOOKUP(BS$1,városok!$A$2:$C$346,3,0))^2)/1000,0)</f>
        <v>319</v>
      </c>
      <c r="BT39">
        <f ca="1">ROUND(SQRT((VLOOKUP($A39,városok!$A$2:$C$346,2,0)-VLOOKUP(BT$1,városok!$A$2:$C$346,2,0))^2+(VLOOKUP($A39,városok!$A$2:$C$346,3,0)-VLOOKUP(BT$1,városok!$A$2:$C$346,3,0))^2)/1000,0)</f>
        <v>327</v>
      </c>
    </row>
    <row r="40" spans="1:72" x14ac:dyDescent="0.2">
      <c r="A40" t="str">
        <f>városok!A40</f>
        <v>Békéscsaba</v>
      </c>
      <c r="B40">
        <f ca="1">ROUND(SQRT((VLOOKUP($A40,városok!$A$2:$C$346,2,0)-VLOOKUP(B$1,városok!$A$2:$C$346,2,0))^2+(VLOOKUP($A40,városok!$A$2:$C$346,3,0)-VLOOKUP(B$1,városok!$A$2:$C$346,3,0))^2)/1000,0)</f>
        <v>172</v>
      </c>
      <c r="C40">
        <f ca="1">ROUND(SQRT((VLOOKUP($A40,városok!$A$2:$C$346,2,0)-VLOOKUP(C$1,városok!$A$2:$C$346,2,0))^2+(VLOOKUP($A40,városok!$A$2:$C$346,3,0)-VLOOKUP(C$1,városok!$A$2:$C$346,3,0))^2)/1000,0)</f>
        <v>162</v>
      </c>
      <c r="D40">
        <f ca="1">ROUND(SQRT((VLOOKUP($A40,városok!$A$2:$C$346,2,0)-VLOOKUP(D$1,városok!$A$2:$C$346,2,0))^2+(VLOOKUP($A40,városok!$A$2:$C$346,3,0)-VLOOKUP(D$1,városok!$A$2:$C$346,3,0))^2)/1000,0)</f>
        <v>109</v>
      </c>
      <c r="E40">
        <f ca="1">ROUND(SQRT((VLOOKUP($A40,városok!$A$2:$C$346,2,0)-VLOOKUP(E$1,városok!$A$2:$C$346,2,0))^2+(VLOOKUP($A40,városok!$A$2:$C$346,3,0)-VLOOKUP(E$1,városok!$A$2:$C$346,3,0))^2)/1000,0)</f>
        <v>223</v>
      </c>
      <c r="F40">
        <f ca="1">ROUND(SQRT((VLOOKUP($A40,városok!$A$2:$C$346,2,0)-VLOOKUP(F$1,városok!$A$2:$C$346,2,0))^2+(VLOOKUP($A40,városok!$A$2:$C$346,3,0)-VLOOKUP(F$1,városok!$A$2:$C$346,3,0))^2)/1000,0)</f>
        <v>199</v>
      </c>
      <c r="G40">
        <f ca="1">ROUND(SQRT((VLOOKUP($A40,városok!$A$2:$C$346,2,0)-VLOOKUP(G$1,városok!$A$2:$C$346,2,0))^2+(VLOOKUP($A40,városok!$A$2:$C$346,3,0)-VLOOKUP(G$1,városok!$A$2:$C$346,3,0))^2)/1000,0)</f>
        <v>228</v>
      </c>
      <c r="H40">
        <f ca="1">ROUND(SQRT((VLOOKUP($A40,városok!$A$2:$C$346,2,0)-VLOOKUP(H$1,városok!$A$2:$C$346,2,0))^2+(VLOOKUP($A40,városok!$A$2:$C$346,3,0)-VLOOKUP(H$1,városok!$A$2:$C$346,3,0))^2)/1000,0)</f>
        <v>262</v>
      </c>
      <c r="I40">
        <f ca="1">ROUND(SQRT((VLOOKUP($A40,városok!$A$2:$C$346,2,0)-VLOOKUP(I$1,városok!$A$2:$C$346,2,0))^2+(VLOOKUP($A40,városok!$A$2:$C$346,3,0)-VLOOKUP(I$1,városok!$A$2:$C$346,3,0))^2)/1000,0)</f>
        <v>0</v>
      </c>
      <c r="J40">
        <f ca="1">ROUND(SQRT((VLOOKUP($A40,városok!$A$2:$C$346,2,0)-VLOOKUP(J$1,városok!$A$2:$C$346,2,0))^2+(VLOOKUP($A40,városok!$A$2:$C$346,3,0)-VLOOKUP(J$1,városok!$A$2:$C$346,3,0))^2)/1000,0)</f>
        <v>15</v>
      </c>
      <c r="K40">
        <f ca="1">ROUND(SQRT((VLOOKUP($A40,városok!$A$2:$C$346,2,0)-VLOOKUP(K$1,városok!$A$2:$C$346,2,0))^2+(VLOOKUP($A40,városok!$A$2:$C$346,3,0)-VLOOKUP(K$1,városok!$A$2:$C$346,3,0))^2)/1000,0)</f>
        <v>34</v>
      </c>
      <c r="L40">
        <f ca="1">ROUND(SQRT((VLOOKUP($A40,városok!$A$2:$C$346,2,0)-VLOOKUP(L$1,városok!$A$2:$C$346,2,0))^2+(VLOOKUP($A40,városok!$A$2:$C$346,3,0)-VLOOKUP(L$1,városok!$A$2:$C$346,3,0))^2)/1000,0)</f>
        <v>179</v>
      </c>
      <c r="M40">
        <f ca="1">ROUND(SQRT((VLOOKUP($A40,városok!$A$2:$C$346,2,0)-VLOOKUP(M$1,városok!$A$2:$C$346,2,0))^2+(VLOOKUP($A40,városok!$A$2:$C$346,3,0)-VLOOKUP(M$1,városok!$A$2:$C$346,3,0))^2)/1000,0)</f>
        <v>160</v>
      </c>
      <c r="N40">
        <f ca="1">ROUND(SQRT((VLOOKUP($A40,városok!$A$2:$C$346,2,0)-VLOOKUP(N$1,városok!$A$2:$C$346,2,0))^2+(VLOOKUP($A40,városok!$A$2:$C$346,3,0)-VLOOKUP(N$1,városok!$A$2:$C$346,3,0))^2)/1000,0)</f>
        <v>182</v>
      </c>
      <c r="O40">
        <f ca="1">ROUND(SQRT((VLOOKUP($A40,városok!$A$2:$C$346,2,0)-VLOOKUP(O$1,városok!$A$2:$C$346,2,0))^2+(VLOOKUP($A40,városok!$A$2:$C$346,3,0)-VLOOKUP(O$1,városok!$A$2:$C$346,3,0))^2)/1000,0)</f>
        <v>196</v>
      </c>
      <c r="P40">
        <f ca="1">ROUND(SQRT((VLOOKUP($A40,városok!$A$2:$C$346,2,0)-VLOOKUP(P$1,városok!$A$2:$C$346,2,0))^2+(VLOOKUP($A40,városok!$A$2:$C$346,3,0)-VLOOKUP(P$1,városok!$A$2:$C$346,3,0))^2)/1000,0)</f>
        <v>196</v>
      </c>
      <c r="Q40">
        <f ca="1">ROUND(SQRT((VLOOKUP($A40,városok!$A$2:$C$346,2,0)-VLOOKUP(Q$1,városok!$A$2:$C$346,2,0))^2+(VLOOKUP($A40,városok!$A$2:$C$346,3,0)-VLOOKUP(Q$1,városok!$A$2:$C$346,3,0))^2)/1000,0)</f>
        <v>65</v>
      </c>
      <c r="R40">
        <f ca="1">ROUND(SQRT((VLOOKUP($A40,városok!$A$2:$C$346,2,0)-VLOOKUP(R$1,városok!$A$2:$C$346,2,0))^2+(VLOOKUP($A40,városok!$A$2:$C$346,3,0)-VLOOKUP(R$1,városok!$A$2:$C$346,3,0))^2)/1000,0)</f>
        <v>69</v>
      </c>
      <c r="S40">
        <f ca="1">ROUND(SQRT((VLOOKUP($A40,városok!$A$2:$C$346,2,0)-VLOOKUP(S$1,városok!$A$2:$C$346,2,0))^2+(VLOOKUP($A40,városok!$A$2:$C$346,3,0)-VLOOKUP(S$1,városok!$A$2:$C$346,3,0))^2)/1000,0)</f>
        <v>85</v>
      </c>
      <c r="T40">
        <f ca="1">ROUND(SQRT((VLOOKUP($A40,városok!$A$2:$C$346,2,0)-VLOOKUP(T$1,városok!$A$2:$C$346,2,0))^2+(VLOOKUP($A40,városok!$A$2:$C$346,3,0)-VLOOKUP(T$1,városok!$A$2:$C$346,3,0))^2)/1000,0)</f>
        <v>207</v>
      </c>
      <c r="U40">
        <f ca="1">ROUND(SQRT((VLOOKUP($A40,városok!$A$2:$C$346,2,0)-VLOOKUP(U$1,városok!$A$2:$C$346,2,0))^2+(VLOOKUP($A40,városok!$A$2:$C$346,3,0)-VLOOKUP(U$1,városok!$A$2:$C$346,3,0))^2)/1000,0)</f>
        <v>167</v>
      </c>
      <c r="V40">
        <f ca="1">ROUND(SQRT((VLOOKUP($A40,városok!$A$2:$C$346,2,0)-VLOOKUP(V$1,városok!$A$2:$C$346,2,0))^2+(VLOOKUP($A40,városok!$A$2:$C$346,3,0)-VLOOKUP(V$1,városok!$A$2:$C$346,3,0))^2)/1000,0)</f>
        <v>216</v>
      </c>
      <c r="W40">
        <f ca="1">ROUND(SQRT((VLOOKUP($A40,városok!$A$2:$C$346,2,0)-VLOOKUP(W$1,városok!$A$2:$C$346,2,0))^2+(VLOOKUP($A40,városok!$A$2:$C$346,3,0)-VLOOKUP(W$1,városok!$A$2:$C$346,3,0))^2)/1000,0)</f>
        <v>189</v>
      </c>
      <c r="X40">
        <f ca="1">ROUND(SQRT((VLOOKUP($A40,városok!$A$2:$C$346,2,0)-VLOOKUP(X$1,városok!$A$2:$C$346,2,0))^2+(VLOOKUP($A40,városok!$A$2:$C$346,3,0)-VLOOKUP(X$1,városok!$A$2:$C$346,3,0))^2)/1000,0)</f>
        <v>220</v>
      </c>
      <c r="Y40">
        <f ca="1">ROUND(SQRT((VLOOKUP($A40,városok!$A$2:$C$346,2,0)-VLOOKUP(Y$1,városok!$A$2:$C$346,2,0))^2+(VLOOKUP($A40,városok!$A$2:$C$346,3,0)-VLOOKUP(Y$1,városok!$A$2:$C$346,3,0))^2)/1000,0)</f>
        <v>284</v>
      </c>
      <c r="Z40">
        <f ca="1">ROUND(SQRT((VLOOKUP($A40,városok!$A$2:$C$346,2,0)-VLOOKUP(Z$1,városok!$A$2:$C$346,2,0))^2+(VLOOKUP($A40,városok!$A$2:$C$346,3,0)-VLOOKUP(Z$1,városok!$A$2:$C$346,3,0))^2)/1000,0)</f>
        <v>303</v>
      </c>
      <c r="AA40">
        <f ca="1">ROUND(SQRT((VLOOKUP($A40,városok!$A$2:$C$346,2,0)-VLOOKUP(AA$1,városok!$A$2:$C$346,2,0))^2+(VLOOKUP($A40,városok!$A$2:$C$346,3,0)-VLOOKUP(AA$1,városok!$A$2:$C$346,3,0))^2)/1000,0)</f>
        <v>359</v>
      </c>
      <c r="AB40">
        <f ca="1">ROUND(SQRT((VLOOKUP($A40,városok!$A$2:$C$346,2,0)-VLOOKUP(AB$1,városok!$A$2:$C$346,2,0))^2+(VLOOKUP($A40,városok!$A$2:$C$346,3,0)-VLOOKUP(AB$1,városok!$A$2:$C$346,3,0))^2)/1000,0)</f>
        <v>104</v>
      </c>
      <c r="AC40">
        <f ca="1">ROUND(SQRT((VLOOKUP($A40,városok!$A$2:$C$346,2,0)-VLOOKUP(AC$1,városok!$A$2:$C$346,2,0))^2+(VLOOKUP($A40,városok!$A$2:$C$346,3,0)-VLOOKUP(AC$1,városok!$A$2:$C$346,3,0))^2)/1000,0)</f>
        <v>89</v>
      </c>
      <c r="AD40">
        <f ca="1">ROUND(SQRT((VLOOKUP($A40,városok!$A$2:$C$346,2,0)-VLOOKUP(AD$1,városok!$A$2:$C$346,2,0))^2+(VLOOKUP($A40,városok!$A$2:$C$346,3,0)-VLOOKUP(AD$1,városok!$A$2:$C$346,3,0))^2)/1000,0)</f>
        <v>84</v>
      </c>
      <c r="AE40">
        <f ca="1">ROUND(SQRT((VLOOKUP($A40,városok!$A$2:$C$346,2,0)-VLOOKUP(AE$1,városok!$A$2:$C$346,2,0))^2+(VLOOKUP($A40,városok!$A$2:$C$346,3,0)-VLOOKUP(AE$1,városok!$A$2:$C$346,3,0))^2)/1000,0)</f>
        <v>68</v>
      </c>
      <c r="AF40">
        <f ca="1">ROUND(SQRT((VLOOKUP($A40,városok!$A$2:$C$346,2,0)-VLOOKUP(AF$1,városok!$A$2:$C$346,2,0))^2+(VLOOKUP($A40,városok!$A$2:$C$346,3,0)-VLOOKUP(AF$1,városok!$A$2:$C$346,3,0))^2)/1000,0)</f>
        <v>146</v>
      </c>
      <c r="AG40">
        <f ca="1">ROUND(SQRT((VLOOKUP($A40,városok!$A$2:$C$346,2,0)-VLOOKUP(AG$1,városok!$A$2:$C$346,2,0))^2+(VLOOKUP($A40,városok!$A$2:$C$346,3,0)-VLOOKUP(AG$1,városok!$A$2:$C$346,3,0))^2)/1000,0)</f>
        <v>151</v>
      </c>
      <c r="AH40">
        <f ca="1">ROUND(SQRT((VLOOKUP($A40,városok!$A$2:$C$346,2,0)-VLOOKUP(AH$1,városok!$A$2:$C$346,2,0))^2+(VLOOKUP($A40,városok!$A$2:$C$346,3,0)-VLOOKUP(AH$1,városok!$A$2:$C$346,3,0))^2)/1000,0)</f>
        <v>153</v>
      </c>
      <c r="AI40">
        <f ca="1">ROUND(SQRT((VLOOKUP($A40,városok!$A$2:$C$346,2,0)-VLOOKUP(AI$1,városok!$A$2:$C$346,2,0))^2+(VLOOKUP($A40,városok!$A$2:$C$346,3,0)-VLOOKUP(AI$1,városok!$A$2:$C$346,3,0))^2)/1000,0)</f>
        <v>167</v>
      </c>
      <c r="AJ40">
        <f ca="1">ROUND(SQRT((VLOOKUP($A40,városok!$A$2:$C$346,2,0)-VLOOKUP(AJ$1,városok!$A$2:$C$346,2,0))^2+(VLOOKUP($A40,városok!$A$2:$C$346,3,0)-VLOOKUP(AJ$1,városok!$A$2:$C$346,3,0))^2)/1000,0)</f>
        <v>136</v>
      </c>
      <c r="AK40">
        <f ca="1">ROUND(SQRT((VLOOKUP($A40,városok!$A$2:$C$346,2,0)-VLOOKUP(AK$1,városok!$A$2:$C$346,2,0))^2+(VLOOKUP($A40,városok!$A$2:$C$346,3,0)-VLOOKUP(AK$1,városok!$A$2:$C$346,3,0))^2)/1000,0)</f>
        <v>68</v>
      </c>
      <c r="AL40">
        <f ca="1">ROUND(SQRT((VLOOKUP($A40,városok!$A$2:$C$346,2,0)-VLOOKUP(AL$1,városok!$A$2:$C$346,2,0))^2+(VLOOKUP($A40,városok!$A$2:$C$346,3,0)-VLOOKUP(AL$1,városok!$A$2:$C$346,3,0))^2)/1000,0)</f>
        <v>84</v>
      </c>
      <c r="AM40">
        <f ca="1">ROUND(SQRT((VLOOKUP($A40,városok!$A$2:$C$346,2,0)-VLOOKUP(AM$1,városok!$A$2:$C$346,2,0))^2+(VLOOKUP($A40,városok!$A$2:$C$346,3,0)-VLOOKUP(AM$1,városok!$A$2:$C$346,3,0))^2)/1000,0)</f>
        <v>88</v>
      </c>
      <c r="AN40">
        <f ca="1">ROUND(SQRT((VLOOKUP($A40,városok!$A$2:$C$346,2,0)-VLOOKUP(AN$1,városok!$A$2:$C$346,2,0))^2+(VLOOKUP($A40,városok!$A$2:$C$346,3,0)-VLOOKUP(AN$1,városok!$A$2:$C$346,3,0))^2)/1000,0)</f>
        <v>216</v>
      </c>
      <c r="AO40">
        <f ca="1">ROUND(SQRT((VLOOKUP($A40,városok!$A$2:$C$346,2,0)-VLOOKUP(AO$1,városok!$A$2:$C$346,2,0))^2+(VLOOKUP($A40,városok!$A$2:$C$346,3,0)-VLOOKUP(AO$1,városok!$A$2:$C$346,3,0))^2)/1000,0)</f>
        <v>253</v>
      </c>
      <c r="AP40">
        <f ca="1">ROUND(SQRT((VLOOKUP($A40,városok!$A$2:$C$346,2,0)-VLOOKUP(AP$1,városok!$A$2:$C$346,2,0))^2+(VLOOKUP($A40,városok!$A$2:$C$346,3,0)-VLOOKUP(AP$1,városok!$A$2:$C$346,3,0))^2)/1000,0)</f>
        <v>235</v>
      </c>
      <c r="AQ40">
        <f ca="1">ROUND(SQRT((VLOOKUP($A40,városok!$A$2:$C$346,2,0)-VLOOKUP(AQ$1,városok!$A$2:$C$346,2,0))^2+(VLOOKUP($A40,városok!$A$2:$C$346,3,0)-VLOOKUP(AQ$1,városok!$A$2:$C$346,3,0))^2)/1000,0)</f>
        <v>226</v>
      </c>
      <c r="AR40">
        <f ca="1">ROUND(SQRT((VLOOKUP($A40,városok!$A$2:$C$346,2,0)-VLOOKUP(AR$1,városok!$A$2:$C$346,2,0))^2+(VLOOKUP($A40,városok!$A$2:$C$346,3,0)-VLOOKUP(AR$1,városok!$A$2:$C$346,3,0))^2)/1000,0)</f>
        <v>174</v>
      </c>
      <c r="AS40">
        <f ca="1">ROUND(SQRT((VLOOKUP($A40,városok!$A$2:$C$346,2,0)-VLOOKUP(AS$1,városok!$A$2:$C$346,2,0))^2+(VLOOKUP($A40,városok!$A$2:$C$346,3,0)-VLOOKUP(AS$1,városok!$A$2:$C$346,3,0))^2)/1000,0)</f>
        <v>186</v>
      </c>
      <c r="AT40">
        <f ca="1">ROUND(SQRT((VLOOKUP($A40,városok!$A$2:$C$346,2,0)-VLOOKUP(AT$1,városok!$A$2:$C$346,2,0))^2+(VLOOKUP($A40,városok!$A$2:$C$346,3,0)-VLOOKUP(AT$1,városok!$A$2:$C$346,3,0))^2)/1000,0)</f>
        <v>193</v>
      </c>
      <c r="AU40">
        <f ca="1">ROUND(SQRT((VLOOKUP($A40,városok!$A$2:$C$346,2,0)-VLOOKUP(AU$1,városok!$A$2:$C$346,2,0))^2+(VLOOKUP($A40,városok!$A$2:$C$346,3,0)-VLOOKUP(AU$1,városok!$A$2:$C$346,3,0))^2)/1000,0)</f>
        <v>183</v>
      </c>
      <c r="AV40">
        <f ca="1">ROUND(SQRT((VLOOKUP($A40,városok!$A$2:$C$346,2,0)-VLOOKUP(AV$1,városok!$A$2:$C$346,2,0))^2+(VLOOKUP($A40,városok!$A$2:$C$346,3,0)-VLOOKUP(AV$1,városok!$A$2:$C$346,3,0))^2)/1000,0)</f>
        <v>181</v>
      </c>
      <c r="AW40">
        <f ca="1">ROUND(SQRT((VLOOKUP($A40,városok!$A$2:$C$346,2,0)-VLOOKUP(AW$1,városok!$A$2:$C$346,2,0))^2+(VLOOKUP($A40,városok!$A$2:$C$346,3,0)-VLOOKUP(AW$1,városok!$A$2:$C$346,3,0))^2)/1000,0)</f>
        <v>183</v>
      </c>
      <c r="AX40">
        <f ca="1">ROUND(SQRT((VLOOKUP($A40,városok!$A$2:$C$346,2,0)-VLOOKUP(AX$1,városok!$A$2:$C$346,2,0))^2+(VLOOKUP($A40,városok!$A$2:$C$346,3,0)-VLOOKUP(AX$1,városok!$A$2:$C$346,3,0))^2)/1000,0)</f>
        <v>107</v>
      </c>
      <c r="AY40">
        <f ca="1">ROUND(SQRT((VLOOKUP($A40,városok!$A$2:$C$346,2,0)-VLOOKUP(AY$1,városok!$A$2:$C$346,2,0))^2+(VLOOKUP($A40,városok!$A$2:$C$346,3,0)-VLOOKUP(AY$1,városok!$A$2:$C$346,3,0))^2)/1000,0)</f>
        <v>190</v>
      </c>
      <c r="AZ40">
        <f ca="1">ROUND(SQRT((VLOOKUP($A40,városok!$A$2:$C$346,2,0)-VLOOKUP(AZ$1,városok!$A$2:$C$346,2,0))^2+(VLOOKUP($A40,városok!$A$2:$C$346,3,0)-VLOOKUP(AZ$1,városok!$A$2:$C$346,3,0))^2)/1000,0)</f>
        <v>202</v>
      </c>
      <c r="BA40">
        <f ca="1">ROUND(SQRT((VLOOKUP($A40,városok!$A$2:$C$346,2,0)-VLOOKUP(BA$1,városok!$A$2:$C$346,2,0))^2+(VLOOKUP($A40,városok!$A$2:$C$346,3,0)-VLOOKUP(BA$1,városok!$A$2:$C$346,3,0))^2)/1000,0)</f>
        <v>258</v>
      </c>
      <c r="BB40">
        <f ca="1">ROUND(SQRT((VLOOKUP($A40,városok!$A$2:$C$346,2,0)-VLOOKUP(BB$1,városok!$A$2:$C$346,2,0))^2+(VLOOKUP($A40,városok!$A$2:$C$346,3,0)-VLOOKUP(BB$1,városok!$A$2:$C$346,3,0))^2)/1000,0)</f>
        <v>241</v>
      </c>
      <c r="BC40">
        <f ca="1">ROUND(SQRT((VLOOKUP($A40,városok!$A$2:$C$346,2,0)-VLOOKUP(BC$1,városok!$A$2:$C$346,2,0))^2+(VLOOKUP($A40,városok!$A$2:$C$346,3,0)-VLOOKUP(BC$1,városok!$A$2:$C$346,3,0))^2)/1000,0)</f>
        <v>254</v>
      </c>
      <c r="BD40">
        <f ca="1">ROUND(SQRT((VLOOKUP($A40,városok!$A$2:$C$346,2,0)-VLOOKUP(BD$1,városok!$A$2:$C$346,2,0))^2+(VLOOKUP($A40,városok!$A$2:$C$346,3,0)-VLOOKUP(BD$1,városok!$A$2:$C$346,3,0))^2)/1000,0)</f>
        <v>232</v>
      </c>
      <c r="BE40">
        <f ca="1">ROUND(SQRT((VLOOKUP($A40,városok!$A$2:$C$346,2,0)-VLOOKUP(BE$1,városok!$A$2:$C$346,2,0))^2+(VLOOKUP($A40,városok!$A$2:$C$346,3,0)-VLOOKUP(BE$1,városok!$A$2:$C$346,3,0))^2)/1000,0)</f>
        <v>177</v>
      </c>
      <c r="BF40">
        <f ca="1">ROUND(SQRT((VLOOKUP($A40,városok!$A$2:$C$346,2,0)-VLOOKUP(BF$1,városok!$A$2:$C$346,2,0))^2+(VLOOKUP($A40,városok!$A$2:$C$346,3,0)-VLOOKUP(BF$1,városok!$A$2:$C$346,3,0))^2)/1000,0)</f>
        <v>188</v>
      </c>
      <c r="BG40">
        <f ca="1">ROUND(SQRT((VLOOKUP($A40,városok!$A$2:$C$346,2,0)-VLOOKUP(BG$1,városok!$A$2:$C$346,2,0))^2+(VLOOKUP($A40,városok!$A$2:$C$346,3,0)-VLOOKUP(BG$1,városok!$A$2:$C$346,3,0))^2)/1000,0)</f>
        <v>164</v>
      </c>
      <c r="BH40">
        <f ca="1">ROUND(SQRT((VLOOKUP($A40,városok!$A$2:$C$346,2,0)-VLOOKUP(BH$1,városok!$A$2:$C$346,2,0))^2+(VLOOKUP($A40,városok!$A$2:$C$346,3,0)-VLOOKUP(BH$1,városok!$A$2:$C$346,3,0))^2)/1000,0)</f>
        <v>164</v>
      </c>
      <c r="BI40">
        <f ca="1">ROUND(SQRT((VLOOKUP($A40,városok!$A$2:$C$346,2,0)-VLOOKUP(BI$1,városok!$A$2:$C$346,2,0))^2+(VLOOKUP($A40,városok!$A$2:$C$346,3,0)-VLOOKUP(BI$1,városok!$A$2:$C$346,3,0))^2)/1000,0)</f>
        <v>191</v>
      </c>
      <c r="BJ40">
        <f ca="1">ROUND(SQRT((VLOOKUP($A40,városok!$A$2:$C$346,2,0)-VLOOKUP(BJ$1,városok!$A$2:$C$346,2,0))^2+(VLOOKUP($A40,városok!$A$2:$C$346,3,0)-VLOOKUP(BJ$1,városok!$A$2:$C$346,3,0))^2)/1000,0)</f>
        <v>206</v>
      </c>
      <c r="BK40">
        <f ca="1">ROUND(SQRT((VLOOKUP($A40,városok!$A$2:$C$346,2,0)-VLOOKUP(BK$1,városok!$A$2:$C$346,2,0))^2+(VLOOKUP($A40,városok!$A$2:$C$346,3,0)-VLOOKUP(BK$1,városok!$A$2:$C$346,3,0))^2)/1000,0)</f>
        <v>186</v>
      </c>
      <c r="BL40">
        <f ca="1">ROUND(SQRT((VLOOKUP($A40,városok!$A$2:$C$346,2,0)-VLOOKUP(BL$1,városok!$A$2:$C$346,2,0))^2+(VLOOKUP($A40,városok!$A$2:$C$346,3,0)-VLOOKUP(BL$1,városok!$A$2:$C$346,3,0))^2)/1000,0)</f>
        <v>343</v>
      </c>
      <c r="BM40">
        <f ca="1">ROUND(SQRT((VLOOKUP($A40,városok!$A$2:$C$346,2,0)-VLOOKUP(BM$1,városok!$A$2:$C$346,2,0))^2+(VLOOKUP($A40,városok!$A$2:$C$346,3,0)-VLOOKUP(BM$1,városok!$A$2:$C$346,3,0))^2)/1000,0)</f>
        <v>322</v>
      </c>
      <c r="BN40">
        <f ca="1">ROUND(SQRT((VLOOKUP($A40,városok!$A$2:$C$346,2,0)-VLOOKUP(BN$1,városok!$A$2:$C$346,2,0))^2+(VLOOKUP($A40,városok!$A$2:$C$346,3,0)-VLOOKUP(BN$1,városok!$A$2:$C$346,3,0))^2)/1000,0)</f>
        <v>345</v>
      </c>
      <c r="BO40">
        <f ca="1">ROUND(SQRT((VLOOKUP($A40,városok!$A$2:$C$346,2,0)-VLOOKUP(BO$1,városok!$A$2:$C$346,2,0))^2+(VLOOKUP($A40,városok!$A$2:$C$346,3,0)-VLOOKUP(BO$1,városok!$A$2:$C$346,3,0))^2)/1000,0)</f>
        <v>237</v>
      </c>
      <c r="BP40">
        <f ca="1">ROUND(SQRT((VLOOKUP($A40,városok!$A$2:$C$346,2,0)-VLOOKUP(BP$1,városok!$A$2:$C$346,2,0))^2+(VLOOKUP($A40,városok!$A$2:$C$346,3,0)-VLOOKUP(BP$1,városok!$A$2:$C$346,3,0))^2)/1000,0)</f>
        <v>230</v>
      </c>
      <c r="BQ40">
        <f ca="1">ROUND(SQRT((VLOOKUP($A40,városok!$A$2:$C$346,2,0)-VLOOKUP(BQ$1,városok!$A$2:$C$346,2,0))^2+(VLOOKUP($A40,városok!$A$2:$C$346,3,0)-VLOOKUP(BQ$1,városok!$A$2:$C$346,3,0))^2)/1000,0)</f>
        <v>246</v>
      </c>
      <c r="BR40">
        <f ca="1">ROUND(SQRT((VLOOKUP($A40,városok!$A$2:$C$346,2,0)-VLOOKUP(BR$1,városok!$A$2:$C$346,2,0))^2+(VLOOKUP($A40,városok!$A$2:$C$346,3,0)-VLOOKUP(BR$1,városok!$A$2:$C$346,3,0))^2)/1000,0)</f>
        <v>293</v>
      </c>
      <c r="BS40">
        <f ca="1">ROUND(SQRT((VLOOKUP($A40,városok!$A$2:$C$346,2,0)-VLOOKUP(BS$1,városok!$A$2:$C$346,2,0))^2+(VLOOKUP($A40,városok!$A$2:$C$346,3,0)-VLOOKUP(BS$1,városok!$A$2:$C$346,3,0))^2)/1000,0)</f>
        <v>314</v>
      </c>
      <c r="BT40">
        <f ca="1">ROUND(SQRT((VLOOKUP($A40,városok!$A$2:$C$346,2,0)-VLOOKUP(BT$1,városok!$A$2:$C$346,2,0))^2+(VLOOKUP($A40,városok!$A$2:$C$346,3,0)-VLOOKUP(BT$1,városok!$A$2:$C$346,3,0))^2)/1000,0)</f>
        <v>324</v>
      </c>
    </row>
    <row r="41" spans="1:72" x14ac:dyDescent="0.2">
      <c r="A41" t="str">
        <f>városok!A41</f>
        <v>Csorvás</v>
      </c>
      <c r="B41">
        <f ca="1">ROUND(SQRT((VLOOKUP($A41,városok!$A$2:$C$346,2,0)-VLOOKUP(B$1,városok!$A$2:$C$346,2,0))^2+(VLOOKUP($A41,városok!$A$2:$C$346,3,0)-VLOOKUP(B$1,városok!$A$2:$C$346,3,0))^2)/1000,0)</f>
        <v>152</v>
      </c>
      <c r="C41">
        <f ca="1">ROUND(SQRT((VLOOKUP($A41,városok!$A$2:$C$346,2,0)-VLOOKUP(C$1,városok!$A$2:$C$346,2,0))^2+(VLOOKUP($A41,városok!$A$2:$C$346,3,0)-VLOOKUP(C$1,városok!$A$2:$C$346,3,0))^2)/1000,0)</f>
        <v>142</v>
      </c>
      <c r="D41">
        <f ca="1">ROUND(SQRT((VLOOKUP($A41,városok!$A$2:$C$346,2,0)-VLOOKUP(D$1,városok!$A$2:$C$346,2,0))^2+(VLOOKUP($A41,városok!$A$2:$C$346,3,0)-VLOOKUP(D$1,városok!$A$2:$C$346,3,0))^2)/1000,0)</f>
        <v>92</v>
      </c>
      <c r="E41">
        <f ca="1">ROUND(SQRT((VLOOKUP($A41,városok!$A$2:$C$346,2,0)-VLOOKUP(E$1,városok!$A$2:$C$346,2,0))^2+(VLOOKUP($A41,városok!$A$2:$C$346,3,0)-VLOOKUP(E$1,városok!$A$2:$C$346,3,0))^2)/1000,0)</f>
        <v>203</v>
      </c>
      <c r="F41">
        <f ca="1">ROUND(SQRT((VLOOKUP($A41,városok!$A$2:$C$346,2,0)-VLOOKUP(F$1,városok!$A$2:$C$346,2,0))^2+(VLOOKUP($A41,városok!$A$2:$C$346,3,0)-VLOOKUP(F$1,városok!$A$2:$C$346,3,0))^2)/1000,0)</f>
        <v>180</v>
      </c>
      <c r="G41">
        <f ca="1">ROUND(SQRT((VLOOKUP($A41,városok!$A$2:$C$346,2,0)-VLOOKUP(G$1,városok!$A$2:$C$346,2,0))^2+(VLOOKUP($A41,városok!$A$2:$C$346,3,0)-VLOOKUP(G$1,városok!$A$2:$C$346,3,0))^2)/1000,0)</f>
        <v>208</v>
      </c>
      <c r="H41">
        <f ca="1">ROUND(SQRT((VLOOKUP($A41,városok!$A$2:$C$346,2,0)-VLOOKUP(H$1,városok!$A$2:$C$346,2,0))^2+(VLOOKUP($A41,városok!$A$2:$C$346,3,0)-VLOOKUP(H$1,városok!$A$2:$C$346,3,0))^2)/1000,0)</f>
        <v>242</v>
      </c>
      <c r="I41">
        <f ca="1">ROUND(SQRT((VLOOKUP($A41,városok!$A$2:$C$346,2,0)-VLOOKUP(I$1,városok!$A$2:$C$346,2,0))^2+(VLOOKUP($A41,városok!$A$2:$C$346,3,0)-VLOOKUP(I$1,városok!$A$2:$C$346,3,0))^2)/1000,0)</f>
        <v>20</v>
      </c>
      <c r="J41">
        <f ca="1">ROUND(SQRT((VLOOKUP($A41,városok!$A$2:$C$346,2,0)-VLOOKUP(J$1,városok!$A$2:$C$346,2,0))^2+(VLOOKUP($A41,városok!$A$2:$C$346,3,0)-VLOOKUP(J$1,városok!$A$2:$C$346,3,0))^2)/1000,0)</f>
        <v>34</v>
      </c>
      <c r="K41">
        <f ca="1">ROUND(SQRT((VLOOKUP($A41,városok!$A$2:$C$346,2,0)-VLOOKUP(K$1,városok!$A$2:$C$346,2,0))^2+(VLOOKUP($A41,városok!$A$2:$C$346,3,0)-VLOOKUP(K$1,városok!$A$2:$C$346,3,0))^2)/1000,0)</f>
        <v>14</v>
      </c>
      <c r="L41">
        <f ca="1">ROUND(SQRT((VLOOKUP($A41,városok!$A$2:$C$346,2,0)-VLOOKUP(L$1,városok!$A$2:$C$346,2,0))^2+(VLOOKUP($A41,városok!$A$2:$C$346,3,0)-VLOOKUP(L$1,városok!$A$2:$C$346,3,0))^2)/1000,0)</f>
        <v>181</v>
      </c>
      <c r="M41">
        <f ca="1">ROUND(SQRT((VLOOKUP($A41,városok!$A$2:$C$346,2,0)-VLOOKUP(M$1,városok!$A$2:$C$346,2,0))^2+(VLOOKUP($A41,városok!$A$2:$C$346,3,0)-VLOOKUP(M$1,városok!$A$2:$C$346,3,0))^2)/1000,0)</f>
        <v>164</v>
      </c>
      <c r="N41">
        <f ca="1">ROUND(SQRT((VLOOKUP($A41,városok!$A$2:$C$346,2,0)-VLOOKUP(N$1,városok!$A$2:$C$346,2,0))^2+(VLOOKUP($A41,városok!$A$2:$C$346,3,0)-VLOOKUP(N$1,városok!$A$2:$C$346,3,0))^2)/1000,0)</f>
        <v>182</v>
      </c>
      <c r="O41">
        <f ca="1">ROUND(SQRT((VLOOKUP($A41,városok!$A$2:$C$346,2,0)-VLOOKUP(O$1,városok!$A$2:$C$346,2,0))^2+(VLOOKUP($A41,városok!$A$2:$C$346,3,0)-VLOOKUP(O$1,városok!$A$2:$C$346,3,0))^2)/1000,0)</f>
        <v>206</v>
      </c>
      <c r="P41">
        <f ca="1">ROUND(SQRT((VLOOKUP($A41,városok!$A$2:$C$346,2,0)-VLOOKUP(P$1,városok!$A$2:$C$346,2,0))^2+(VLOOKUP($A41,városok!$A$2:$C$346,3,0)-VLOOKUP(P$1,városok!$A$2:$C$346,3,0))^2)/1000,0)</f>
        <v>206</v>
      </c>
      <c r="Q41">
        <f ca="1">ROUND(SQRT((VLOOKUP($A41,városok!$A$2:$C$346,2,0)-VLOOKUP(Q$1,városok!$A$2:$C$346,2,0))^2+(VLOOKUP($A41,városok!$A$2:$C$346,3,0)-VLOOKUP(Q$1,városok!$A$2:$C$346,3,0))^2)/1000,0)</f>
        <v>45</v>
      </c>
      <c r="R41">
        <f ca="1">ROUND(SQRT((VLOOKUP($A41,városok!$A$2:$C$346,2,0)-VLOOKUP(R$1,városok!$A$2:$C$346,2,0))^2+(VLOOKUP($A41,városok!$A$2:$C$346,3,0)-VLOOKUP(R$1,városok!$A$2:$C$346,3,0))^2)/1000,0)</f>
        <v>53</v>
      </c>
      <c r="S41">
        <f ca="1">ROUND(SQRT((VLOOKUP($A41,városok!$A$2:$C$346,2,0)-VLOOKUP(S$1,városok!$A$2:$C$346,2,0))^2+(VLOOKUP($A41,városok!$A$2:$C$346,3,0)-VLOOKUP(S$1,városok!$A$2:$C$346,3,0))^2)/1000,0)</f>
        <v>67</v>
      </c>
      <c r="T41">
        <f ca="1">ROUND(SQRT((VLOOKUP($A41,városok!$A$2:$C$346,2,0)-VLOOKUP(T$1,városok!$A$2:$C$346,2,0))^2+(VLOOKUP($A41,városok!$A$2:$C$346,3,0)-VLOOKUP(T$1,városok!$A$2:$C$346,3,0))^2)/1000,0)</f>
        <v>192</v>
      </c>
      <c r="U41">
        <f ca="1">ROUND(SQRT((VLOOKUP($A41,városok!$A$2:$C$346,2,0)-VLOOKUP(U$1,városok!$A$2:$C$346,2,0))^2+(VLOOKUP($A41,városok!$A$2:$C$346,3,0)-VLOOKUP(U$1,városok!$A$2:$C$346,3,0))^2)/1000,0)</f>
        <v>149</v>
      </c>
      <c r="V41">
        <f ca="1">ROUND(SQRT((VLOOKUP($A41,városok!$A$2:$C$346,2,0)-VLOOKUP(V$1,városok!$A$2:$C$346,2,0))^2+(VLOOKUP($A41,városok!$A$2:$C$346,3,0)-VLOOKUP(V$1,városok!$A$2:$C$346,3,0))^2)/1000,0)</f>
        <v>199</v>
      </c>
      <c r="W41">
        <f ca="1">ROUND(SQRT((VLOOKUP($A41,városok!$A$2:$C$346,2,0)-VLOOKUP(W$1,városok!$A$2:$C$346,2,0))^2+(VLOOKUP($A41,városok!$A$2:$C$346,3,0)-VLOOKUP(W$1,városok!$A$2:$C$346,3,0))^2)/1000,0)</f>
        <v>171</v>
      </c>
      <c r="X41">
        <f ca="1">ROUND(SQRT((VLOOKUP($A41,városok!$A$2:$C$346,2,0)-VLOOKUP(X$1,városok!$A$2:$C$346,2,0))^2+(VLOOKUP($A41,városok!$A$2:$C$346,3,0)-VLOOKUP(X$1,városok!$A$2:$C$346,3,0))^2)/1000,0)</f>
        <v>204</v>
      </c>
      <c r="Y41">
        <f ca="1">ROUND(SQRT((VLOOKUP($A41,városok!$A$2:$C$346,2,0)-VLOOKUP(Y$1,városok!$A$2:$C$346,2,0))^2+(VLOOKUP($A41,városok!$A$2:$C$346,3,0)-VLOOKUP(Y$1,városok!$A$2:$C$346,3,0))^2)/1000,0)</f>
        <v>269</v>
      </c>
      <c r="Z41">
        <f ca="1">ROUND(SQRT((VLOOKUP($A41,városok!$A$2:$C$346,2,0)-VLOOKUP(Z$1,városok!$A$2:$C$346,2,0))^2+(VLOOKUP($A41,városok!$A$2:$C$346,3,0)-VLOOKUP(Z$1,városok!$A$2:$C$346,3,0))^2)/1000,0)</f>
        <v>288</v>
      </c>
      <c r="AA41">
        <f ca="1">ROUND(SQRT((VLOOKUP($A41,városok!$A$2:$C$346,2,0)-VLOOKUP(AA$1,városok!$A$2:$C$346,2,0))^2+(VLOOKUP($A41,városok!$A$2:$C$346,3,0)-VLOOKUP(AA$1,városok!$A$2:$C$346,3,0))^2)/1000,0)</f>
        <v>343</v>
      </c>
      <c r="AB41">
        <f ca="1">ROUND(SQRT((VLOOKUP($A41,városok!$A$2:$C$346,2,0)-VLOOKUP(AB$1,városok!$A$2:$C$346,2,0))^2+(VLOOKUP($A41,városok!$A$2:$C$346,3,0)-VLOOKUP(AB$1,városok!$A$2:$C$346,3,0))^2)/1000,0)</f>
        <v>117</v>
      </c>
      <c r="AC41">
        <f ca="1">ROUND(SQRT((VLOOKUP($A41,városok!$A$2:$C$346,2,0)-VLOOKUP(AC$1,városok!$A$2:$C$346,2,0))^2+(VLOOKUP($A41,városok!$A$2:$C$346,3,0)-VLOOKUP(AC$1,városok!$A$2:$C$346,3,0))^2)/1000,0)</f>
        <v>100</v>
      </c>
      <c r="AD41">
        <f ca="1">ROUND(SQRT((VLOOKUP($A41,városok!$A$2:$C$346,2,0)-VLOOKUP(AD$1,városok!$A$2:$C$346,2,0))^2+(VLOOKUP($A41,városok!$A$2:$C$346,3,0)-VLOOKUP(AD$1,városok!$A$2:$C$346,3,0))^2)/1000,0)</f>
        <v>92</v>
      </c>
      <c r="AE41">
        <f ca="1">ROUND(SQRT((VLOOKUP($A41,városok!$A$2:$C$346,2,0)-VLOOKUP(AE$1,városok!$A$2:$C$346,2,0))^2+(VLOOKUP($A41,városok!$A$2:$C$346,3,0)-VLOOKUP(AE$1,városok!$A$2:$C$346,3,0))^2)/1000,0)</f>
        <v>77</v>
      </c>
      <c r="AF41">
        <f ca="1">ROUND(SQRT((VLOOKUP($A41,városok!$A$2:$C$346,2,0)-VLOOKUP(AF$1,városok!$A$2:$C$346,2,0))^2+(VLOOKUP($A41,városok!$A$2:$C$346,3,0)-VLOOKUP(AF$1,városok!$A$2:$C$346,3,0))^2)/1000,0)</f>
        <v>145</v>
      </c>
      <c r="AG41">
        <f ca="1">ROUND(SQRT((VLOOKUP($A41,városok!$A$2:$C$346,2,0)-VLOOKUP(AG$1,városok!$A$2:$C$346,2,0))^2+(VLOOKUP($A41,városok!$A$2:$C$346,3,0)-VLOOKUP(AG$1,városok!$A$2:$C$346,3,0))^2)/1000,0)</f>
        <v>145</v>
      </c>
      <c r="AH41">
        <f ca="1">ROUND(SQRT((VLOOKUP($A41,városok!$A$2:$C$346,2,0)-VLOOKUP(AH$1,városok!$A$2:$C$346,2,0))^2+(VLOOKUP($A41,városok!$A$2:$C$346,3,0)-VLOOKUP(AH$1,városok!$A$2:$C$346,3,0))^2)/1000,0)</f>
        <v>145</v>
      </c>
      <c r="AI41">
        <f ca="1">ROUND(SQRT((VLOOKUP($A41,városok!$A$2:$C$346,2,0)-VLOOKUP(AI$1,városok!$A$2:$C$346,2,0))^2+(VLOOKUP($A41,városok!$A$2:$C$346,3,0)-VLOOKUP(AI$1,városok!$A$2:$C$346,3,0))^2)/1000,0)</f>
        <v>164</v>
      </c>
      <c r="AJ41">
        <f ca="1">ROUND(SQRT((VLOOKUP($A41,városok!$A$2:$C$346,2,0)-VLOOKUP(AJ$1,városok!$A$2:$C$346,2,0))^2+(VLOOKUP($A41,városok!$A$2:$C$346,3,0)-VLOOKUP(AJ$1,városok!$A$2:$C$346,3,0))^2)/1000,0)</f>
        <v>130</v>
      </c>
      <c r="AK41">
        <f ca="1">ROUND(SQRT((VLOOKUP($A41,városok!$A$2:$C$346,2,0)-VLOOKUP(AK$1,városok!$A$2:$C$346,2,0))^2+(VLOOKUP($A41,városok!$A$2:$C$346,3,0)-VLOOKUP(AK$1,városok!$A$2:$C$346,3,0))^2)/1000,0)</f>
        <v>73</v>
      </c>
      <c r="AL41">
        <f ca="1">ROUND(SQRT((VLOOKUP($A41,városok!$A$2:$C$346,2,0)-VLOOKUP(AL$1,városok!$A$2:$C$346,2,0))^2+(VLOOKUP($A41,városok!$A$2:$C$346,3,0)-VLOOKUP(AL$1,városok!$A$2:$C$346,3,0))^2)/1000,0)</f>
        <v>83</v>
      </c>
      <c r="AM41">
        <f ca="1">ROUND(SQRT((VLOOKUP($A41,városok!$A$2:$C$346,2,0)-VLOOKUP(AM$1,városok!$A$2:$C$346,2,0))^2+(VLOOKUP($A41,városok!$A$2:$C$346,3,0)-VLOOKUP(AM$1,városok!$A$2:$C$346,3,0))^2)/1000,0)</f>
        <v>78</v>
      </c>
      <c r="AN41">
        <f ca="1">ROUND(SQRT((VLOOKUP($A41,városok!$A$2:$C$346,2,0)-VLOOKUP(AN$1,városok!$A$2:$C$346,2,0))^2+(VLOOKUP($A41,városok!$A$2:$C$346,3,0)-VLOOKUP(AN$1,városok!$A$2:$C$346,3,0))^2)/1000,0)</f>
        <v>204</v>
      </c>
      <c r="AO41">
        <f ca="1">ROUND(SQRT((VLOOKUP($A41,városok!$A$2:$C$346,2,0)-VLOOKUP(AO$1,városok!$A$2:$C$346,2,0))^2+(VLOOKUP($A41,városok!$A$2:$C$346,3,0)-VLOOKUP(AO$1,városok!$A$2:$C$346,3,0))^2)/1000,0)</f>
        <v>239</v>
      </c>
      <c r="AP41">
        <f ca="1">ROUND(SQRT((VLOOKUP($A41,városok!$A$2:$C$346,2,0)-VLOOKUP(AP$1,városok!$A$2:$C$346,2,0))^2+(VLOOKUP($A41,városok!$A$2:$C$346,3,0)-VLOOKUP(AP$1,városok!$A$2:$C$346,3,0))^2)/1000,0)</f>
        <v>220</v>
      </c>
      <c r="AQ41">
        <f ca="1">ROUND(SQRT((VLOOKUP($A41,városok!$A$2:$C$346,2,0)-VLOOKUP(AQ$1,városok!$A$2:$C$346,2,0))^2+(VLOOKUP($A41,városok!$A$2:$C$346,3,0)-VLOOKUP(AQ$1,városok!$A$2:$C$346,3,0))^2)/1000,0)</f>
        <v>211</v>
      </c>
      <c r="AR41">
        <f ca="1">ROUND(SQRT((VLOOKUP($A41,városok!$A$2:$C$346,2,0)-VLOOKUP(AR$1,városok!$A$2:$C$346,2,0))^2+(VLOOKUP($A41,városok!$A$2:$C$346,3,0)-VLOOKUP(AR$1,városok!$A$2:$C$346,3,0))^2)/1000,0)</f>
        <v>167</v>
      </c>
      <c r="AS41">
        <f ca="1">ROUND(SQRT((VLOOKUP($A41,városok!$A$2:$C$346,2,0)-VLOOKUP(AS$1,városok!$A$2:$C$346,2,0))^2+(VLOOKUP($A41,városok!$A$2:$C$346,3,0)-VLOOKUP(AS$1,városok!$A$2:$C$346,3,0))^2)/1000,0)</f>
        <v>182</v>
      </c>
      <c r="AT41">
        <f ca="1">ROUND(SQRT((VLOOKUP($A41,városok!$A$2:$C$346,2,0)-VLOOKUP(AT$1,városok!$A$2:$C$346,2,0))^2+(VLOOKUP($A41,városok!$A$2:$C$346,3,0)-VLOOKUP(AT$1,városok!$A$2:$C$346,3,0))^2)/1000,0)</f>
        <v>179</v>
      </c>
      <c r="AU41">
        <f ca="1">ROUND(SQRT((VLOOKUP($A41,városok!$A$2:$C$346,2,0)-VLOOKUP(AU$1,városok!$A$2:$C$346,2,0))^2+(VLOOKUP($A41,városok!$A$2:$C$346,3,0)-VLOOKUP(AU$1,városok!$A$2:$C$346,3,0))^2)/1000,0)</f>
        <v>169</v>
      </c>
      <c r="AV41">
        <f ca="1">ROUND(SQRT((VLOOKUP($A41,városok!$A$2:$C$346,2,0)-VLOOKUP(AV$1,városok!$A$2:$C$346,2,0))^2+(VLOOKUP($A41,városok!$A$2:$C$346,3,0)-VLOOKUP(AV$1,városok!$A$2:$C$346,3,0))^2)/1000,0)</f>
        <v>167</v>
      </c>
      <c r="AW41">
        <f ca="1">ROUND(SQRT((VLOOKUP($A41,városok!$A$2:$C$346,2,0)-VLOOKUP(AW$1,városok!$A$2:$C$346,2,0))^2+(VLOOKUP($A41,városok!$A$2:$C$346,3,0)-VLOOKUP(AW$1,városok!$A$2:$C$346,3,0))^2)/1000,0)</f>
        <v>169</v>
      </c>
      <c r="AX41">
        <f ca="1">ROUND(SQRT((VLOOKUP($A41,városok!$A$2:$C$346,2,0)-VLOOKUP(AX$1,városok!$A$2:$C$346,2,0))^2+(VLOOKUP($A41,városok!$A$2:$C$346,3,0)-VLOOKUP(AX$1,városok!$A$2:$C$346,3,0))^2)/1000,0)</f>
        <v>92</v>
      </c>
      <c r="AY41">
        <f ca="1">ROUND(SQRT((VLOOKUP($A41,városok!$A$2:$C$346,2,0)-VLOOKUP(AY$1,városok!$A$2:$C$346,2,0))^2+(VLOOKUP($A41,városok!$A$2:$C$346,3,0)-VLOOKUP(AY$1,városok!$A$2:$C$346,3,0))^2)/1000,0)</f>
        <v>178</v>
      </c>
      <c r="AZ41">
        <f ca="1">ROUND(SQRT((VLOOKUP($A41,városok!$A$2:$C$346,2,0)-VLOOKUP(AZ$1,városok!$A$2:$C$346,2,0))^2+(VLOOKUP($A41,városok!$A$2:$C$346,3,0)-VLOOKUP(AZ$1,városok!$A$2:$C$346,3,0))^2)/1000,0)</f>
        <v>191</v>
      </c>
      <c r="BA41">
        <f ca="1">ROUND(SQRT((VLOOKUP($A41,városok!$A$2:$C$346,2,0)-VLOOKUP(BA$1,városok!$A$2:$C$346,2,0))^2+(VLOOKUP($A41,városok!$A$2:$C$346,3,0)-VLOOKUP(BA$1,városok!$A$2:$C$346,3,0))^2)/1000,0)</f>
        <v>240</v>
      </c>
      <c r="BB41">
        <f ca="1">ROUND(SQRT((VLOOKUP($A41,városok!$A$2:$C$346,2,0)-VLOOKUP(BB$1,városok!$A$2:$C$346,2,0))^2+(VLOOKUP($A41,városok!$A$2:$C$346,3,0)-VLOOKUP(BB$1,városok!$A$2:$C$346,3,0))^2)/1000,0)</f>
        <v>221</v>
      </c>
      <c r="BC41">
        <f ca="1">ROUND(SQRT((VLOOKUP($A41,városok!$A$2:$C$346,2,0)-VLOOKUP(BC$1,városok!$A$2:$C$346,2,0))^2+(VLOOKUP($A41,városok!$A$2:$C$346,3,0)-VLOOKUP(BC$1,városok!$A$2:$C$346,3,0))^2)/1000,0)</f>
        <v>235</v>
      </c>
      <c r="BD41">
        <f ca="1">ROUND(SQRT((VLOOKUP($A41,városok!$A$2:$C$346,2,0)-VLOOKUP(BD$1,városok!$A$2:$C$346,2,0))^2+(VLOOKUP($A41,városok!$A$2:$C$346,3,0)-VLOOKUP(BD$1,városok!$A$2:$C$346,3,0))^2)/1000,0)</f>
        <v>213</v>
      </c>
      <c r="BE41">
        <f ca="1">ROUND(SQRT((VLOOKUP($A41,városok!$A$2:$C$346,2,0)-VLOOKUP(BE$1,városok!$A$2:$C$346,2,0))^2+(VLOOKUP($A41,városok!$A$2:$C$346,3,0)-VLOOKUP(BE$1,városok!$A$2:$C$346,3,0))^2)/1000,0)</f>
        <v>193</v>
      </c>
      <c r="BF41">
        <f ca="1">ROUND(SQRT((VLOOKUP($A41,városok!$A$2:$C$346,2,0)-VLOOKUP(BF$1,városok!$A$2:$C$346,2,0))^2+(VLOOKUP($A41,városok!$A$2:$C$346,3,0)-VLOOKUP(BF$1,városok!$A$2:$C$346,3,0))^2)/1000,0)</f>
        <v>201</v>
      </c>
      <c r="BG41">
        <f ca="1">ROUND(SQRT((VLOOKUP($A41,városok!$A$2:$C$346,2,0)-VLOOKUP(BG$1,városok!$A$2:$C$346,2,0))^2+(VLOOKUP($A41,városok!$A$2:$C$346,3,0)-VLOOKUP(BG$1,városok!$A$2:$C$346,3,0))^2)/1000,0)</f>
        <v>173</v>
      </c>
      <c r="BH41">
        <f ca="1">ROUND(SQRT((VLOOKUP($A41,városok!$A$2:$C$346,2,0)-VLOOKUP(BH$1,városok!$A$2:$C$346,2,0))^2+(VLOOKUP($A41,városok!$A$2:$C$346,3,0)-VLOOKUP(BH$1,városok!$A$2:$C$346,3,0))^2)/1000,0)</f>
        <v>173</v>
      </c>
      <c r="BI41">
        <f ca="1">ROUND(SQRT((VLOOKUP($A41,városok!$A$2:$C$346,2,0)-VLOOKUP(BI$1,városok!$A$2:$C$346,2,0))^2+(VLOOKUP($A41,városok!$A$2:$C$346,3,0)-VLOOKUP(BI$1,városok!$A$2:$C$346,3,0))^2)/1000,0)</f>
        <v>171</v>
      </c>
      <c r="BJ41">
        <f ca="1">ROUND(SQRT((VLOOKUP($A41,városok!$A$2:$C$346,2,0)-VLOOKUP(BJ$1,városok!$A$2:$C$346,2,0))^2+(VLOOKUP($A41,városok!$A$2:$C$346,3,0)-VLOOKUP(BJ$1,városok!$A$2:$C$346,3,0))^2)/1000,0)</f>
        <v>186</v>
      </c>
      <c r="BK41">
        <f ca="1">ROUND(SQRT((VLOOKUP($A41,városok!$A$2:$C$346,2,0)-VLOOKUP(BK$1,városok!$A$2:$C$346,2,0))^2+(VLOOKUP($A41,városok!$A$2:$C$346,3,0)-VLOOKUP(BK$1,városok!$A$2:$C$346,3,0))^2)/1000,0)</f>
        <v>166</v>
      </c>
      <c r="BL41">
        <f ca="1">ROUND(SQRT((VLOOKUP($A41,városok!$A$2:$C$346,2,0)-VLOOKUP(BL$1,városok!$A$2:$C$346,2,0))^2+(VLOOKUP($A41,városok!$A$2:$C$346,3,0)-VLOOKUP(BL$1,városok!$A$2:$C$346,3,0))^2)/1000,0)</f>
        <v>325</v>
      </c>
      <c r="BM41">
        <f ca="1">ROUND(SQRT((VLOOKUP($A41,városok!$A$2:$C$346,2,0)-VLOOKUP(BM$1,városok!$A$2:$C$346,2,0))^2+(VLOOKUP($A41,városok!$A$2:$C$346,3,0)-VLOOKUP(BM$1,városok!$A$2:$C$346,3,0))^2)/1000,0)</f>
        <v>305</v>
      </c>
      <c r="BN41">
        <f ca="1">ROUND(SQRT((VLOOKUP($A41,városok!$A$2:$C$346,2,0)-VLOOKUP(BN$1,városok!$A$2:$C$346,2,0))^2+(VLOOKUP($A41,városok!$A$2:$C$346,3,0)-VLOOKUP(BN$1,városok!$A$2:$C$346,3,0))^2)/1000,0)</f>
        <v>327</v>
      </c>
      <c r="BO41">
        <f ca="1">ROUND(SQRT((VLOOKUP($A41,városok!$A$2:$C$346,2,0)-VLOOKUP(BO$1,városok!$A$2:$C$346,2,0))^2+(VLOOKUP($A41,városok!$A$2:$C$346,3,0)-VLOOKUP(BO$1,városok!$A$2:$C$346,3,0))^2)/1000,0)</f>
        <v>219</v>
      </c>
      <c r="BP41">
        <f ca="1">ROUND(SQRT((VLOOKUP($A41,városok!$A$2:$C$346,2,0)-VLOOKUP(BP$1,városok!$A$2:$C$346,2,0))^2+(VLOOKUP($A41,városok!$A$2:$C$346,3,0)-VLOOKUP(BP$1,városok!$A$2:$C$346,3,0))^2)/1000,0)</f>
        <v>212</v>
      </c>
      <c r="BQ41">
        <f ca="1">ROUND(SQRT((VLOOKUP($A41,városok!$A$2:$C$346,2,0)-VLOOKUP(BQ$1,városok!$A$2:$C$346,2,0))^2+(VLOOKUP($A41,városok!$A$2:$C$346,3,0)-VLOOKUP(BQ$1,városok!$A$2:$C$346,3,0))^2)/1000,0)</f>
        <v>228</v>
      </c>
      <c r="BR41">
        <f ca="1">ROUND(SQRT((VLOOKUP($A41,városok!$A$2:$C$346,2,0)-VLOOKUP(BR$1,városok!$A$2:$C$346,2,0))^2+(VLOOKUP($A41,városok!$A$2:$C$346,3,0)-VLOOKUP(BR$1,városok!$A$2:$C$346,3,0))^2)/1000,0)</f>
        <v>274</v>
      </c>
      <c r="BS41">
        <f ca="1">ROUND(SQRT((VLOOKUP($A41,városok!$A$2:$C$346,2,0)-VLOOKUP(BS$1,városok!$A$2:$C$346,2,0))^2+(VLOOKUP($A41,városok!$A$2:$C$346,3,0)-VLOOKUP(BS$1,városok!$A$2:$C$346,3,0))^2)/1000,0)</f>
        <v>295</v>
      </c>
      <c r="BT41">
        <f ca="1">ROUND(SQRT((VLOOKUP($A41,városok!$A$2:$C$346,2,0)-VLOOKUP(BT$1,városok!$A$2:$C$346,2,0))^2+(VLOOKUP($A41,városok!$A$2:$C$346,3,0)-VLOOKUP(BT$1,városok!$A$2:$C$346,3,0))^2)/1000,0)</f>
        <v>306</v>
      </c>
    </row>
    <row r="42" spans="1:72" x14ac:dyDescent="0.2">
      <c r="A42" t="str">
        <f>városok!A42</f>
        <v>Dévaványa</v>
      </c>
      <c r="B42">
        <f ca="1">ROUND(SQRT((VLOOKUP($A42,városok!$A$2:$C$346,2,0)-VLOOKUP(B$1,városok!$A$2:$C$346,2,0))^2+(VLOOKUP($A42,városok!$A$2:$C$346,3,0)-VLOOKUP(B$1,városok!$A$2:$C$346,3,0))^2)/1000,0)</f>
        <v>179</v>
      </c>
      <c r="C42">
        <f ca="1">ROUND(SQRT((VLOOKUP($A42,városok!$A$2:$C$346,2,0)-VLOOKUP(C$1,városok!$A$2:$C$346,2,0))^2+(VLOOKUP($A42,városok!$A$2:$C$346,3,0)-VLOOKUP(C$1,városok!$A$2:$C$346,3,0))^2)/1000,0)</f>
        <v>161</v>
      </c>
      <c r="D42">
        <f ca="1">ROUND(SQRT((VLOOKUP($A42,városok!$A$2:$C$346,2,0)-VLOOKUP(D$1,városok!$A$2:$C$346,2,0))^2+(VLOOKUP($A42,városok!$A$2:$C$346,3,0)-VLOOKUP(D$1,városok!$A$2:$C$346,3,0))^2)/1000,0)</f>
        <v>97</v>
      </c>
      <c r="E42">
        <f ca="1">ROUND(SQRT((VLOOKUP($A42,városok!$A$2:$C$346,2,0)-VLOOKUP(E$1,városok!$A$2:$C$346,2,0))^2+(VLOOKUP($A42,városok!$A$2:$C$346,3,0)-VLOOKUP(E$1,városok!$A$2:$C$346,3,0))^2)/1000,0)</f>
        <v>227</v>
      </c>
      <c r="F42">
        <f ca="1">ROUND(SQRT((VLOOKUP($A42,városok!$A$2:$C$346,2,0)-VLOOKUP(F$1,városok!$A$2:$C$346,2,0))^2+(VLOOKUP($A42,városok!$A$2:$C$346,3,0)-VLOOKUP(F$1,városok!$A$2:$C$346,3,0))^2)/1000,0)</f>
        <v>209</v>
      </c>
      <c r="G42">
        <f ca="1">ROUND(SQRT((VLOOKUP($A42,városok!$A$2:$C$346,2,0)-VLOOKUP(G$1,városok!$A$2:$C$346,2,0))^2+(VLOOKUP($A42,városok!$A$2:$C$346,3,0)-VLOOKUP(G$1,városok!$A$2:$C$346,3,0))^2)/1000,0)</f>
        <v>233</v>
      </c>
      <c r="H42">
        <f ca="1">ROUND(SQRT((VLOOKUP($A42,városok!$A$2:$C$346,2,0)-VLOOKUP(H$1,városok!$A$2:$C$346,2,0))^2+(VLOOKUP($A42,városok!$A$2:$C$346,3,0)-VLOOKUP(H$1,városok!$A$2:$C$346,3,0))^2)/1000,0)</f>
        <v>266</v>
      </c>
      <c r="I42">
        <f ca="1">ROUND(SQRT((VLOOKUP($A42,városok!$A$2:$C$346,2,0)-VLOOKUP(I$1,városok!$A$2:$C$346,2,0))^2+(VLOOKUP($A42,városok!$A$2:$C$346,3,0)-VLOOKUP(I$1,városok!$A$2:$C$346,3,0))^2)/1000,0)</f>
        <v>40</v>
      </c>
      <c r="J42">
        <f ca="1">ROUND(SQRT((VLOOKUP($A42,városok!$A$2:$C$346,2,0)-VLOOKUP(J$1,városok!$A$2:$C$346,2,0))^2+(VLOOKUP($A42,városok!$A$2:$C$346,3,0)-VLOOKUP(J$1,városok!$A$2:$C$346,3,0))^2)/1000,0)</f>
        <v>49</v>
      </c>
      <c r="K42">
        <f ca="1">ROUND(SQRT((VLOOKUP($A42,városok!$A$2:$C$346,2,0)-VLOOKUP(K$1,városok!$A$2:$C$346,2,0))^2+(VLOOKUP($A42,városok!$A$2:$C$346,3,0)-VLOOKUP(K$1,városok!$A$2:$C$346,3,0))^2)/1000,0)</f>
        <v>56</v>
      </c>
      <c r="L42">
        <f ca="1">ROUND(SQRT((VLOOKUP($A42,városok!$A$2:$C$346,2,0)-VLOOKUP(L$1,városok!$A$2:$C$346,2,0))^2+(VLOOKUP($A42,városok!$A$2:$C$346,3,0)-VLOOKUP(L$1,városok!$A$2:$C$346,3,0))^2)/1000,0)</f>
        <v>139</v>
      </c>
      <c r="M42">
        <f ca="1">ROUND(SQRT((VLOOKUP($A42,városok!$A$2:$C$346,2,0)-VLOOKUP(M$1,városok!$A$2:$C$346,2,0))^2+(VLOOKUP($A42,városok!$A$2:$C$346,3,0)-VLOOKUP(M$1,városok!$A$2:$C$346,3,0))^2)/1000,0)</f>
        <v>120</v>
      </c>
      <c r="N42">
        <f ca="1">ROUND(SQRT((VLOOKUP($A42,városok!$A$2:$C$346,2,0)-VLOOKUP(N$1,városok!$A$2:$C$346,2,0))^2+(VLOOKUP($A42,városok!$A$2:$C$346,3,0)-VLOOKUP(N$1,városok!$A$2:$C$346,3,0))^2)/1000,0)</f>
        <v>142</v>
      </c>
      <c r="O42">
        <f ca="1">ROUND(SQRT((VLOOKUP($A42,városok!$A$2:$C$346,2,0)-VLOOKUP(O$1,városok!$A$2:$C$346,2,0))^2+(VLOOKUP($A42,városok!$A$2:$C$346,3,0)-VLOOKUP(O$1,városok!$A$2:$C$346,3,0))^2)/1000,0)</f>
        <v>161</v>
      </c>
      <c r="P42">
        <f ca="1">ROUND(SQRT((VLOOKUP($A42,városok!$A$2:$C$346,2,0)-VLOOKUP(P$1,városok!$A$2:$C$346,2,0))^2+(VLOOKUP($A42,városok!$A$2:$C$346,3,0)-VLOOKUP(P$1,városok!$A$2:$C$346,3,0))^2)/1000,0)</f>
        <v>161</v>
      </c>
      <c r="Q42">
        <f ca="1">ROUND(SQRT((VLOOKUP($A42,városok!$A$2:$C$346,2,0)-VLOOKUP(Q$1,városok!$A$2:$C$346,2,0))^2+(VLOOKUP($A42,városok!$A$2:$C$346,3,0)-VLOOKUP(Q$1,városok!$A$2:$C$346,3,0))^2)/1000,0)</f>
        <v>83</v>
      </c>
      <c r="R42">
        <f ca="1">ROUND(SQRT((VLOOKUP($A42,városok!$A$2:$C$346,2,0)-VLOOKUP(R$1,városok!$A$2:$C$346,2,0))^2+(VLOOKUP($A42,városok!$A$2:$C$346,3,0)-VLOOKUP(R$1,városok!$A$2:$C$346,3,0))^2)/1000,0)</f>
        <v>97</v>
      </c>
      <c r="S42">
        <f ca="1">ROUND(SQRT((VLOOKUP($A42,városok!$A$2:$C$346,2,0)-VLOOKUP(S$1,városok!$A$2:$C$346,2,0))^2+(VLOOKUP($A42,városok!$A$2:$C$346,3,0)-VLOOKUP(S$1,városok!$A$2:$C$346,3,0))^2)/1000,0)</f>
        <v>106</v>
      </c>
      <c r="T42">
        <f ca="1">ROUND(SQRT((VLOOKUP($A42,városok!$A$2:$C$346,2,0)-VLOOKUP(T$1,városok!$A$2:$C$346,2,0))^2+(VLOOKUP($A42,városok!$A$2:$C$346,3,0)-VLOOKUP(T$1,városok!$A$2:$C$346,3,0))^2)/1000,0)</f>
        <v>183</v>
      </c>
      <c r="U42">
        <f ca="1">ROUND(SQRT((VLOOKUP($A42,városok!$A$2:$C$346,2,0)-VLOOKUP(U$1,városok!$A$2:$C$346,2,0))^2+(VLOOKUP($A42,városok!$A$2:$C$346,3,0)-VLOOKUP(U$1,városok!$A$2:$C$346,3,0))^2)/1000,0)</f>
        <v>154</v>
      </c>
      <c r="V42">
        <f ca="1">ROUND(SQRT((VLOOKUP($A42,városok!$A$2:$C$346,2,0)-VLOOKUP(V$1,városok!$A$2:$C$346,2,0))^2+(VLOOKUP($A42,városok!$A$2:$C$346,3,0)-VLOOKUP(V$1,városok!$A$2:$C$346,3,0))^2)/1000,0)</f>
        <v>202</v>
      </c>
      <c r="W42">
        <f ca="1">ROUND(SQRT((VLOOKUP($A42,városok!$A$2:$C$346,2,0)-VLOOKUP(W$1,városok!$A$2:$C$346,2,0))^2+(VLOOKUP($A42,városok!$A$2:$C$346,3,0)-VLOOKUP(W$1,városok!$A$2:$C$346,3,0))^2)/1000,0)</f>
        <v>178</v>
      </c>
      <c r="X42">
        <f ca="1">ROUND(SQRT((VLOOKUP($A42,városok!$A$2:$C$346,2,0)-VLOOKUP(X$1,városok!$A$2:$C$346,2,0))^2+(VLOOKUP($A42,városok!$A$2:$C$346,3,0)-VLOOKUP(X$1,városok!$A$2:$C$346,3,0))^2)/1000,0)</f>
        <v>202</v>
      </c>
      <c r="Y42">
        <f ca="1">ROUND(SQRT((VLOOKUP($A42,városok!$A$2:$C$346,2,0)-VLOOKUP(Y$1,városok!$A$2:$C$346,2,0))^2+(VLOOKUP($A42,városok!$A$2:$C$346,3,0)-VLOOKUP(Y$1,városok!$A$2:$C$346,3,0))^2)/1000,0)</f>
        <v>262</v>
      </c>
      <c r="Z42">
        <f ca="1">ROUND(SQRT((VLOOKUP($A42,városok!$A$2:$C$346,2,0)-VLOOKUP(Z$1,városok!$A$2:$C$346,2,0))^2+(VLOOKUP($A42,városok!$A$2:$C$346,3,0)-VLOOKUP(Z$1,városok!$A$2:$C$346,3,0))^2)/1000,0)</f>
        <v>281</v>
      </c>
      <c r="AA42">
        <f ca="1">ROUND(SQRT((VLOOKUP($A42,városok!$A$2:$C$346,2,0)-VLOOKUP(AA$1,városok!$A$2:$C$346,2,0))^2+(VLOOKUP($A42,városok!$A$2:$C$346,3,0)-VLOOKUP(AA$1,városok!$A$2:$C$346,3,0))^2)/1000,0)</f>
        <v>338</v>
      </c>
      <c r="AB42">
        <f ca="1">ROUND(SQRT((VLOOKUP($A42,városok!$A$2:$C$346,2,0)-VLOOKUP(AB$1,városok!$A$2:$C$346,2,0))^2+(VLOOKUP($A42,városok!$A$2:$C$346,3,0)-VLOOKUP(AB$1,városok!$A$2:$C$346,3,0))^2)/1000,0)</f>
        <v>75</v>
      </c>
      <c r="AC42">
        <f ca="1">ROUND(SQRT((VLOOKUP($A42,városok!$A$2:$C$346,2,0)-VLOOKUP(AC$1,városok!$A$2:$C$346,2,0))^2+(VLOOKUP($A42,városok!$A$2:$C$346,3,0)-VLOOKUP(AC$1,városok!$A$2:$C$346,3,0))^2)/1000,0)</f>
        <v>57</v>
      </c>
      <c r="AD42">
        <f ca="1">ROUND(SQRT((VLOOKUP($A42,városok!$A$2:$C$346,2,0)-VLOOKUP(AD$1,városok!$A$2:$C$346,2,0))^2+(VLOOKUP($A42,városok!$A$2:$C$346,3,0)-VLOOKUP(AD$1,városok!$A$2:$C$346,3,0))^2)/1000,0)</f>
        <v>47</v>
      </c>
      <c r="AE42">
        <f ca="1">ROUND(SQRT((VLOOKUP($A42,városok!$A$2:$C$346,2,0)-VLOOKUP(AE$1,városok!$A$2:$C$346,2,0))^2+(VLOOKUP($A42,városok!$A$2:$C$346,3,0)-VLOOKUP(AE$1,városok!$A$2:$C$346,3,0))^2)/1000,0)</f>
        <v>33</v>
      </c>
      <c r="AF42">
        <f ca="1">ROUND(SQRT((VLOOKUP($A42,városok!$A$2:$C$346,2,0)-VLOOKUP(AF$1,városok!$A$2:$C$346,2,0))^2+(VLOOKUP($A42,városok!$A$2:$C$346,3,0)-VLOOKUP(AF$1,városok!$A$2:$C$346,3,0))^2)/1000,0)</f>
        <v>107</v>
      </c>
      <c r="AG42">
        <f ca="1">ROUND(SQRT((VLOOKUP($A42,városok!$A$2:$C$346,2,0)-VLOOKUP(AG$1,városok!$A$2:$C$346,2,0))^2+(VLOOKUP($A42,városok!$A$2:$C$346,3,0)-VLOOKUP(AG$1,városok!$A$2:$C$346,3,0))^2)/1000,0)</f>
        <v>114</v>
      </c>
      <c r="AH42">
        <f ca="1">ROUND(SQRT((VLOOKUP($A42,városok!$A$2:$C$346,2,0)-VLOOKUP(AH$1,városok!$A$2:$C$346,2,0))^2+(VLOOKUP($A42,városok!$A$2:$C$346,3,0)-VLOOKUP(AH$1,városok!$A$2:$C$346,3,0))^2)/1000,0)</f>
        <v>120</v>
      </c>
      <c r="AI42">
        <f ca="1">ROUND(SQRT((VLOOKUP($A42,városok!$A$2:$C$346,2,0)-VLOOKUP(AI$1,városok!$A$2:$C$346,2,0))^2+(VLOOKUP($A42,városok!$A$2:$C$346,3,0)-VLOOKUP(AI$1,városok!$A$2:$C$346,3,0))^2)/1000,0)</f>
        <v>128</v>
      </c>
      <c r="AJ42">
        <f ca="1">ROUND(SQRT((VLOOKUP($A42,városok!$A$2:$C$346,2,0)-VLOOKUP(AJ$1,városok!$A$2:$C$346,2,0))^2+(VLOOKUP($A42,városok!$A$2:$C$346,3,0)-VLOOKUP(AJ$1,városok!$A$2:$C$346,3,0))^2)/1000,0)</f>
        <v>101</v>
      </c>
      <c r="AK42">
        <f ca="1">ROUND(SQRT((VLOOKUP($A42,városok!$A$2:$C$346,2,0)-VLOOKUP(AK$1,városok!$A$2:$C$346,2,0))^2+(VLOOKUP($A42,városok!$A$2:$C$346,3,0)-VLOOKUP(AK$1,városok!$A$2:$C$346,3,0))^2)/1000,0)</f>
        <v>28</v>
      </c>
      <c r="AL42">
        <f ca="1">ROUND(SQRT((VLOOKUP($A42,városok!$A$2:$C$346,2,0)-VLOOKUP(AL$1,városok!$A$2:$C$346,2,0))^2+(VLOOKUP($A42,városok!$A$2:$C$346,3,0)-VLOOKUP(AL$1,városok!$A$2:$C$346,3,0))^2)/1000,0)</f>
        <v>45</v>
      </c>
      <c r="AM42">
        <f ca="1">ROUND(SQRT((VLOOKUP($A42,városok!$A$2:$C$346,2,0)-VLOOKUP(AM$1,városok!$A$2:$C$346,2,0))^2+(VLOOKUP($A42,városok!$A$2:$C$346,3,0)-VLOOKUP(AM$1,városok!$A$2:$C$346,3,0))^2)/1000,0)</f>
        <v>61</v>
      </c>
      <c r="AN42">
        <f ca="1">ROUND(SQRT((VLOOKUP($A42,városok!$A$2:$C$346,2,0)-VLOOKUP(AN$1,városok!$A$2:$C$346,2,0))^2+(VLOOKUP($A42,városok!$A$2:$C$346,3,0)-VLOOKUP(AN$1,városok!$A$2:$C$346,3,0))^2)/1000,0)</f>
        <v>187</v>
      </c>
      <c r="AO42">
        <f ca="1">ROUND(SQRT((VLOOKUP($A42,városok!$A$2:$C$346,2,0)-VLOOKUP(AO$1,városok!$A$2:$C$346,2,0))^2+(VLOOKUP($A42,városok!$A$2:$C$346,3,0)-VLOOKUP(AO$1,városok!$A$2:$C$346,3,0))^2)/1000,0)</f>
        <v>228</v>
      </c>
      <c r="AP42">
        <f ca="1">ROUND(SQRT((VLOOKUP($A42,városok!$A$2:$C$346,2,0)-VLOOKUP(AP$1,városok!$A$2:$C$346,2,0))^2+(VLOOKUP($A42,városok!$A$2:$C$346,3,0)-VLOOKUP(AP$1,városok!$A$2:$C$346,3,0))^2)/1000,0)</f>
        <v>210</v>
      </c>
      <c r="AQ42">
        <f ca="1">ROUND(SQRT((VLOOKUP($A42,városok!$A$2:$C$346,2,0)-VLOOKUP(AQ$1,városok!$A$2:$C$346,2,0))^2+(VLOOKUP($A42,városok!$A$2:$C$346,3,0)-VLOOKUP(AQ$1,városok!$A$2:$C$346,3,0))^2)/1000,0)</f>
        <v>202</v>
      </c>
      <c r="AR42">
        <f ca="1">ROUND(SQRT((VLOOKUP($A42,városok!$A$2:$C$346,2,0)-VLOOKUP(AR$1,városok!$A$2:$C$346,2,0))^2+(VLOOKUP($A42,városok!$A$2:$C$346,3,0)-VLOOKUP(AR$1,városok!$A$2:$C$346,3,0))^2)/1000,0)</f>
        <v>138</v>
      </c>
      <c r="AS42">
        <f ca="1">ROUND(SQRT((VLOOKUP($A42,városok!$A$2:$C$346,2,0)-VLOOKUP(AS$1,városok!$A$2:$C$346,2,0))^2+(VLOOKUP($A42,városok!$A$2:$C$346,3,0)-VLOOKUP(AS$1,városok!$A$2:$C$346,3,0))^2)/1000,0)</f>
        <v>148</v>
      </c>
      <c r="AT42">
        <f ca="1">ROUND(SQRT((VLOOKUP($A42,városok!$A$2:$C$346,2,0)-VLOOKUP(AT$1,városok!$A$2:$C$346,2,0))^2+(VLOOKUP($A42,városok!$A$2:$C$346,3,0)-VLOOKUP(AT$1,városok!$A$2:$C$346,3,0))^2)/1000,0)</f>
        <v>169</v>
      </c>
      <c r="AU42">
        <f ca="1">ROUND(SQRT((VLOOKUP($A42,városok!$A$2:$C$346,2,0)-VLOOKUP(AU$1,városok!$A$2:$C$346,2,0))^2+(VLOOKUP($A42,városok!$A$2:$C$346,3,0)-VLOOKUP(AU$1,városok!$A$2:$C$346,3,0))^2)/1000,0)</f>
        <v>159</v>
      </c>
      <c r="AV42">
        <f ca="1">ROUND(SQRT((VLOOKUP($A42,városok!$A$2:$C$346,2,0)-VLOOKUP(AV$1,városok!$A$2:$C$346,2,0))^2+(VLOOKUP($A42,városok!$A$2:$C$346,3,0)-VLOOKUP(AV$1,városok!$A$2:$C$346,3,0))^2)/1000,0)</f>
        <v>158</v>
      </c>
      <c r="AW42">
        <f ca="1">ROUND(SQRT((VLOOKUP($A42,városok!$A$2:$C$346,2,0)-VLOOKUP(AW$1,városok!$A$2:$C$346,2,0))^2+(VLOOKUP($A42,városok!$A$2:$C$346,3,0)-VLOOKUP(AW$1,városok!$A$2:$C$346,3,0))^2)/1000,0)</f>
        <v>160</v>
      </c>
      <c r="AX42">
        <f ca="1">ROUND(SQRT((VLOOKUP($A42,városok!$A$2:$C$346,2,0)-VLOOKUP(AX$1,városok!$A$2:$C$346,2,0))^2+(VLOOKUP($A42,városok!$A$2:$C$346,3,0)-VLOOKUP(AX$1,városok!$A$2:$C$346,3,0))^2)/1000,0)</f>
        <v>90</v>
      </c>
      <c r="AY42">
        <f ca="1">ROUND(SQRT((VLOOKUP($A42,városok!$A$2:$C$346,2,0)-VLOOKUP(AY$1,városok!$A$2:$C$346,2,0))^2+(VLOOKUP($A42,városok!$A$2:$C$346,3,0)-VLOOKUP(AY$1,városok!$A$2:$C$346,3,0))^2)/1000,0)</f>
        <v>161</v>
      </c>
      <c r="AZ42">
        <f ca="1">ROUND(SQRT((VLOOKUP($A42,városok!$A$2:$C$346,2,0)-VLOOKUP(AZ$1,városok!$A$2:$C$346,2,0))^2+(VLOOKUP($A42,városok!$A$2:$C$346,3,0)-VLOOKUP(AZ$1,városok!$A$2:$C$346,3,0))^2)/1000,0)</f>
        <v>172</v>
      </c>
      <c r="BA42">
        <f ca="1">ROUND(SQRT((VLOOKUP($A42,városok!$A$2:$C$346,2,0)-VLOOKUP(BA$1,városok!$A$2:$C$346,2,0))^2+(VLOOKUP($A42,városok!$A$2:$C$346,3,0)-VLOOKUP(BA$1,városok!$A$2:$C$346,3,0))^2)/1000,0)</f>
        <v>250</v>
      </c>
      <c r="BB42">
        <f ca="1">ROUND(SQRT((VLOOKUP($A42,városok!$A$2:$C$346,2,0)-VLOOKUP(BB$1,városok!$A$2:$C$346,2,0))^2+(VLOOKUP($A42,városok!$A$2:$C$346,3,0)-VLOOKUP(BB$1,városok!$A$2:$C$346,3,0))^2)/1000,0)</f>
        <v>237</v>
      </c>
      <c r="BC42">
        <f ca="1">ROUND(SQRT((VLOOKUP($A42,városok!$A$2:$C$346,2,0)-VLOOKUP(BC$1,városok!$A$2:$C$346,2,0))^2+(VLOOKUP($A42,városok!$A$2:$C$346,3,0)-VLOOKUP(BC$1,városok!$A$2:$C$346,3,0))^2)/1000,0)</f>
        <v>253</v>
      </c>
      <c r="BD42">
        <f ca="1">ROUND(SQRT((VLOOKUP($A42,városok!$A$2:$C$346,2,0)-VLOOKUP(BD$1,városok!$A$2:$C$346,2,0))^2+(VLOOKUP($A42,városok!$A$2:$C$346,3,0)-VLOOKUP(BD$1,városok!$A$2:$C$346,3,0))^2)/1000,0)</f>
        <v>220</v>
      </c>
      <c r="BE42">
        <f ca="1">ROUND(SQRT((VLOOKUP($A42,városok!$A$2:$C$346,2,0)-VLOOKUP(BE$1,városok!$A$2:$C$346,2,0))^2+(VLOOKUP($A42,városok!$A$2:$C$346,3,0)-VLOOKUP(BE$1,városok!$A$2:$C$346,3,0))^2)/1000,0)</f>
        <v>157</v>
      </c>
      <c r="BF42">
        <f ca="1">ROUND(SQRT((VLOOKUP($A42,városok!$A$2:$C$346,2,0)-VLOOKUP(BF$1,városok!$A$2:$C$346,2,0))^2+(VLOOKUP($A42,városok!$A$2:$C$346,3,0)-VLOOKUP(BF$1,városok!$A$2:$C$346,3,0))^2)/1000,0)</f>
        <v>157</v>
      </c>
      <c r="BG42">
        <f ca="1">ROUND(SQRT((VLOOKUP($A42,városok!$A$2:$C$346,2,0)-VLOOKUP(BG$1,városok!$A$2:$C$346,2,0))^2+(VLOOKUP($A42,városok!$A$2:$C$346,3,0)-VLOOKUP(BG$1,városok!$A$2:$C$346,3,0))^2)/1000,0)</f>
        <v>128</v>
      </c>
      <c r="BH42">
        <f ca="1">ROUND(SQRT((VLOOKUP($A42,városok!$A$2:$C$346,2,0)-VLOOKUP(BH$1,városok!$A$2:$C$346,2,0))^2+(VLOOKUP($A42,városok!$A$2:$C$346,3,0)-VLOOKUP(BH$1,városok!$A$2:$C$346,3,0))^2)/1000,0)</f>
        <v>128</v>
      </c>
      <c r="BI42">
        <f ca="1">ROUND(SQRT((VLOOKUP($A42,városok!$A$2:$C$346,2,0)-VLOOKUP(BI$1,városok!$A$2:$C$346,2,0))^2+(VLOOKUP($A42,városok!$A$2:$C$346,3,0)-VLOOKUP(BI$1,városok!$A$2:$C$346,3,0))^2)/1000,0)</f>
        <v>192</v>
      </c>
      <c r="BJ42">
        <f ca="1">ROUND(SQRT((VLOOKUP($A42,városok!$A$2:$C$346,2,0)-VLOOKUP(BJ$1,városok!$A$2:$C$346,2,0))^2+(VLOOKUP($A42,városok!$A$2:$C$346,3,0)-VLOOKUP(BJ$1,városok!$A$2:$C$346,3,0))^2)/1000,0)</f>
        <v>208</v>
      </c>
      <c r="BK42">
        <f ca="1">ROUND(SQRT((VLOOKUP($A42,városok!$A$2:$C$346,2,0)-VLOOKUP(BK$1,városok!$A$2:$C$346,2,0))^2+(VLOOKUP($A42,városok!$A$2:$C$346,3,0)-VLOOKUP(BK$1,városok!$A$2:$C$346,3,0))^2)/1000,0)</f>
        <v>188</v>
      </c>
      <c r="BL42">
        <f ca="1">ROUND(SQRT((VLOOKUP($A42,városok!$A$2:$C$346,2,0)-VLOOKUP(BL$1,városok!$A$2:$C$346,2,0))^2+(VLOOKUP($A42,városok!$A$2:$C$346,3,0)-VLOOKUP(BL$1,városok!$A$2:$C$346,3,0))^2)/1000,0)</f>
        <v>331</v>
      </c>
      <c r="BM42">
        <f ca="1">ROUND(SQRT((VLOOKUP($A42,városok!$A$2:$C$346,2,0)-VLOOKUP(BM$1,városok!$A$2:$C$346,2,0))^2+(VLOOKUP($A42,városok!$A$2:$C$346,3,0)-VLOOKUP(BM$1,városok!$A$2:$C$346,3,0))^2)/1000,0)</f>
        <v>306</v>
      </c>
      <c r="BN42">
        <f ca="1">ROUND(SQRT((VLOOKUP($A42,városok!$A$2:$C$346,2,0)-VLOOKUP(BN$1,városok!$A$2:$C$346,2,0))^2+(VLOOKUP($A42,városok!$A$2:$C$346,3,0)-VLOOKUP(BN$1,városok!$A$2:$C$346,3,0))^2)/1000,0)</f>
        <v>330</v>
      </c>
      <c r="BO42">
        <f ca="1">ROUND(SQRT((VLOOKUP($A42,városok!$A$2:$C$346,2,0)-VLOOKUP(BO$1,városok!$A$2:$C$346,2,0))^2+(VLOOKUP($A42,városok!$A$2:$C$346,3,0)-VLOOKUP(BO$1,városok!$A$2:$C$346,3,0))^2)/1000,0)</f>
        <v>224</v>
      </c>
      <c r="BP42">
        <f ca="1">ROUND(SQRT((VLOOKUP($A42,városok!$A$2:$C$346,2,0)-VLOOKUP(BP$1,városok!$A$2:$C$346,2,0))^2+(VLOOKUP($A42,városok!$A$2:$C$346,3,0)-VLOOKUP(BP$1,városok!$A$2:$C$346,3,0))^2)/1000,0)</f>
        <v>216</v>
      </c>
      <c r="BQ42">
        <f ca="1">ROUND(SQRT((VLOOKUP($A42,városok!$A$2:$C$346,2,0)-VLOOKUP(BQ$1,városok!$A$2:$C$346,2,0))^2+(VLOOKUP($A42,városok!$A$2:$C$346,3,0)-VLOOKUP(BQ$1,városok!$A$2:$C$346,3,0))^2)/1000,0)</f>
        <v>232</v>
      </c>
      <c r="BR42">
        <f ca="1">ROUND(SQRT((VLOOKUP($A42,városok!$A$2:$C$346,2,0)-VLOOKUP(BR$1,városok!$A$2:$C$346,2,0))^2+(VLOOKUP($A42,városok!$A$2:$C$346,3,0)-VLOOKUP(BR$1,városok!$A$2:$C$346,3,0))^2)/1000,0)</f>
        <v>284</v>
      </c>
      <c r="BS42">
        <f ca="1">ROUND(SQRT((VLOOKUP($A42,városok!$A$2:$C$346,2,0)-VLOOKUP(BS$1,városok!$A$2:$C$346,2,0))^2+(VLOOKUP($A42,városok!$A$2:$C$346,3,0)-VLOOKUP(BS$1,városok!$A$2:$C$346,3,0))^2)/1000,0)</f>
        <v>310</v>
      </c>
      <c r="BT42">
        <f ca="1">ROUND(SQRT((VLOOKUP($A42,városok!$A$2:$C$346,2,0)-VLOOKUP(BT$1,városok!$A$2:$C$346,2,0))^2+(VLOOKUP($A42,városok!$A$2:$C$346,3,0)-VLOOKUP(BT$1,városok!$A$2:$C$346,3,0))^2)/1000,0)</f>
        <v>314</v>
      </c>
    </row>
    <row r="43" spans="1:72" x14ac:dyDescent="0.2">
      <c r="A43" t="str">
        <f>városok!A43</f>
        <v>Elek</v>
      </c>
      <c r="B43">
        <f ca="1">ROUND(SQRT((VLOOKUP($A43,városok!$A$2:$C$346,2,0)-VLOOKUP(B$1,városok!$A$2:$C$346,2,0))^2+(VLOOKUP($A43,városok!$A$2:$C$346,3,0)-VLOOKUP(B$1,városok!$A$2:$C$346,3,0))^2)/1000,0)</f>
        <v>180</v>
      </c>
      <c r="C43">
        <f ca="1">ROUND(SQRT((VLOOKUP($A43,városok!$A$2:$C$346,2,0)-VLOOKUP(C$1,városok!$A$2:$C$346,2,0))^2+(VLOOKUP($A43,városok!$A$2:$C$346,3,0)-VLOOKUP(C$1,városok!$A$2:$C$346,3,0))^2)/1000,0)</f>
        <v>174</v>
      </c>
      <c r="D43">
        <f ca="1">ROUND(SQRT((VLOOKUP($A43,városok!$A$2:$C$346,2,0)-VLOOKUP(D$1,városok!$A$2:$C$346,2,0))^2+(VLOOKUP($A43,városok!$A$2:$C$346,3,0)-VLOOKUP(D$1,városok!$A$2:$C$346,3,0))^2)/1000,0)</f>
        <v>126</v>
      </c>
      <c r="E43">
        <f ca="1">ROUND(SQRT((VLOOKUP($A43,városok!$A$2:$C$346,2,0)-VLOOKUP(E$1,városok!$A$2:$C$346,2,0))^2+(VLOOKUP($A43,városok!$A$2:$C$346,3,0)-VLOOKUP(E$1,városok!$A$2:$C$346,3,0))^2)/1000,0)</f>
        <v>233</v>
      </c>
      <c r="F43">
        <f ca="1">ROUND(SQRT((VLOOKUP($A43,városok!$A$2:$C$346,2,0)-VLOOKUP(F$1,városok!$A$2:$C$346,2,0))^2+(VLOOKUP($A43,városok!$A$2:$C$346,3,0)-VLOOKUP(F$1,városok!$A$2:$C$346,3,0))^2)/1000,0)</f>
        <v>206</v>
      </c>
      <c r="G43">
        <f ca="1">ROUND(SQRT((VLOOKUP($A43,városok!$A$2:$C$346,2,0)-VLOOKUP(G$1,városok!$A$2:$C$346,2,0))^2+(VLOOKUP($A43,városok!$A$2:$C$346,3,0)-VLOOKUP(G$1,városok!$A$2:$C$346,3,0))^2)/1000,0)</f>
        <v>237</v>
      </c>
      <c r="H43">
        <f ca="1">ROUND(SQRT((VLOOKUP($A43,városok!$A$2:$C$346,2,0)-VLOOKUP(H$1,városok!$A$2:$C$346,2,0))^2+(VLOOKUP($A43,városok!$A$2:$C$346,3,0)-VLOOKUP(H$1,városok!$A$2:$C$346,3,0))^2)/1000,0)</f>
        <v>271</v>
      </c>
      <c r="I43">
        <f ca="1">ROUND(SQRT((VLOOKUP($A43,városok!$A$2:$C$346,2,0)-VLOOKUP(I$1,városok!$A$2:$C$346,2,0))^2+(VLOOKUP($A43,városok!$A$2:$C$346,3,0)-VLOOKUP(I$1,városok!$A$2:$C$346,3,0))^2)/1000,0)</f>
        <v>21</v>
      </c>
      <c r="J43">
        <f ca="1">ROUND(SQRT((VLOOKUP($A43,városok!$A$2:$C$346,2,0)-VLOOKUP(J$1,városok!$A$2:$C$346,2,0))^2+(VLOOKUP($A43,városok!$A$2:$C$346,3,0)-VLOOKUP(J$1,városok!$A$2:$C$346,3,0))^2)/1000,0)</f>
        <v>13</v>
      </c>
      <c r="K43">
        <f ca="1">ROUND(SQRT((VLOOKUP($A43,városok!$A$2:$C$346,2,0)-VLOOKUP(K$1,városok!$A$2:$C$346,2,0))^2+(VLOOKUP($A43,városok!$A$2:$C$346,3,0)-VLOOKUP(K$1,városok!$A$2:$C$346,3,0))^2)/1000,0)</f>
        <v>45</v>
      </c>
      <c r="L43">
        <f ca="1">ROUND(SQRT((VLOOKUP($A43,városok!$A$2:$C$346,2,0)-VLOOKUP(L$1,városok!$A$2:$C$346,2,0))^2+(VLOOKUP($A43,városok!$A$2:$C$346,3,0)-VLOOKUP(L$1,városok!$A$2:$C$346,3,0))^2)/1000,0)</f>
        <v>197</v>
      </c>
      <c r="M43">
        <f ca="1">ROUND(SQRT((VLOOKUP($A43,városok!$A$2:$C$346,2,0)-VLOOKUP(M$1,városok!$A$2:$C$346,2,0))^2+(VLOOKUP($A43,városok!$A$2:$C$346,3,0)-VLOOKUP(M$1,városok!$A$2:$C$346,3,0))^2)/1000,0)</f>
        <v>179</v>
      </c>
      <c r="N43">
        <f ca="1">ROUND(SQRT((VLOOKUP($A43,városok!$A$2:$C$346,2,0)-VLOOKUP(N$1,városok!$A$2:$C$346,2,0))^2+(VLOOKUP($A43,városok!$A$2:$C$346,3,0)-VLOOKUP(N$1,városok!$A$2:$C$346,3,0))^2)/1000,0)</f>
        <v>202</v>
      </c>
      <c r="O43">
        <f ca="1">ROUND(SQRT((VLOOKUP($A43,városok!$A$2:$C$346,2,0)-VLOOKUP(O$1,városok!$A$2:$C$346,2,0))^2+(VLOOKUP($A43,városok!$A$2:$C$346,3,0)-VLOOKUP(O$1,városok!$A$2:$C$346,3,0))^2)/1000,0)</f>
        <v>210</v>
      </c>
      <c r="P43">
        <f ca="1">ROUND(SQRT((VLOOKUP($A43,városok!$A$2:$C$346,2,0)-VLOOKUP(P$1,városok!$A$2:$C$346,2,0))^2+(VLOOKUP($A43,városok!$A$2:$C$346,3,0)-VLOOKUP(P$1,városok!$A$2:$C$346,3,0))^2)/1000,0)</f>
        <v>210</v>
      </c>
      <c r="Q43">
        <f ca="1">ROUND(SQRT((VLOOKUP($A43,városok!$A$2:$C$346,2,0)-VLOOKUP(Q$1,városok!$A$2:$C$346,2,0))^2+(VLOOKUP($A43,városok!$A$2:$C$346,3,0)-VLOOKUP(Q$1,városok!$A$2:$C$346,3,0))^2)/1000,0)</f>
        <v>72</v>
      </c>
      <c r="R43">
        <f ca="1">ROUND(SQRT((VLOOKUP($A43,városok!$A$2:$C$346,2,0)-VLOOKUP(R$1,városok!$A$2:$C$346,2,0))^2+(VLOOKUP($A43,városok!$A$2:$C$346,3,0)-VLOOKUP(R$1,városok!$A$2:$C$346,3,0))^2)/1000,0)</f>
        <v>69</v>
      </c>
      <c r="S43">
        <f ca="1">ROUND(SQRT((VLOOKUP($A43,városok!$A$2:$C$346,2,0)-VLOOKUP(S$1,városok!$A$2:$C$346,2,0))^2+(VLOOKUP($A43,városok!$A$2:$C$346,3,0)-VLOOKUP(S$1,városok!$A$2:$C$346,3,0))^2)/1000,0)</f>
        <v>89</v>
      </c>
      <c r="T43">
        <f ca="1">ROUND(SQRT((VLOOKUP($A43,városok!$A$2:$C$346,2,0)-VLOOKUP(T$1,városok!$A$2:$C$346,2,0))^2+(VLOOKUP($A43,városok!$A$2:$C$346,3,0)-VLOOKUP(T$1,városok!$A$2:$C$346,3,0))^2)/1000,0)</f>
        <v>226</v>
      </c>
      <c r="U43">
        <f ca="1">ROUND(SQRT((VLOOKUP($A43,városok!$A$2:$C$346,2,0)-VLOOKUP(U$1,városok!$A$2:$C$346,2,0))^2+(VLOOKUP($A43,városok!$A$2:$C$346,3,0)-VLOOKUP(U$1,városok!$A$2:$C$346,3,0))^2)/1000,0)</f>
        <v>183</v>
      </c>
      <c r="V43">
        <f ca="1">ROUND(SQRT((VLOOKUP($A43,városok!$A$2:$C$346,2,0)-VLOOKUP(V$1,városok!$A$2:$C$346,2,0))^2+(VLOOKUP($A43,városok!$A$2:$C$346,3,0)-VLOOKUP(V$1,városok!$A$2:$C$346,3,0))^2)/1000,0)</f>
        <v>233</v>
      </c>
      <c r="W43">
        <f ca="1">ROUND(SQRT((VLOOKUP($A43,városok!$A$2:$C$346,2,0)-VLOOKUP(W$1,városok!$A$2:$C$346,2,0))^2+(VLOOKUP($A43,városok!$A$2:$C$346,3,0)-VLOOKUP(W$1,városok!$A$2:$C$346,3,0))^2)/1000,0)</f>
        <v>205</v>
      </c>
      <c r="X43">
        <f ca="1">ROUND(SQRT((VLOOKUP($A43,városok!$A$2:$C$346,2,0)-VLOOKUP(X$1,városok!$A$2:$C$346,2,0))^2+(VLOOKUP($A43,városok!$A$2:$C$346,3,0)-VLOOKUP(X$1,városok!$A$2:$C$346,3,0))^2)/1000,0)</f>
        <v>238</v>
      </c>
      <c r="Y43">
        <f ca="1">ROUND(SQRT((VLOOKUP($A43,városok!$A$2:$C$346,2,0)-VLOOKUP(Y$1,városok!$A$2:$C$346,2,0))^2+(VLOOKUP($A43,városok!$A$2:$C$346,3,0)-VLOOKUP(Y$1,városok!$A$2:$C$346,3,0))^2)/1000,0)</f>
        <v>303</v>
      </c>
      <c r="Z43">
        <f ca="1">ROUND(SQRT((VLOOKUP($A43,városok!$A$2:$C$346,2,0)-VLOOKUP(Z$1,városok!$A$2:$C$346,2,0))^2+(VLOOKUP($A43,városok!$A$2:$C$346,3,0)-VLOOKUP(Z$1,városok!$A$2:$C$346,3,0))^2)/1000,0)</f>
        <v>322</v>
      </c>
      <c r="AA43">
        <f ca="1">ROUND(SQRT((VLOOKUP($A43,városok!$A$2:$C$346,2,0)-VLOOKUP(AA$1,városok!$A$2:$C$346,2,0))^2+(VLOOKUP($A43,városok!$A$2:$C$346,3,0)-VLOOKUP(AA$1,városok!$A$2:$C$346,3,0))^2)/1000,0)</f>
        <v>377</v>
      </c>
      <c r="AB43">
        <f ca="1">ROUND(SQRT((VLOOKUP($A43,városok!$A$2:$C$346,2,0)-VLOOKUP(AB$1,városok!$A$2:$C$346,2,0))^2+(VLOOKUP($A43,városok!$A$2:$C$346,3,0)-VLOOKUP(AB$1,városok!$A$2:$C$346,3,0))^2)/1000,0)</f>
        <v>115</v>
      </c>
      <c r="AC43">
        <f ca="1">ROUND(SQRT((VLOOKUP($A43,városok!$A$2:$C$346,2,0)-VLOOKUP(AC$1,városok!$A$2:$C$346,2,0))^2+(VLOOKUP($A43,városok!$A$2:$C$346,3,0)-VLOOKUP(AC$1,városok!$A$2:$C$346,3,0))^2)/1000,0)</f>
        <v>102</v>
      </c>
      <c r="AD43">
        <f ca="1">ROUND(SQRT((VLOOKUP($A43,városok!$A$2:$C$346,2,0)-VLOOKUP(AD$1,városok!$A$2:$C$346,2,0))^2+(VLOOKUP($A43,városok!$A$2:$C$346,3,0)-VLOOKUP(AD$1,városok!$A$2:$C$346,3,0))^2)/1000,0)</f>
        <v>100</v>
      </c>
      <c r="AE43">
        <f ca="1">ROUND(SQRT((VLOOKUP($A43,városok!$A$2:$C$346,2,0)-VLOOKUP(AE$1,városok!$A$2:$C$346,2,0))^2+(VLOOKUP($A43,városok!$A$2:$C$346,3,0)-VLOOKUP(AE$1,városok!$A$2:$C$346,3,0))^2)/1000,0)</f>
        <v>84</v>
      </c>
      <c r="AF43">
        <f ca="1">ROUND(SQRT((VLOOKUP($A43,városok!$A$2:$C$346,2,0)-VLOOKUP(AF$1,városok!$A$2:$C$346,2,0))^2+(VLOOKUP($A43,városok!$A$2:$C$346,3,0)-VLOOKUP(AF$1,városok!$A$2:$C$346,3,0))^2)/1000,0)</f>
        <v>166</v>
      </c>
      <c r="AG43">
        <f ca="1">ROUND(SQRT((VLOOKUP($A43,városok!$A$2:$C$346,2,0)-VLOOKUP(AG$1,városok!$A$2:$C$346,2,0))^2+(VLOOKUP($A43,városok!$A$2:$C$346,3,0)-VLOOKUP(AG$1,városok!$A$2:$C$346,3,0))^2)/1000,0)</f>
        <v>172</v>
      </c>
      <c r="AH43">
        <f ca="1">ROUND(SQRT((VLOOKUP($A43,városok!$A$2:$C$346,2,0)-VLOOKUP(AH$1,városok!$A$2:$C$346,2,0))^2+(VLOOKUP($A43,városok!$A$2:$C$346,3,0)-VLOOKUP(AH$1,városok!$A$2:$C$346,3,0))^2)/1000,0)</f>
        <v>174</v>
      </c>
      <c r="AI43">
        <f ca="1">ROUND(SQRT((VLOOKUP($A43,városok!$A$2:$C$346,2,0)-VLOOKUP(AI$1,városok!$A$2:$C$346,2,0))^2+(VLOOKUP($A43,városok!$A$2:$C$346,3,0)-VLOOKUP(AI$1,városok!$A$2:$C$346,3,0))^2)/1000,0)</f>
        <v>187</v>
      </c>
      <c r="AJ43">
        <f ca="1">ROUND(SQRT((VLOOKUP($A43,városok!$A$2:$C$346,2,0)-VLOOKUP(AJ$1,városok!$A$2:$C$346,2,0))^2+(VLOOKUP($A43,városok!$A$2:$C$346,3,0)-VLOOKUP(AJ$1,városok!$A$2:$C$346,3,0))^2)/1000,0)</f>
        <v>157</v>
      </c>
      <c r="AK43">
        <f ca="1">ROUND(SQRT((VLOOKUP($A43,városok!$A$2:$C$346,2,0)-VLOOKUP(AK$1,városok!$A$2:$C$346,2,0))^2+(VLOOKUP($A43,városok!$A$2:$C$346,3,0)-VLOOKUP(AK$1,városok!$A$2:$C$346,3,0))^2)/1000,0)</f>
        <v>86</v>
      </c>
      <c r="AL43">
        <f ca="1">ROUND(SQRT((VLOOKUP($A43,városok!$A$2:$C$346,2,0)-VLOOKUP(AL$1,városok!$A$2:$C$346,2,0))^2+(VLOOKUP($A43,városok!$A$2:$C$346,3,0)-VLOOKUP(AL$1,városok!$A$2:$C$346,3,0))^2)/1000,0)</f>
        <v>105</v>
      </c>
      <c r="AM43">
        <f ca="1">ROUND(SQRT((VLOOKUP($A43,városok!$A$2:$C$346,2,0)-VLOOKUP(AM$1,városok!$A$2:$C$346,2,0))^2+(VLOOKUP($A43,városok!$A$2:$C$346,3,0)-VLOOKUP(AM$1,városok!$A$2:$C$346,3,0))^2)/1000,0)</f>
        <v>109</v>
      </c>
      <c r="AN43">
        <f ca="1">ROUND(SQRT((VLOOKUP($A43,városok!$A$2:$C$346,2,0)-VLOOKUP(AN$1,városok!$A$2:$C$346,2,0))^2+(VLOOKUP($A43,városok!$A$2:$C$346,3,0)-VLOOKUP(AN$1,városok!$A$2:$C$346,3,0))^2)/1000,0)</f>
        <v>236</v>
      </c>
      <c r="AO43">
        <f ca="1">ROUND(SQRT((VLOOKUP($A43,városok!$A$2:$C$346,2,0)-VLOOKUP(AO$1,városok!$A$2:$C$346,2,0))^2+(VLOOKUP($A43,városok!$A$2:$C$346,3,0)-VLOOKUP(AO$1,városok!$A$2:$C$346,3,0))^2)/1000,0)</f>
        <v>273</v>
      </c>
      <c r="AP43">
        <f ca="1">ROUND(SQRT((VLOOKUP($A43,városok!$A$2:$C$346,2,0)-VLOOKUP(AP$1,városok!$A$2:$C$346,2,0))^2+(VLOOKUP($A43,városok!$A$2:$C$346,3,0)-VLOOKUP(AP$1,városok!$A$2:$C$346,3,0))^2)/1000,0)</f>
        <v>254</v>
      </c>
      <c r="AQ43">
        <f ca="1">ROUND(SQRT((VLOOKUP($A43,városok!$A$2:$C$346,2,0)-VLOOKUP(AQ$1,városok!$A$2:$C$346,2,0))^2+(VLOOKUP($A43,városok!$A$2:$C$346,3,0)-VLOOKUP(AQ$1,városok!$A$2:$C$346,3,0))^2)/1000,0)</f>
        <v>245</v>
      </c>
      <c r="AR43">
        <f ca="1">ROUND(SQRT((VLOOKUP($A43,városok!$A$2:$C$346,2,0)-VLOOKUP(AR$1,városok!$A$2:$C$346,2,0))^2+(VLOOKUP($A43,városok!$A$2:$C$346,3,0)-VLOOKUP(AR$1,városok!$A$2:$C$346,3,0))^2)/1000,0)</f>
        <v>194</v>
      </c>
      <c r="AS43">
        <f ca="1">ROUND(SQRT((VLOOKUP($A43,városok!$A$2:$C$346,2,0)-VLOOKUP(AS$1,városok!$A$2:$C$346,2,0))^2+(VLOOKUP($A43,városok!$A$2:$C$346,3,0)-VLOOKUP(AS$1,városok!$A$2:$C$346,3,0))^2)/1000,0)</f>
        <v>207</v>
      </c>
      <c r="AT43">
        <f ca="1">ROUND(SQRT((VLOOKUP($A43,városok!$A$2:$C$346,2,0)-VLOOKUP(AT$1,városok!$A$2:$C$346,2,0))^2+(VLOOKUP($A43,városok!$A$2:$C$346,3,0)-VLOOKUP(AT$1,városok!$A$2:$C$346,3,0))^2)/1000,0)</f>
        <v>213</v>
      </c>
      <c r="AU43">
        <f ca="1">ROUND(SQRT((VLOOKUP($A43,városok!$A$2:$C$346,2,0)-VLOOKUP(AU$1,városok!$A$2:$C$346,2,0))^2+(VLOOKUP($A43,városok!$A$2:$C$346,3,0)-VLOOKUP(AU$1,városok!$A$2:$C$346,3,0))^2)/1000,0)</f>
        <v>202</v>
      </c>
      <c r="AV43">
        <f ca="1">ROUND(SQRT((VLOOKUP($A43,városok!$A$2:$C$346,2,0)-VLOOKUP(AV$1,városok!$A$2:$C$346,2,0))^2+(VLOOKUP($A43,városok!$A$2:$C$346,3,0)-VLOOKUP(AV$1,városok!$A$2:$C$346,3,0))^2)/1000,0)</f>
        <v>201</v>
      </c>
      <c r="AW43">
        <f ca="1">ROUND(SQRT((VLOOKUP($A43,városok!$A$2:$C$346,2,0)-VLOOKUP(AW$1,városok!$A$2:$C$346,2,0))^2+(VLOOKUP($A43,városok!$A$2:$C$346,3,0)-VLOOKUP(AW$1,városok!$A$2:$C$346,3,0))^2)/1000,0)</f>
        <v>202</v>
      </c>
      <c r="AX43">
        <f ca="1">ROUND(SQRT((VLOOKUP($A43,városok!$A$2:$C$346,2,0)-VLOOKUP(AX$1,városok!$A$2:$C$346,2,0))^2+(VLOOKUP($A43,városok!$A$2:$C$346,3,0)-VLOOKUP(AX$1,városok!$A$2:$C$346,3,0))^2)/1000,0)</f>
        <v>125</v>
      </c>
      <c r="AY43">
        <f ca="1">ROUND(SQRT((VLOOKUP($A43,városok!$A$2:$C$346,2,0)-VLOOKUP(AY$1,városok!$A$2:$C$346,2,0))^2+(VLOOKUP($A43,városok!$A$2:$C$346,3,0)-VLOOKUP(AY$1,városok!$A$2:$C$346,3,0))^2)/1000,0)</f>
        <v>210</v>
      </c>
      <c r="AZ43">
        <f ca="1">ROUND(SQRT((VLOOKUP($A43,városok!$A$2:$C$346,2,0)-VLOOKUP(AZ$1,városok!$A$2:$C$346,2,0))^2+(VLOOKUP($A43,városok!$A$2:$C$346,3,0)-VLOOKUP(AZ$1,városok!$A$2:$C$346,3,0))^2)/1000,0)</f>
        <v>222</v>
      </c>
      <c r="BA43">
        <f ca="1">ROUND(SQRT((VLOOKUP($A43,városok!$A$2:$C$346,2,0)-VLOOKUP(BA$1,városok!$A$2:$C$346,2,0))^2+(VLOOKUP($A43,városok!$A$2:$C$346,3,0)-VLOOKUP(BA$1,városok!$A$2:$C$346,3,0))^2)/1000,0)</f>
        <v>273</v>
      </c>
      <c r="BB43">
        <f ca="1">ROUND(SQRT((VLOOKUP($A43,városok!$A$2:$C$346,2,0)-VLOOKUP(BB$1,városok!$A$2:$C$346,2,0))^2+(VLOOKUP($A43,városok!$A$2:$C$346,3,0)-VLOOKUP(BB$1,városok!$A$2:$C$346,3,0))^2)/1000,0)</f>
        <v>254</v>
      </c>
      <c r="BC43">
        <f ca="1">ROUND(SQRT((VLOOKUP($A43,városok!$A$2:$C$346,2,0)-VLOOKUP(BC$1,városok!$A$2:$C$346,2,0))^2+(VLOOKUP($A43,városok!$A$2:$C$346,3,0)-VLOOKUP(BC$1,városok!$A$2:$C$346,3,0))^2)/1000,0)</f>
        <v>266</v>
      </c>
      <c r="BD43">
        <f ca="1">ROUND(SQRT((VLOOKUP($A43,városok!$A$2:$C$346,2,0)-VLOOKUP(BD$1,városok!$A$2:$C$346,2,0))^2+(VLOOKUP($A43,városok!$A$2:$C$346,3,0)-VLOOKUP(BD$1,városok!$A$2:$C$346,3,0))^2)/1000,0)</f>
        <v>247</v>
      </c>
      <c r="BE43">
        <f ca="1">ROUND(SQRT((VLOOKUP($A43,városok!$A$2:$C$346,2,0)-VLOOKUP(BE$1,városok!$A$2:$C$346,2,0))^2+(VLOOKUP($A43,városok!$A$2:$C$346,3,0)-VLOOKUP(BE$1,városok!$A$2:$C$346,3,0))^2)/1000,0)</f>
        <v>181</v>
      </c>
      <c r="BF43">
        <f ca="1">ROUND(SQRT((VLOOKUP($A43,városok!$A$2:$C$346,2,0)-VLOOKUP(BF$1,városok!$A$2:$C$346,2,0))^2+(VLOOKUP($A43,városok!$A$2:$C$346,3,0)-VLOOKUP(BF$1,városok!$A$2:$C$346,3,0))^2)/1000,0)</f>
        <v>199</v>
      </c>
      <c r="BG43">
        <f ca="1">ROUND(SQRT((VLOOKUP($A43,városok!$A$2:$C$346,2,0)-VLOOKUP(BG$1,városok!$A$2:$C$346,2,0))^2+(VLOOKUP($A43,városok!$A$2:$C$346,3,0)-VLOOKUP(BG$1,városok!$A$2:$C$346,3,0))^2)/1000,0)</f>
        <v>178</v>
      </c>
      <c r="BH43">
        <f ca="1">ROUND(SQRT((VLOOKUP($A43,városok!$A$2:$C$346,2,0)-VLOOKUP(BH$1,városok!$A$2:$C$346,2,0))^2+(VLOOKUP($A43,városok!$A$2:$C$346,3,0)-VLOOKUP(BH$1,városok!$A$2:$C$346,3,0))^2)/1000,0)</f>
        <v>178</v>
      </c>
      <c r="BI43">
        <f ca="1">ROUND(SQRT((VLOOKUP($A43,városok!$A$2:$C$346,2,0)-VLOOKUP(BI$1,városok!$A$2:$C$346,2,0))^2+(VLOOKUP($A43,városok!$A$2:$C$346,3,0)-VLOOKUP(BI$1,városok!$A$2:$C$346,3,0))^2)/1000,0)</f>
        <v>202</v>
      </c>
      <c r="BJ43">
        <f ca="1">ROUND(SQRT((VLOOKUP($A43,városok!$A$2:$C$346,2,0)-VLOOKUP(BJ$1,városok!$A$2:$C$346,2,0))^2+(VLOOKUP($A43,városok!$A$2:$C$346,3,0)-VLOOKUP(BJ$1,városok!$A$2:$C$346,3,0))^2)/1000,0)</f>
        <v>216</v>
      </c>
      <c r="BK43">
        <f ca="1">ROUND(SQRT((VLOOKUP($A43,városok!$A$2:$C$346,2,0)-VLOOKUP(BK$1,városok!$A$2:$C$346,2,0))^2+(VLOOKUP($A43,városok!$A$2:$C$346,3,0)-VLOOKUP(BK$1,városok!$A$2:$C$346,3,0))^2)/1000,0)</f>
        <v>197</v>
      </c>
      <c r="BL43">
        <f ca="1">ROUND(SQRT((VLOOKUP($A43,városok!$A$2:$C$346,2,0)-VLOOKUP(BL$1,városok!$A$2:$C$346,2,0))^2+(VLOOKUP($A43,városok!$A$2:$C$346,3,0)-VLOOKUP(BL$1,városok!$A$2:$C$346,3,0))^2)/1000,0)</f>
        <v>359</v>
      </c>
      <c r="BM43">
        <f ca="1">ROUND(SQRT((VLOOKUP($A43,városok!$A$2:$C$346,2,0)-VLOOKUP(BM$1,városok!$A$2:$C$346,2,0))^2+(VLOOKUP($A43,városok!$A$2:$C$346,3,0)-VLOOKUP(BM$1,városok!$A$2:$C$346,3,0))^2)/1000,0)</f>
        <v>339</v>
      </c>
      <c r="BN43">
        <f ca="1">ROUND(SQRT((VLOOKUP($A43,városok!$A$2:$C$346,2,0)-VLOOKUP(BN$1,városok!$A$2:$C$346,2,0))^2+(VLOOKUP($A43,városok!$A$2:$C$346,3,0)-VLOOKUP(BN$1,városok!$A$2:$C$346,3,0))^2)/1000,0)</f>
        <v>361</v>
      </c>
      <c r="BO43">
        <f ca="1">ROUND(SQRT((VLOOKUP($A43,városok!$A$2:$C$346,2,0)-VLOOKUP(BO$1,városok!$A$2:$C$346,2,0))^2+(VLOOKUP($A43,városok!$A$2:$C$346,3,0)-VLOOKUP(BO$1,városok!$A$2:$C$346,3,0))^2)/1000,0)</f>
        <v>253</v>
      </c>
      <c r="BP43">
        <f ca="1">ROUND(SQRT((VLOOKUP($A43,városok!$A$2:$C$346,2,0)-VLOOKUP(BP$1,városok!$A$2:$C$346,2,0))^2+(VLOOKUP($A43,városok!$A$2:$C$346,3,0)-VLOOKUP(BP$1,városok!$A$2:$C$346,3,0))^2)/1000,0)</f>
        <v>246</v>
      </c>
      <c r="BQ43">
        <f ca="1">ROUND(SQRT((VLOOKUP($A43,városok!$A$2:$C$346,2,0)-VLOOKUP(BQ$1,városok!$A$2:$C$346,2,0))^2+(VLOOKUP($A43,városok!$A$2:$C$346,3,0)-VLOOKUP(BQ$1,városok!$A$2:$C$346,3,0))^2)/1000,0)</f>
        <v>262</v>
      </c>
      <c r="BR43">
        <f ca="1">ROUND(SQRT((VLOOKUP($A43,városok!$A$2:$C$346,2,0)-VLOOKUP(BR$1,városok!$A$2:$C$346,2,0))^2+(VLOOKUP($A43,városok!$A$2:$C$346,3,0)-VLOOKUP(BR$1,városok!$A$2:$C$346,3,0))^2)/1000,0)</f>
        <v>307</v>
      </c>
      <c r="BS43">
        <f ca="1">ROUND(SQRT((VLOOKUP($A43,városok!$A$2:$C$346,2,0)-VLOOKUP(BS$1,városok!$A$2:$C$346,2,0))^2+(VLOOKUP($A43,városok!$A$2:$C$346,3,0)-VLOOKUP(BS$1,városok!$A$2:$C$346,3,0))^2)/1000,0)</f>
        <v>327</v>
      </c>
      <c r="BT43">
        <f ca="1">ROUND(SQRT((VLOOKUP($A43,városok!$A$2:$C$346,2,0)-VLOOKUP(BT$1,városok!$A$2:$C$346,2,0))^2+(VLOOKUP($A43,városok!$A$2:$C$346,3,0)-VLOOKUP(BT$1,városok!$A$2:$C$346,3,0))^2)/1000,0)</f>
        <v>339</v>
      </c>
    </row>
    <row r="44" spans="1:72" x14ac:dyDescent="0.2">
      <c r="A44" t="str">
        <f>városok!A44</f>
        <v>Füzesgyarmat</v>
      </c>
      <c r="B44">
        <f ca="1">ROUND(SQRT((VLOOKUP($A44,városok!$A$2:$C$346,2,0)-VLOOKUP(B$1,városok!$A$2:$C$346,2,0))^2+(VLOOKUP($A44,városok!$A$2:$C$346,3,0)-VLOOKUP(B$1,városok!$A$2:$C$346,3,0))^2)/1000,0)</f>
        <v>200</v>
      </c>
      <c r="C44">
        <f ca="1">ROUND(SQRT((VLOOKUP($A44,városok!$A$2:$C$346,2,0)-VLOOKUP(C$1,városok!$A$2:$C$346,2,0))^2+(VLOOKUP($A44,városok!$A$2:$C$346,3,0)-VLOOKUP(C$1,városok!$A$2:$C$346,3,0))^2)/1000,0)</f>
        <v>182</v>
      </c>
      <c r="D44">
        <f ca="1">ROUND(SQRT((VLOOKUP($A44,városok!$A$2:$C$346,2,0)-VLOOKUP(D$1,városok!$A$2:$C$346,2,0))^2+(VLOOKUP($A44,városok!$A$2:$C$346,3,0)-VLOOKUP(D$1,városok!$A$2:$C$346,3,0))^2)/1000,0)</f>
        <v>118</v>
      </c>
      <c r="E44">
        <f ca="1">ROUND(SQRT((VLOOKUP($A44,városok!$A$2:$C$346,2,0)-VLOOKUP(E$1,városok!$A$2:$C$346,2,0))^2+(VLOOKUP($A44,városok!$A$2:$C$346,3,0)-VLOOKUP(E$1,városok!$A$2:$C$346,3,0))^2)/1000,0)</f>
        <v>248</v>
      </c>
      <c r="F44">
        <f ca="1">ROUND(SQRT((VLOOKUP($A44,városok!$A$2:$C$346,2,0)-VLOOKUP(F$1,városok!$A$2:$C$346,2,0))^2+(VLOOKUP($A44,városok!$A$2:$C$346,3,0)-VLOOKUP(F$1,városok!$A$2:$C$346,3,0))^2)/1000,0)</f>
        <v>230</v>
      </c>
      <c r="G44">
        <f ca="1">ROUND(SQRT((VLOOKUP($A44,városok!$A$2:$C$346,2,0)-VLOOKUP(G$1,városok!$A$2:$C$346,2,0))^2+(VLOOKUP($A44,városok!$A$2:$C$346,3,0)-VLOOKUP(G$1,városok!$A$2:$C$346,3,0))^2)/1000,0)</f>
        <v>254</v>
      </c>
      <c r="H44">
        <f ca="1">ROUND(SQRT((VLOOKUP($A44,városok!$A$2:$C$346,2,0)-VLOOKUP(H$1,városok!$A$2:$C$346,2,0))^2+(VLOOKUP($A44,városok!$A$2:$C$346,3,0)-VLOOKUP(H$1,városok!$A$2:$C$346,3,0))^2)/1000,0)</f>
        <v>287</v>
      </c>
      <c r="I44">
        <f ca="1">ROUND(SQRT((VLOOKUP($A44,városok!$A$2:$C$346,2,0)-VLOOKUP(I$1,városok!$A$2:$C$346,2,0))^2+(VLOOKUP($A44,városok!$A$2:$C$346,3,0)-VLOOKUP(I$1,városok!$A$2:$C$346,3,0))^2)/1000,0)</f>
        <v>49</v>
      </c>
      <c r="J44">
        <f ca="1">ROUND(SQRT((VLOOKUP($A44,városok!$A$2:$C$346,2,0)-VLOOKUP(J$1,városok!$A$2:$C$346,2,0))^2+(VLOOKUP($A44,városok!$A$2:$C$346,3,0)-VLOOKUP(J$1,városok!$A$2:$C$346,3,0))^2)/1000,0)</f>
        <v>51</v>
      </c>
      <c r="K44">
        <f ca="1">ROUND(SQRT((VLOOKUP($A44,városok!$A$2:$C$346,2,0)-VLOOKUP(K$1,városok!$A$2:$C$346,2,0))^2+(VLOOKUP($A44,városok!$A$2:$C$346,3,0)-VLOOKUP(K$1,városok!$A$2:$C$346,3,0))^2)/1000,0)</f>
        <v>73</v>
      </c>
      <c r="L44">
        <f ca="1">ROUND(SQRT((VLOOKUP($A44,városok!$A$2:$C$346,2,0)-VLOOKUP(L$1,városok!$A$2:$C$346,2,0))^2+(VLOOKUP($A44,városok!$A$2:$C$346,3,0)-VLOOKUP(L$1,városok!$A$2:$C$346,3,0))^2)/1000,0)</f>
        <v>135</v>
      </c>
      <c r="M44">
        <f ca="1">ROUND(SQRT((VLOOKUP($A44,városok!$A$2:$C$346,2,0)-VLOOKUP(M$1,városok!$A$2:$C$346,2,0))^2+(VLOOKUP($A44,városok!$A$2:$C$346,3,0)-VLOOKUP(M$1,városok!$A$2:$C$346,3,0))^2)/1000,0)</f>
        <v>116</v>
      </c>
      <c r="N44">
        <f ca="1">ROUND(SQRT((VLOOKUP($A44,városok!$A$2:$C$346,2,0)-VLOOKUP(N$1,városok!$A$2:$C$346,2,0))^2+(VLOOKUP($A44,városok!$A$2:$C$346,3,0)-VLOOKUP(N$1,városok!$A$2:$C$346,3,0))^2)/1000,0)</f>
        <v>142</v>
      </c>
      <c r="O44">
        <f ca="1">ROUND(SQRT((VLOOKUP($A44,városok!$A$2:$C$346,2,0)-VLOOKUP(O$1,városok!$A$2:$C$346,2,0))^2+(VLOOKUP($A44,városok!$A$2:$C$346,3,0)-VLOOKUP(O$1,városok!$A$2:$C$346,3,0))^2)/1000,0)</f>
        <v>147</v>
      </c>
      <c r="P44">
        <f ca="1">ROUND(SQRT((VLOOKUP($A44,városok!$A$2:$C$346,2,0)-VLOOKUP(P$1,városok!$A$2:$C$346,2,0))^2+(VLOOKUP($A44,városok!$A$2:$C$346,3,0)-VLOOKUP(P$1,városok!$A$2:$C$346,3,0))^2)/1000,0)</f>
        <v>148</v>
      </c>
      <c r="Q44">
        <f ca="1">ROUND(SQRT((VLOOKUP($A44,városok!$A$2:$C$346,2,0)-VLOOKUP(Q$1,városok!$A$2:$C$346,2,0))^2+(VLOOKUP($A44,városok!$A$2:$C$346,3,0)-VLOOKUP(Q$1,városok!$A$2:$C$346,3,0))^2)/1000,0)</f>
        <v>102</v>
      </c>
      <c r="R44">
        <f ca="1">ROUND(SQRT((VLOOKUP($A44,városok!$A$2:$C$346,2,0)-VLOOKUP(R$1,városok!$A$2:$C$346,2,0))^2+(VLOOKUP($A44,városok!$A$2:$C$346,3,0)-VLOOKUP(R$1,városok!$A$2:$C$346,3,0))^2)/1000,0)</f>
        <v>113</v>
      </c>
      <c r="S44">
        <f ca="1">ROUND(SQRT((VLOOKUP($A44,városok!$A$2:$C$346,2,0)-VLOOKUP(S$1,városok!$A$2:$C$346,2,0))^2+(VLOOKUP($A44,városok!$A$2:$C$346,3,0)-VLOOKUP(S$1,városok!$A$2:$C$346,3,0))^2)/1000,0)</f>
        <v>125</v>
      </c>
      <c r="T44">
        <f ca="1">ROUND(SQRT((VLOOKUP($A44,városok!$A$2:$C$346,2,0)-VLOOKUP(T$1,városok!$A$2:$C$346,2,0))^2+(VLOOKUP($A44,városok!$A$2:$C$346,3,0)-VLOOKUP(T$1,városok!$A$2:$C$346,3,0))^2)/1000,0)</f>
        <v>199</v>
      </c>
      <c r="U44">
        <f ca="1">ROUND(SQRT((VLOOKUP($A44,városok!$A$2:$C$346,2,0)-VLOOKUP(U$1,városok!$A$2:$C$346,2,0))^2+(VLOOKUP($A44,városok!$A$2:$C$346,3,0)-VLOOKUP(U$1,városok!$A$2:$C$346,3,0))^2)/1000,0)</f>
        <v>174</v>
      </c>
      <c r="V44">
        <f ca="1">ROUND(SQRT((VLOOKUP($A44,városok!$A$2:$C$346,2,0)-VLOOKUP(V$1,városok!$A$2:$C$346,2,0))^2+(VLOOKUP($A44,városok!$A$2:$C$346,3,0)-VLOOKUP(V$1,városok!$A$2:$C$346,3,0))^2)/1000,0)</f>
        <v>221</v>
      </c>
      <c r="W44">
        <f ca="1">ROUND(SQRT((VLOOKUP($A44,városok!$A$2:$C$346,2,0)-VLOOKUP(W$1,városok!$A$2:$C$346,2,0))^2+(VLOOKUP($A44,városok!$A$2:$C$346,3,0)-VLOOKUP(W$1,városok!$A$2:$C$346,3,0))^2)/1000,0)</f>
        <v>198</v>
      </c>
      <c r="X44">
        <f ca="1">ROUND(SQRT((VLOOKUP($A44,városok!$A$2:$C$346,2,0)-VLOOKUP(X$1,városok!$A$2:$C$346,2,0))^2+(VLOOKUP($A44,városok!$A$2:$C$346,3,0)-VLOOKUP(X$1,városok!$A$2:$C$346,3,0))^2)/1000,0)</f>
        <v>219</v>
      </c>
      <c r="Y44">
        <f ca="1">ROUND(SQRT((VLOOKUP($A44,városok!$A$2:$C$346,2,0)-VLOOKUP(Y$1,városok!$A$2:$C$346,2,0))^2+(VLOOKUP($A44,városok!$A$2:$C$346,3,0)-VLOOKUP(Y$1,városok!$A$2:$C$346,3,0))^2)/1000,0)</f>
        <v>278</v>
      </c>
      <c r="Z44">
        <f ca="1">ROUND(SQRT((VLOOKUP($A44,városok!$A$2:$C$346,2,0)-VLOOKUP(Z$1,városok!$A$2:$C$346,2,0))^2+(VLOOKUP($A44,városok!$A$2:$C$346,3,0)-VLOOKUP(Z$1,városok!$A$2:$C$346,3,0))^2)/1000,0)</f>
        <v>297</v>
      </c>
      <c r="AA44">
        <f ca="1">ROUND(SQRT((VLOOKUP($A44,városok!$A$2:$C$346,2,0)-VLOOKUP(AA$1,városok!$A$2:$C$346,2,0))^2+(VLOOKUP($A44,városok!$A$2:$C$346,3,0)-VLOOKUP(AA$1,városok!$A$2:$C$346,3,0))^2)/1000,0)</f>
        <v>355</v>
      </c>
      <c r="AB44">
        <f ca="1">ROUND(SQRT((VLOOKUP($A44,városok!$A$2:$C$346,2,0)-VLOOKUP(AB$1,városok!$A$2:$C$346,2,0))^2+(VLOOKUP($A44,városok!$A$2:$C$346,3,0)-VLOOKUP(AB$1,városok!$A$2:$C$346,3,0))^2)/1000,0)</f>
        <v>57</v>
      </c>
      <c r="AC44">
        <f ca="1">ROUND(SQRT((VLOOKUP($A44,városok!$A$2:$C$346,2,0)-VLOOKUP(AC$1,városok!$A$2:$C$346,2,0))^2+(VLOOKUP($A44,városok!$A$2:$C$346,3,0)-VLOOKUP(AC$1,városok!$A$2:$C$346,3,0))^2)/1000,0)</f>
        <v>40</v>
      </c>
      <c r="AD44">
        <f ca="1">ROUND(SQRT((VLOOKUP($A44,városok!$A$2:$C$346,2,0)-VLOOKUP(AD$1,városok!$A$2:$C$346,2,0))^2+(VLOOKUP($A44,városok!$A$2:$C$346,3,0)-VLOOKUP(AD$1,városok!$A$2:$C$346,3,0))^2)/1000,0)</f>
        <v>36</v>
      </c>
      <c r="AE44">
        <f ca="1">ROUND(SQRT((VLOOKUP($A44,városok!$A$2:$C$346,2,0)-VLOOKUP(AE$1,városok!$A$2:$C$346,2,0))^2+(VLOOKUP($A44,városok!$A$2:$C$346,3,0)-VLOOKUP(AE$1,városok!$A$2:$C$346,3,0))^2)/1000,0)</f>
        <v>20</v>
      </c>
      <c r="AF44">
        <f ca="1">ROUND(SQRT((VLOOKUP($A44,városok!$A$2:$C$346,2,0)-VLOOKUP(AF$1,városok!$A$2:$C$346,2,0))^2+(VLOOKUP($A44,városok!$A$2:$C$346,3,0)-VLOOKUP(AF$1,városok!$A$2:$C$346,3,0))^2)/1000,0)</f>
        <v>109</v>
      </c>
      <c r="AG44">
        <f ca="1">ROUND(SQRT((VLOOKUP($A44,városok!$A$2:$C$346,2,0)-VLOOKUP(AG$1,városok!$A$2:$C$346,2,0))^2+(VLOOKUP($A44,városok!$A$2:$C$346,3,0)-VLOOKUP(AG$1,városok!$A$2:$C$346,3,0))^2)/1000,0)</f>
        <v>123</v>
      </c>
      <c r="AH44">
        <f ca="1">ROUND(SQRT((VLOOKUP($A44,városok!$A$2:$C$346,2,0)-VLOOKUP(AH$1,városok!$A$2:$C$346,2,0))^2+(VLOOKUP($A44,városok!$A$2:$C$346,3,0)-VLOOKUP(AH$1,városok!$A$2:$C$346,3,0))^2)/1000,0)</f>
        <v>132</v>
      </c>
      <c r="AI44">
        <f ca="1">ROUND(SQRT((VLOOKUP($A44,városok!$A$2:$C$346,2,0)-VLOOKUP(AI$1,városok!$A$2:$C$346,2,0))^2+(VLOOKUP($A44,városok!$A$2:$C$346,3,0)-VLOOKUP(AI$1,városok!$A$2:$C$346,3,0))^2)/1000,0)</f>
        <v>132</v>
      </c>
      <c r="AJ44">
        <f ca="1">ROUND(SQRT((VLOOKUP($A44,városok!$A$2:$C$346,2,0)-VLOOKUP(AJ$1,városok!$A$2:$C$346,2,0))^2+(VLOOKUP($A44,városok!$A$2:$C$346,3,0)-VLOOKUP(AJ$1,városok!$A$2:$C$346,3,0))^2)/1000,0)</f>
        <v>111</v>
      </c>
      <c r="AK44">
        <f ca="1">ROUND(SQRT((VLOOKUP($A44,városok!$A$2:$C$346,2,0)-VLOOKUP(AK$1,városok!$A$2:$C$346,2,0))^2+(VLOOKUP($A44,városok!$A$2:$C$346,3,0)-VLOOKUP(AK$1,városok!$A$2:$C$346,3,0))^2)/1000,0)</f>
        <v>27</v>
      </c>
      <c r="AL44">
        <f ca="1">ROUND(SQRT((VLOOKUP($A44,városok!$A$2:$C$346,2,0)-VLOOKUP(AL$1,városok!$A$2:$C$346,2,0))^2+(VLOOKUP($A44,városok!$A$2:$C$346,3,0)-VLOOKUP(AL$1,városok!$A$2:$C$346,3,0))^2)/1000,0)</f>
        <v>53</v>
      </c>
      <c r="AM44">
        <f ca="1">ROUND(SQRT((VLOOKUP($A44,városok!$A$2:$C$346,2,0)-VLOOKUP(AM$1,városok!$A$2:$C$346,2,0))^2+(VLOOKUP($A44,városok!$A$2:$C$346,3,0)-VLOOKUP(AM$1,városok!$A$2:$C$346,3,0))^2)/1000,0)</f>
        <v>78</v>
      </c>
      <c r="AN44">
        <f ca="1">ROUND(SQRT((VLOOKUP($A44,városok!$A$2:$C$346,2,0)-VLOOKUP(AN$1,városok!$A$2:$C$346,2,0))^2+(VLOOKUP($A44,városok!$A$2:$C$346,3,0)-VLOOKUP(AN$1,városok!$A$2:$C$346,3,0))^2)/1000,0)</f>
        <v>201</v>
      </c>
      <c r="AO44">
        <f ca="1">ROUND(SQRT((VLOOKUP($A44,városok!$A$2:$C$346,2,0)-VLOOKUP(AO$1,városok!$A$2:$C$346,2,0))^2+(VLOOKUP($A44,városok!$A$2:$C$346,3,0)-VLOOKUP(AO$1,városok!$A$2:$C$346,3,0))^2)/1000,0)</f>
        <v>243</v>
      </c>
      <c r="AP44">
        <f ca="1">ROUND(SQRT((VLOOKUP($A44,városok!$A$2:$C$346,2,0)-VLOOKUP(AP$1,városok!$A$2:$C$346,2,0))^2+(VLOOKUP($A44,városok!$A$2:$C$346,3,0)-VLOOKUP(AP$1,városok!$A$2:$C$346,3,0))^2)/1000,0)</f>
        <v>225</v>
      </c>
      <c r="AQ44">
        <f ca="1">ROUND(SQRT((VLOOKUP($A44,városok!$A$2:$C$346,2,0)-VLOOKUP(AQ$1,városok!$A$2:$C$346,2,0))^2+(VLOOKUP($A44,városok!$A$2:$C$346,3,0)-VLOOKUP(AQ$1,városok!$A$2:$C$346,3,0))^2)/1000,0)</f>
        <v>218</v>
      </c>
      <c r="AR44">
        <f ca="1">ROUND(SQRT((VLOOKUP($A44,városok!$A$2:$C$346,2,0)-VLOOKUP(AR$1,városok!$A$2:$C$346,2,0))^2+(VLOOKUP($A44,városok!$A$2:$C$346,3,0)-VLOOKUP(AR$1,városok!$A$2:$C$346,3,0))^2)/1000,0)</f>
        <v>146</v>
      </c>
      <c r="AS44">
        <f ca="1">ROUND(SQRT((VLOOKUP($A44,városok!$A$2:$C$346,2,0)-VLOOKUP(AS$1,városok!$A$2:$C$346,2,0))^2+(VLOOKUP($A44,városok!$A$2:$C$346,3,0)-VLOOKUP(AS$1,városok!$A$2:$C$346,3,0))^2)/1000,0)</f>
        <v>154</v>
      </c>
      <c r="AT44">
        <f ca="1">ROUND(SQRT((VLOOKUP($A44,városok!$A$2:$C$346,2,0)-VLOOKUP(AT$1,városok!$A$2:$C$346,2,0))^2+(VLOOKUP($A44,városok!$A$2:$C$346,3,0)-VLOOKUP(AT$1,városok!$A$2:$C$346,3,0))^2)/1000,0)</f>
        <v>185</v>
      </c>
      <c r="AU44">
        <f ca="1">ROUND(SQRT((VLOOKUP($A44,városok!$A$2:$C$346,2,0)-VLOOKUP(AU$1,városok!$A$2:$C$346,2,0))^2+(VLOOKUP($A44,városok!$A$2:$C$346,3,0)-VLOOKUP(AU$1,városok!$A$2:$C$346,3,0))^2)/1000,0)</f>
        <v>175</v>
      </c>
      <c r="AV44">
        <f ca="1">ROUND(SQRT((VLOOKUP($A44,városok!$A$2:$C$346,2,0)-VLOOKUP(AV$1,városok!$A$2:$C$346,2,0))^2+(VLOOKUP($A44,városok!$A$2:$C$346,3,0)-VLOOKUP(AV$1,városok!$A$2:$C$346,3,0))^2)/1000,0)</f>
        <v>174</v>
      </c>
      <c r="AW44">
        <f ca="1">ROUND(SQRT((VLOOKUP($A44,városok!$A$2:$C$346,2,0)-VLOOKUP(AW$1,városok!$A$2:$C$346,2,0))^2+(VLOOKUP($A44,városok!$A$2:$C$346,3,0)-VLOOKUP(AW$1,városok!$A$2:$C$346,3,0))^2)/1000,0)</f>
        <v>177</v>
      </c>
      <c r="AX44">
        <f ca="1">ROUND(SQRT((VLOOKUP($A44,városok!$A$2:$C$346,2,0)-VLOOKUP(AX$1,városok!$A$2:$C$346,2,0))^2+(VLOOKUP($A44,városok!$A$2:$C$346,3,0)-VLOOKUP(AX$1,városok!$A$2:$C$346,3,0))^2)/1000,0)</f>
        <v>109</v>
      </c>
      <c r="AY44">
        <f ca="1">ROUND(SQRT((VLOOKUP($A44,városok!$A$2:$C$346,2,0)-VLOOKUP(AY$1,városok!$A$2:$C$346,2,0))^2+(VLOOKUP($A44,városok!$A$2:$C$346,3,0)-VLOOKUP(AY$1,városok!$A$2:$C$346,3,0))^2)/1000,0)</f>
        <v>174</v>
      </c>
      <c r="AZ44">
        <f ca="1">ROUND(SQRT((VLOOKUP($A44,városok!$A$2:$C$346,2,0)-VLOOKUP(AZ$1,városok!$A$2:$C$346,2,0))^2+(VLOOKUP($A44,városok!$A$2:$C$346,3,0)-VLOOKUP(AZ$1,városok!$A$2:$C$346,3,0))^2)/1000,0)</f>
        <v>185</v>
      </c>
      <c r="BA44">
        <f ca="1">ROUND(SQRT((VLOOKUP($A44,városok!$A$2:$C$346,2,0)-VLOOKUP(BA$1,városok!$A$2:$C$346,2,0))^2+(VLOOKUP($A44,városok!$A$2:$C$346,3,0)-VLOOKUP(BA$1,városok!$A$2:$C$346,3,0))^2)/1000,0)</f>
        <v>269</v>
      </c>
      <c r="BB44">
        <f ca="1">ROUND(SQRT((VLOOKUP($A44,városok!$A$2:$C$346,2,0)-VLOOKUP(BB$1,városok!$A$2:$C$346,2,0))^2+(VLOOKUP($A44,városok!$A$2:$C$346,3,0)-VLOOKUP(BB$1,városok!$A$2:$C$346,3,0))^2)/1000,0)</f>
        <v>257</v>
      </c>
      <c r="BC44">
        <f ca="1">ROUND(SQRT((VLOOKUP($A44,városok!$A$2:$C$346,2,0)-VLOOKUP(BC$1,városok!$A$2:$C$346,2,0))^2+(VLOOKUP($A44,városok!$A$2:$C$346,3,0)-VLOOKUP(BC$1,városok!$A$2:$C$346,3,0))^2)/1000,0)</f>
        <v>274</v>
      </c>
      <c r="BD44">
        <f ca="1">ROUND(SQRT((VLOOKUP($A44,városok!$A$2:$C$346,2,0)-VLOOKUP(BD$1,városok!$A$2:$C$346,2,0))^2+(VLOOKUP($A44,városok!$A$2:$C$346,3,0)-VLOOKUP(BD$1,városok!$A$2:$C$346,3,0))^2)/1000,0)</f>
        <v>240</v>
      </c>
      <c r="BE44">
        <f ca="1">ROUND(SQRT((VLOOKUP($A44,városok!$A$2:$C$346,2,0)-VLOOKUP(BE$1,városok!$A$2:$C$346,2,0))^2+(VLOOKUP($A44,városok!$A$2:$C$346,3,0)-VLOOKUP(BE$1,városok!$A$2:$C$346,3,0))^2)/1000,0)</f>
        <v>137</v>
      </c>
      <c r="BF44">
        <f ca="1">ROUND(SQRT((VLOOKUP($A44,városok!$A$2:$C$346,2,0)-VLOOKUP(BF$1,városok!$A$2:$C$346,2,0))^2+(VLOOKUP($A44,városok!$A$2:$C$346,3,0)-VLOOKUP(BF$1,városok!$A$2:$C$346,3,0))^2)/1000,0)</f>
        <v>140</v>
      </c>
      <c r="BG44">
        <f ca="1">ROUND(SQRT((VLOOKUP($A44,városok!$A$2:$C$346,2,0)-VLOOKUP(BG$1,városok!$A$2:$C$346,2,0))^2+(VLOOKUP($A44,városok!$A$2:$C$346,3,0)-VLOOKUP(BG$1,városok!$A$2:$C$346,3,0))^2)/1000,0)</f>
        <v>115</v>
      </c>
      <c r="BH44">
        <f ca="1">ROUND(SQRT((VLOOKUP($A44,városok!$A$2:$C$346,2,0)-VLOOKUP(BH$1,városok!$A$2:$C$346,2,0))^2+(VLOOKUP($A44,városok!$A$2:$C$346,3,0)-VLOOKUP(BH$1,városok!$A$2:$C$346,3,0))^2)/1000,0)</f>
        <v>115</v>
      </c>
      <c r="BI44">
        <f ca="1">ROUND(SQRT((VLOOKUP($A44,városok!$A$2:$C$346,2,0)-VLOOKUP(BI$1,városok!$A$2:$C$346,2,0))^2+(VLOOKUP($A44,városok!$A$2:$C$346,3,0)-VLOOKUP(BI$1,városok!$A$2:$C$346,3,0))^2)/1000,0)</f>
        <v>213</v>
      </c>
      <c r="BJ44">
        <f ca="1">ROUND(SQRT((VLOOKUP($A44,városok!$A$2:$C$346,2,0)-VLOOKUP(BJ$1,városok!$A$2:$C$346,2,0))^2+(VLOOKUP($A44,városok!$A$2:$C$346,3,0)-VLOOKUP(BJ$1,városok!$A$2:$C$346,3,0))^2)/1000,0)</f>
        <v>229</v>
      </c>
      <c r="BK44">
        <f ca="1">ROUND(SQRT((VLOOKUP($A44,városok!$A$2:$C$346,2,0)-VLOOKUP(BK$1,városok!$A$2:$C$346,2,0))^2+(VLOOKUP($A44,városok!$A$2:$C$346,3,0)-VLOOKUP(BK$1,városok!$A$2:$C$346,3,0))^2)/1000,0)</f>
        <v>209</v>
      </c>
      <c r="BL44">
        <f ca="1">ROUND(SQRT((VLOOKUP($A44,városok!$A$2:$C$346,2,0)-VLOOKUP(BL$1,városok!$A$2:$C$346,2,0))^2+(VLOOKUP($A44,városok!$A$2:$C$346,3,0)-VLOOKUP(BL$1,városok!$A$2:$C$346,3,0))^2)/1000,0)</f>
        <v>350</v>
      </c>
      <c r="BM44">
        <f ca="1">ROUND(SQRT((VLOOKUP($A44,városok!$A$2:$C$346,2,0)-VLOOKUP(BM$1,városok!$A$2:$C$346,2,0))^2+(VLOOKUP($A44,városok!$A$2:$C$346,3,0)-VLOOKUP(BM$1,városok!$A$2:$C$346,3,0))^2)/1000,0)</f>
        <v>325</v>
      </c>
      <c r="BN44">
        <f ca="1">ROUND(SQRT((VLOOKUP($A44,városok!$A$2:$C$346,2,0)-VLOOKUP(BN$1,városok!$A$2:$C$346,2,0))^2+(VLOOKUP($A44,városok!$A$2:$C$346,3,0)-VLOOKUP(BN$1,városok!$A$2:$C$346,3,0))^2)/1000,0)</f>
        <v>348</v>
      </c>
      <c r="BO44">
        <f ca="1">ROUND(SQRT((VLOOKUP($A44,városok!$A$2:$C$346,2,0)-VLOOKUP(BO$1,városok!$A$2:$C$346,2,0))^2+(VLOOKUP($A44,városok!$A$2:$C$346,3,0)-VLOOKUP(BO$1,városok!$A$2:$C$346,3,0))^2)/1000,0)</f>
        <v>243</v>
      </c>
      <c r="BP44">
        <f ca="1">ROUND(SQRT((VLOOKUP($A44,városok!$A$2:$C$346,2,0)-VLOOKUP(BP$1,városok!$A$2:$C$346,2,0))^2+(VLOOKUP($A44,városok!$A$2:$C$346,3,0)-VLOOKUP(BP$1,városok!$A$2:$C$346,3,0))^2)/1000,0)</f>
        <v>236</v>
      </c>
      <c r="BQ44">
        <f ca="1">ROUND(SQRT((VLOOKUP($A44,városok!$A$2:$C$346,2,0)-VLOOKUP(BQ$1,városok!$A$2:$C$346,2,0))^2+(VLOOKUP($A44,városok!$A$2:$C$346,3,0)-VLOOKUP(BQ$1,városok!$A$2:$C$346,3,0))^2)/1000,0)</f>
        <v>250</v>
      </c>
      <c r="BR44">
        <f ca="1">ROUND(SQRT((VLOOKUP($A44,városok!$A$2:$C$346,2,0)-VLOOKUP(BR$1,városok!$A$2:$C$346,2,0))^2+(VLOOKUP($A44,városok!$A$2:$C$346,3,0)-VLOOKUP(BR$1,városok!$A$2:$C$346,3,0))^2)/1000,0)</f>
        <v>303</v>
      </c>
      <c r="BS44">
        <f ca="1">ROUND(SQRT((VLOOKUP($A44,városok!$A$2:$C$346,2,0)-VLOOKUP(BS$1,városok!$A$2:$C$346,2,0))^2+(VLOOKUP($A44,városok!$A$2:$C$346,3,0)-VLOOKUP(BS$1,városok!$A$2:$C$346,3,0))^2)/1000,0)</f>
        <v>330</v>
      </c>
      <c r="BT44">
        <f ca="1">ROUND(SQRT((VLOOKUP($A44,városok!$A$2:$C$346,2,0)-VLOOKUP(BT$1,városok!$A$2:$C$346,2,0))^2+(VLOOKUP($A44,városok!$A$2:$C$346,3,0)-VLOOKUP(BT$1,városok!$A$2:$C$346,3,0))^2)/1000,0)</f>
        <v>334</v>
      </c>
    </row>
    <row r="45" spans="1:72" x14ac:dyDescent="0.2">
      <c r="A45" t="str">
        <f>városok!A45</f>
        <v>Gyomaendrőd</v>
      </c>
      <c r="B45">
        <f ca="1">ROUND(SQRT((VLOOKUP($A45,városok!$A$2:$C$346,2,0)-VLOOKUP(B$1,városok!$A$2:$C$346,2,0))^2+(VLOOKUP($A45,városok!$A$2:$C$346,3,0)-VLOOKUP(B$1,városok!$A$2:$C$346,3,0))^2)/1000,0)</f>
        <v>162</v>
      </c>
      <c r="C45">
        <f ca="1">ROUND(SQRT((VLOOKUP($A45,városok!$A$2:$C$346,2,0)-VLOOKUP(C$1,városok!$A$2:$C$346,2,0))^2+(VLOOKUP($A45,városok!$A$2:$C$346,3,0)-VLOOKUP(C$1,városok!$A$2:$C$346,3,0))^2)/1000,0)</f>
        <v>145</v>
      </c>
      <c r="D45">
        <f ca="1">ROUND(SQRT((VLOOKUP($A45,városok!$A$2:$C$346,2,0)-VLOOKUP(D$1,városok!$A$2:$C$346,2,0))^2+(VLOOKUP($A45,városok!$A$2:$C$346,3,0)-VLOOKUP(D$1,városok!$A$2:$C$346,3,0))^2)/1000,0)</f>
        <v>83</v>
      </c>
      <c r="E45">
        <f ca="1">ROUND(SQRT((VLOOKUP($A45,városok!$A$2:$C$346,2,0)-VLOOKUP(E$1,városok!$A$2:$C$346,2,0))^2+(VLOOKUP($A45,városok!$A$2:$C$346,3,0)-VLOOKUP(E$1,városok!$A$2:$C$346,3,0))^2)/1000,0)</f>
        <v>210</v>
      </c>
      <c r="F45">
        <f ca="1">ROUND(SQRT((VLOOKUP($A45,városok!$A$2:$C$346,2,0)-VLOOKUP(F$1,városok!$A$2:$C$346,2,0))^2+(VLOOKUP($A45,városok!$A$2:$C$346,3,0)-VLOOKUP(F$1,városok!$A$2:$C$346,3,0))^2)/1000,0)</f>
        <v>192</v>
      </c>
      <c r="G45">
        <f ca="1">ROUND(SQRT((VLOOKUP($A45,városok!$A$2:$C$346,2,0)-VLOOKUP(G$1,városok!$A$2:$C$346,2,0))^2+(VLOOKUP($A45,városok!$A$2:$C$346,3,0)-VLOOKUP(G$1,városok!$A$2:$C$346,3,0))^2)/1000,0)</f>
        <v>216</v>
      </c>
      <c r="H45">
        <f ca="1">ROUND(SQRT((VLOOKUP($A45,városok!$A$2:$C$346,2,0)-VLOOKUP(H$1,városok!$A$2:$C$346,2,0))^2+(VLOOKUP($A45,városok!$A$2:$C$346,3,0)-VLOOKUP(H$1,városok!$A$2:$C$346,3,0))^2)/1000,0)</f>
        <v>249</v>
      </c>
      <c r="I45">
        <f ca="1">ROUND(SQRT((VLOOKUP($A45,városok!$A$2:$C$346,2,0)-VLOOKUP(I$1,városok!$A$2:$C$346,2,0))^2+(VLOOKUP($A45,városok!$A$2:$C$346,3,0)-VLOOKUP(I$1,városok!$A$2:$C$346,3,0))^2)/1000,0)</f>
        <v>37</v>
      </c>
      <c r="J45">
        <f ca="1">ROUND(SQRT((VLOOKUP($A45,városok!$A$2:$C$346,2,0)-VLOOKUP(J$1,városok!$A$2:$C$346,2,0))^2+(VLOOKUP($A45,városok!$A$2:$C$346,3,0)-VLOOKUP(J$1,városok!$A$2:$C$346,3,0))^2)/1000,0)</f>
        <v>50</v>
      </c>
      <c r="K45">
        <f ca="1">ROUND(SQRT((VLOOKUP($A45,városok!$A$2:$C$346,2,0)-VLOOKUP(K$1,városok!$A$2:$C$346,2,0))^2+(VLOOKUP($A45,városok!$A$2:$C$346,3,0)-VLOOKUP(K$1,városok!$A$2:$C$346,3,0))^2)/1000,0)</f>
        <v>42</v>
      </c>
      <c r="L45">
        <f ca="1">ROUND(SQRT((VLOOKUP($A45,városok!$A$2:$C$346,2,0)-VLOOKUP(L$1,városok!$A$2:$C$346,2,0))^2+(VLOOKUP($A45,városok!$A$2:$C$346,3,0)-VLOOKUP(L$1,városok!$A$2:$C$346,3,0))^2)/1000,0)</f>
        <v>148</v>
      </c>
      <c r="M45">
        <f ca="1">ROUND(SQRT((VLOOKUP($A45,városok!$A$2:$C$346,2,0)-VLOOKUP(M$1,városok!$A$2:$C$346,2,0))^2+(VLOOKUP($A45,városok!$A$2:$C$346,3,0)-VLOOKUP(M$1,városok!$A$2:$C$346,3,0))^2)/1000,0)</f>
        <v>130</v>
      </c>
      <c r="N45">
        <f ca="1">ROUND(SQRT((VLOOKUP($A45,városok!$A$2:$C$346,2,0)-VLOOKUP(N$1,városok!$A$2:$C$346,2,0))^2+(VLOOKUP($A45,városok!$A$2:$C$346,3,0)-VLOOKUP(N$1,városok!$A$2:$C$346,3,0))^2)/1000,0)</f>
        <v>148</v>
      </c>
      <c r="O45">
        <f ca="1">ROUND(SQRT((VLOOKUP($A45,városok!$A$2:$C$346,2,0)-VLOOKUP(O$1,városok!$A$2:$C$346,2,0))^2+(VLOOKUP($A45,városok!$A$2:$C$346,3,0)-VLOOKUP(O$1,városok!$A$2:$C$346,3,0))^2)/1000,0)</f>
        <v>176</v>
      </c>
      <c r="P45">
        <f ca="1">ROUND(SQRT((VLOOKUP($A45,városok!$A$2:$C$346,2,0)-VLOOKUP(P$1,városok!$A$2:$C$346,2,0))^2+(VLOOKUP($A45,városok!$A$2:$C$346,3,0)-VLOOKUP(P$1,városok!$A$2:$C$346,3,0))^2)/1000,0)</f>
        <v>176</v>
      </c>
      <c r="Q45">
        <f ca="1">ROUND(SQRT((VLOOKUP($A45,városok!$A$2:$C$346,2,0)-VLOOKUP(Q$1,városok!$A$2:$C$346,2,0))^2+(VLOOKUP($A45,városok!$A$2:$C$346,3,0)-VLOOKUP(Q$1,városok!$A$2:$C$346,3,0))^2)/1000,0)</f>
        <v>67</v>
      </c>
      <c r="R45">
        <f ca="1">ROUND(SQRT((VLOOKUP($A45,városok!$A$2:$C$346,2,0)-VLOOKUP(R$1,városok!$A$2:$C$346,2,0))^2+(VLOOKUP($A45,városok!$A$2:$C$346,3,0)-VLOOKUP(R$1,városok!$A$2:$C$346,3,0))^2)/1000,0)</f>
        <v>83</v>
      </c>
      <c r="S45">
        <f ca="1">ROUND(SQRT((VLOOKUP($A45,városok!$A$2:$C$346,2,0)-VLOOKUP(S$1,városok!$A$2:$C$346,2,0))^2+(VLOOKUP($A45,városok!$A$2:$C$346,3,0)-VLOOKUP(S$1,városok!$A$2:$C$346,3,0))^2)/1000,0)</f>
        <v>90</v>
      </c>
      <c r="T45">
        <f ca="1">ROUND(SQRT((VLOOKUP($A45,városok!$A$2:$C$346,2,0)-VLOOKUP(T$1,városok!$A$2:$C$346,2,0))^2+(VLOOKUP($A45,városok!$A$2:$C$346,3,0)-VLOOKUP(T$1,városok!$A$2:$C$346,3,0))^2)/1000,0)</f>
        <v>174</v>
      </c>
      <c r="U45">
        <f ca="1">ROUND(SQRT((VLOOKUP($A45,városok!$A$2:$C$346,2,0)-VLOOKUP(U$1,városok!$A$2:$C$346,2,0))^2+(VLOOKUP($A45,városok!$A$2:$C$346,3,0)-VLOOKUP(U$1,városok!$A$2:$C$346,3,0))^2)/1000,0)</f>
        <v>140</v>
      </c>
      <c r="V45">
        <f ca="1">ROUND(SQRT((VLOOKUP($A45,városok!$A$2:$C$346,2,0)-VLOOKUP(V$1,városok!$A$2:$C$346,2,0))^2+(VLOOKUP($A45,városok!$A$2:$C$346,3,0)-VLOOKUP(V$1,városok!$A$2:$C$346,3,0))^2)/1000,0)</f>
        <v>189</v>
      </c>
      <c r="W45">
        <f ca="1">ROUND(SQRT((VLOOKUP($A45,városok!$A$2:$C$346,2,0)-VLOOKUP(W$1,városok!$A$2:$C$346,2,0))^2+(VLOOKUP($A45,városok!$A$2:$C$346,3,0)-VLOOKUP(W$1,városok!$A$2:$C$346,3,0))^2)/1000,0)</f>
        <v>164</v>
      </c>
      <c r="X45">
        <f ca="1">ROUND(SQRT((VLOOKUP($A45,városok!$A$2:$C$346,2,0)-VLOOKUP(X$1,városok!$A$2:$C$346,2,0))^2+(VLOOKUP($A45,városok!$A$2:$C$346,3,0)-VLOOKUP(X$1,városok!$A$2:$C$346,3,0))^2)/1000,0)</f>
        <v>190</v>
      </c>
      <c r="Y45">
        <f ca="1">ROUND(SQRT((VLOOKUP($A45,városok!$A$2:$C$346,2,0)-VLOOKUP(Y$1,városok!$A$2:$C$346,2,0))^2+(VLOOKUP($A45,városok!$A$2:$C$346,3,0)-VLOOKUP(Y$1,városok!$A$2:$C$346,3,0))^2)/1000,0)</f>
        <v>252</v>
      </c>
      <c r="Z45">
        <f ca="1">ROUND(SQRT((VLOOKUP($A45,városok!$A$2:$C$346,2,0)-VLOOKUP(Z$1,városok!$A$2:$C$346,2,0))^2+(VLOOKUP($A45,városok!$A$2:$C$346,3,0)-VLOOKUP(Z$1,városok!$A$2:$C$346,3,0))^2)/1000,0)</f>
        <v>271</v>
      </c>
      <c r="AA45">
        <f ca="1">ROUND(SQRT((VLOOKUP($A45,városok!$A$2:$C$346,2,0)-VLOOKUP(AA$1,városok!$A$2:$C$346,2,0))^2+(VLOOKUP($A45,városok!$A$2:$C$346,3,0)-VLOOKUP(AA$1,városok!$A$2:$C$346,3,0))^2)/1000,0)</f>
        <v>328</v>
      </c>
      <c r="AB45">
        <f ca="1">ROUND(SQRT((VLOOKUP($A45,városok!$A$2:$C$346,2,0)-VLOOKUP(AB$1,városok!$A$2:$C$346,2,0))^2+(VLOOKUP($A45,városok!$A$2:$C$346,3,0)-VLOOKUP(AB$1,városok!$A$2:$C$346,3,0))^2)/1000,0)</f>
        <v>93</v>
      </c>
      <c r="AC45">
        <f ca="1">ROUND(SQRT((VLOOKUP($A45,városok!$A$2:$C$346,2,0)-VLOOKUP(AC$1,városok!$A$2:$C$346,2,0))^2+(VLOOKUP($A45,városok!$A$2:$C$346,3,0)-VLOOKUP(AC$1,városok!$A$2:$C$346,3,0))^2)/1000,0)</f>
        <v>74</v>
      </c>
      <c r="AD45">
        <f ca="1">ROUND(SQRT((VLOOKUP($A45,városok!$A$2:$C$346,2,0)-VLOOKUP(AD$1,városok!$A$2:$C$346,2,0))^2+(VLOOKUP($A45,városok!$A$2:$C$346,3,0)-VLOOKUP(AD$1,városok!$A$2:$C$346,3,0))^2)/1000,0)</f>
        <v>62</v>
      </c>
      <c r="AE45">
        <f ca="1">ROUND(SQRT((VLOOKUP($A45,városok!$A$2:$C$346,2,0)-VLOOKUP(AE$1,városok!$A$2:$C$346,2,0))^2+(VLOOKUP($A45,városok!$A$2:$C$346,3,0)-VLOOKUP(AE$1,városok!$A$2:$C$346,3,0))^2)/1000,0)</f>
        <v>49</v>
      </c>
      <c r="AF45">
        <f ca="1">ROUND(SQRT((VLOOKUP($A45,városok!$A$2:$C$346,2,0)-VLOOKUP(AF$1,városok!$A$2:$C$346,2,0))^2+(VLOOKUP($A45,városok!$A$2:$C$346,3,0)-VLOOKUP(AF$1,városok!$A$2:$C$346,3,0))^2)/1000,0)</f>
        <v>112</v>
      </c>
      <c r="AG45">
        <f ca="1">ROUND(SQRT((VLOOKUP($A45,városok!$A$2:$C$346,2,0)-VLOOKUP(AG$1,városok!$A$2:$C$346,2,0))^2+(VLOOKUP($A45,városok!$A$2:$C$346,3,0)-VLOOKUP(AG$1,városok!$A$2:$C$346,3,0))^2)/1000,0)</f>
        <v>114</v>
      </c>
      <c r="AH45">
        <f ca="1">ROUND(SQRT((VLOOKUP($A45,városok!$A$2:$C$346,2,0)-VLOOKUP(AH$1,városok!$A$2:$C$346,2,0))^2+(VLOOKUP($A45,városok!$A$2:$C$346,3,0)-VLOOKUP(AH$1,városok!$A$2:$C$346,3,0))^2)/1000,0)</f>
        <v>117</v>
      </c>
      <c r="AI45">
        <f ca="1">ROUND(SQRT((VLOOKUP($A45,városok!$A$2:$C$346,2,0)-VLOOKUP(AI$1,városok!$A$2:$C$346,2,0))^2+(VLOOKUP($A45,városok!$A$2:$C$346,3,0)-VLOOKUP(AI$1,városok!$A$2:$C$346,3,0))^2)/1000,0)</f>
        <v>132</v>
      </c>
      <c r="AJ45">
        <f ca="1">ROUND(SQRT((VLOOKUP($A45,városok!$A$2:$C$346,2,0)-VLOOKUP(AJ$1,városok!$A$2:$C$346,2,0))^2+(VLOOKUP($A45,városok!$A$2:$C$346,3,0)-VLOOKUP(AJ$1,városok!$A$2:$C$346,3,0))^2)/1000,0)</f>
        <v>100</v>
      </c>
      <c r="AK45">
        <f ca="1">ROUND(SQRT((VLOOKUP($A45,városok!$A$2:$C$346,2,0)-VLOOKUP(AK$1,városok!$A$2:$C$346,2,0))^2+(VLOOKUP($A45,városok!$A$2:$C$346,3,0)-VLOOKUP(AK$1,városok!$A$2:$C$346,3,0))^2)/1000,0)</f>
        <v>42</v>
      </c>
      <c r="AL45">
        <f ca="1">ROUND(SQRT((VLOOKUP($A45,városok!$A$2:$C$346,2,0)-VLOOKUP(AL$1,városok!$A$2:$C$346,2,0))^2+(VLOOKUP($A45,városok!$A$2:$C$346,3,0)-VLOOKUP(AL$1,városok!$A$2:$C$346,3,0))^2)/1000,0)</f>
        <v>50</v>
      </c>
      <c r="AM45">
        <f ca="1">ROUND(SQRT((VLOOKUP($A45,városok!$A$2:$C$346,2,0)-VLOOKUP(AM$1,városok!$A$2:$C$346,2,0))^2+(VLOOKUP($A45,városok!$A$2:$C$346,3,0)-VLOOKUP(AM$1,városok!$A$2:$C$346,3,0))^2)/1000,0)</f>
        <v>53</v>
      </c>
      <c r="AN45">
        <f ca="1">ROUND(SQRT((VLOOKUP($A45,városok!$A$2:$C$346,2,0)-VLOOKUP(AN$1,városok!$A$2:$C$346,2,0))^2+(VLOOKUP($A45,városok!$A$2:$C$346,3,0)-VLOOKUP(AN$1,városok!$A$2:$C$346,3,0))^2)/1000,0)</f>
        <v>181</v>
      </c>
      <c r="AO45">
        <f ca="1">ROUND(SQRT((VLOOKUP($A45,városok!$A$2:$C$346,2,0)-VLOOKUP(AO$1,városok!$A$2:$C$346,2,0))^2+(VLOOKUP($A45,városok!$A$2:$C$346,3,0)-VLOOKUP(AO$1,városok!$A$2:$C$346,3,0))^2)/1000,0)</f>
        <v>220</v>
      </c>
      <c r="AP45">
        <f ca="1">ROUND(SQRT((VLOOKUP($A45,városok!$A$2:$C$346,2,0)-VLOOKUP(AP$1,városok!$A$2:$C$346,2,0))^2+(VLOOKUP($A45,városok!$A$2:$C$346,3,0)-VLOOKUP(AP$1,városok!$A$2:$C$346,3,0))^2)/1000,0)</f>
        <v>201</v>
      </c>
      <c r="AQ45">
        <f ca="1">ROUND(SQRT((VLOOKUP($A45,városok!$A$2:$C$346,2,0)-VLOOKUP(AQ$1,városok!$A$2:$C$346,2,0))^2+(VLOOKUP($A45,városok!$A$2:$C$346,3,0)-VLOOKUP(AQ$1,városok!$A$2:$C$346,3,0))^2)/1000,0)</f>
        <v>193</v>
      </c>
      <c r="AR45">
        <f ca="1">ROUND(SQRT((VLOOKUP($A45,városok!$A$2:$C$346,2,0)-VLOOKUP(AR$1,városok!$A$2:$C$346,2,0))^2+(VLOOKUP($A45,városok!$A$2:$C$346,3,0)-VLOOKUP(AR$1,városok!$A$2:$C$346,3,0))^2)/1000,0)</f>
        <v>137</v>
      </c>
      <c r="AS45">
        <f ca="1">ROUND(SQRT((VLOOKUP($A45,városok!$A$2:$C$346,2,0)-VLOOKUP(AS$1,városok!$A$2:$C$346,2,0))^2+(VLOOKUP($A45,városok!$A$2:$C$346,3,0)-VLOOKUP(AS$1,városok!$A$2:$C$346,3,0))^2)/1000,0)</f>
        <v>150</v>
      </c>
      <c r="AT45">
        <f ca="1">ROUND(SQRT((VLOOKUP($A45,városok!$A$2:$C$346,2,0)-VLOOKUP(AT$1,városok!$A$2:$C$346,2,0))^2+(VLOOKUP($A45,városok!$A$2:$C$346,3,0)-VLOOKUP(AT$1,városok!$A$2:$C$346,3,0))^2)/1000,0)</f>
        <v>160</v>
      </c>
      <c r="AU45">
        <f ca="1">ROUND(SQRT((VLOOKUP($A45,városok!$A$2:$C$346,2,0)-VLOOKUP(AU$1,városok!$A$2:$C$346,2,0))^2+(VLOOKUP($A45,városok!$A$2:$C$346,3,0)-VLOOKUP(AU$1,városok!$A$2:$C$346,3,0))^2)/1000,0)</f>
        <v>150</v>
      </c>
      <c r="AV45">
        <f ca="1">ROUND(SQRT((VLOOKUP($A45,városok!$A$2:$C$346,2,0)-VLOOKUP(AV$1,városok!$A$2:$C$346,2,0))^2+(VLOOKUP($A45,városok!$A$2:$C$346,3,0)-VLOOKUP(AV$1,városok!$A$2:$C$346,3,0))^2)/1000,0)</f>
        <v>148</v>
      </c>
      <c r="AW45">
        <f ca="1">ROUND(SQRT((VLOOKUP($A45,városok!$A$2:$C$346,2,0)-VLOOKUP(AW$1,városok!$A$2:$C$346,2,0))^2+(VLOOKUP($A45,városok!$A$2:$C$346,3,0)-VLOOKUP(AW$1,városok!$A$2:$C$346,3,0))^2)/1000,0)</f>
        <v>151</v>
      </c>
      <c r="AX45">
        <f ca="1">ROUND(SQRT((VLOOKUP($A45,városok!$A$2:$C$346,2,0)-VLOOKUP(AX$1,városok!$A$2:$C$346,2,0))^2+(VLOOKUP($A45,városok!$A$2:$C$346,3,0)-VLOOKUP(AX$1,városok!$A$2:$C$346,3,0))^2)/1000,0)</f>
        <v>77</v>
      </c>
      <c r="AY45">
        <f ca="1">ROUND(SQRT((VLOOKUP($A45,városok!$A$2:$C$346,2,0)-VLOOKUP(AY$1,városok!$A$2:$C$346,2,0))^2+(VLOOKUP($A45,városok!$A$2:$C$346,3,0)-VLOOKUP(AY$1,városok!$A$2:$C$346,3,0))^2)/1000,0)</f>
        <v>154</v>
      </c>
      <c r="AZ45">
        <f ca="1">ROUND(SQRT((VLOOKUP($A45,városok!$A$2:$C$346,2,0)-VLOOKUP(AZ$1,városok!$A$2:$C$346,2,0))^2+(VLOOKUP($A45,városok!$A$2:$C$346,3,0)-VLOOKUP(AZ$1,városok!$A$2:$C$346,3,0))^2)/1000,0)</f>
        <v>166</v>
      </c>
      <c r="BA45">
        <f ca="1">ROUND(SQRT((VLOOKUP($A45,városok!$A$2:$C$346,2,0)-VLOOKUP(BA$1,városok!$A$2:$C$346,2,0))^2+(VLOOKUP($A45,városok!$A$2:$C$346,3,0)-VLOOKUP(BA$1,városok!$A$2:$C$346,3,0))^2)/1000,0)</f>
        <v>235</v>
      </c>
      <c r="BB45">
        <f ca="1">ROUND(SQRT((VLOOKUP($A45,városok!$A$2:$C$346,2,0)-VLOOKUP(BB$1,városok!$A$2:$C$346,2,0))^2+(VLOOKUP($A45,városok!$A$2:$C$346,3,0)-VLOOKUP(BB$1,városok!$A$2:$C$346,3,0))^2)/1000,0)</f>
        <v>221</v>
      </c>
      <c r="BC45">
        <f ca="1">ROUND(SQRT((VLOOKUP($A45,városok!$A$2:$C$346,2,0)-VLOOKUP(BC$1,városok!$A$2:$C$346,2,0))^2+(VLOOKUP($A45,városok!$A$2:$C$346,3,0)-VLOOKUP(BC$1,városok!$A$2:$C$346,3,0))^2)/1000,0)</f>
        <v>237</v>
      </c>
      <c r="BD45">
        <f ca="1">ROUND(SQRT((VLOOKUP($A45,városok!$A$2:$C$346,2,0)-VLOOKUP(BD$1,városok!$A$2:$C$346,2,0))^2+(VLOOKUP($A45,városok!$A$2:$C$346,3,0)-VLOOKUP(BD$1,városok!$A$2:$C$346,3,0))^2)/1000,0)</f>
        <v>207</v>
      </c>
      <c r="BE45">
        <f ca="1">ROUND(SQRT((VLOOKUP($A45,városok!$A$2:$C$346,2,0)-VLOOKUP(BE$1,városok!$A$2:$C$346,2,0))^2+(VLOOKUP($A45,városok!$A$2:$C$346,3,0)-VLOOKUP(BE$1,városok!$A$2:$C$346,3,0))^2)/1000,0)</f>
        <v>175</v>
      </c>
      <c r="BF45">
        <f ca="1">ROUND(SQRT((VLOOKUP($A45,városok!$A$2:$C$346,2,0)-VLOOKUP(BF$1,városok!$A$2:$C$346,2,0))^2+(VLOOKUP($A45,városok!$A$2:$C$346,3,0)-VLOOKUP(BF$1,városok!$A$2:$C$346,3,0))^2)/1000,0)</f>
        <v>174</v>
      </c>
      <c r="BG45">
        <f ca="1">ROUND(SQRT((VLOOKUP($A45,városok!$A$2:$C$346,2,0)-VLOOKUP(BG$1,városok!$A$2:$C$346,2,0))^2+(VLOOKUP($A45,városok!$A$2:$C$346,3,0)-VLOOKUP(BG$1,városok!$A$2:$C$346,3,0))^2)/1000,0)</f>
        <v>143</v>
      </c>
      <c r="BH45">
        <f ca="1">ROUND(SQRT((VLOOKUP($A45,városok!$A$2:$C$346,2,0)-VLOOKUP(BH$1,városok!$A$2:$C$346,2,0))^2+(VLOOKUP($A45,városok!$A$2:$C$346,3,0)-VLOOKUP(BH$1,városok!$A$2:$C$346,3,0))^2)/1000,0)</f>
        <v>142</v>
      </c>
      <c r="BI45">
        <f ca="1">ROUND(SQRT((VLOOKUP($A45,városok!$A$2:$C$346,2,0)-VLOOKUP(BI$1,városok!$A$2:$C$346,2,0))^2+(VLOOKUP($A45,városok!$A$2:$C$346,3,0)-VLOOKUP(BI$1,városok!$A$2:$C$346,3,0))^2)/1000,0)</f>
        <v>175</v>
      </c>
      <c r="BJ45">
        <f ca="1">ROUND(SQRT((VLOOKUP($A45,városok!$A$2:$C$346,2,0)-VLOOKUP(BJ$1,városok!$A$2:$C$346,2,0))^2+(VLOOKUP($A45,városok!$A$2:$C$346,3,0)-VLOOKUP(BJ$1,városok!$A$2:$C$346,3,0))^2)/1000,0)</f>
        <v>192</v>
      </c>
      <c r="BK45">
        <f ca="1">ROUND(SQRT((VLOOKUP($A45,városok!$A$2:$C$346,2,0)-VLOOKUP(BK$1,városok!$A$2:$C$346,2,0))^2+(VLOOKUP($A45,városok!$A$2:$C$346,3,0)-VLOOKUP(BK$1,városok!$A$2:$C$346,3,0))^2)/1000,0)</f>
        <v>171</v>
      </c>
      <c r="BL45">
        <f ca="1">ROUND(SQRT((VLOOKUP($A45,városok!$A$2:$C$346,2,0)-VLOOKUP(BL$1,városok!$A$2:$C$346,2,0))^2+(VLOOKUP($A45,városok!$A$2:$C$346,3,0)-VLOOKUP(BL$1,városok!$A$2:$C$346,3,0))^2)/1000,0)</f>
        <v>318</v>
      </c>
      <c r="BM45">
        <f ca="1">ROUND(SQRT((VLOOKUP($A45,városok!$A$2:$C$346,2,0)-VLOOKUP(BM$1,városok!$A$2:$C$346,2,0))^2+(VLOOKUP($A45,városok!$A$2:$C$346,3,0)-VLOOKUP(BM$1,városok!$A$2:$C$346,3,0))^2)/1000,0)</f>
        <v>294</v>
      </c>
      <c r="BN45">
        <f ca="1">ROUND(SQRT((VLOOKUP($A45,városok!$A$2:$C$346,2,0)-VLOOKUP(BN$1,városok!$A$2:$C$346,2,0))^2+(VLOOKUP($A45,városok!$A$2:$C$346,3,0)-VLOOKUP(BN$1,városok!$A$2:$C$346,3,0))^2)/1000,0)</f>
        <v>317</v>
      </c>
      <c r="BO45">
        <f ca="1">ROUND(SQRT((VLOOKUP($A45,városok!$A$2:$C$346,2,0)-VLOOKUP(BO$1,városok!$A$2:$C$346,2,0))^2+(VLOOKUP($A45,városok!$A$2:$C$346,3,0)-VLOOKUP(BO$1,városok!$A$2:$C$346,3,0))^2)/1000,0)</f>
        <v>211</v>
      </c>
      <c r="BP45">
        <f ca="1">ROUND(SQRT((VLOOKUP($A45,városok!$A$2:$C$346,2,0)-VLOOKUP(BP$1,városok!$A$2:$C$346,2,0))^2+(VLOOKUP($A45,városok!$A$2:$C$346,3,0)-VLOOKUP(BP$1,városok!$A$2:$C$346,3,0))^2)/1000,0)</f>
        <v>203</v>
      </c>
      <c r="BQ45">
        <f ca="1">ROUND(SQRT((VLOOKUP($A45,városok!$A$2:$C$346,2,0)-VLOOKUP(BQ$1,városok!$A$2:$C$346,2,0))^2+(VLOOKUP($A45,városok!$A$2:$C$346,3,0)-VLOOKUP(BQ$1,városok!$A$2:$C$346,3,0))^2)/1000,0)</f>
        <v>219</v>
      </c>
      <c r="BR45">
        <f ca="1">ROUND(SQRT((VLOOKUP($A45,városok!$A$2:$C$346,2,0)-VLOOKUP(BR$1,városok!$A$2:$C$346,2,0))^2+(VLOOKUP($A45,városok!$A$2:$C$346,3,0)-VLOOKUP(BR$1,városok!$A$2:$C$346,3,0))^2)/1000,0)</f>
        <v>269</v>
      </c>
      <c r="BS45">
        <f ca="1">ROUND(SQRT((VLOOKUP($A45,városok!$A$2:$C$346,2,0)-VLOOKUP(BS$1,városok!$A$2:$C$346,2,0))^2+(VLOOKUP($A45,városok!$A$2:$C$346,3,0)-VLOOKUP(BS$1,városok!$A$2:$C$346,3,0))^2)/1000,0)</f>
        <v>294</v>
      </c>
      <c r="BT45">
        <f ca="1">ROUND(SQRT((VLOOKUP($A45,városok!$A$2:$C$346,2,0)-VLOOKUP(BT$1,városok!$A$2:$C$346,2,0))^2+(VLOOKUP($A45,városok!$A$2:$C$346,3,0)-VLOOKUP(BT$1,városok!$A$2:$C$346,3,0))^2)/1000,0)</f>
        <v>300</v>
      </c>
    </row>
    <row r="46" spans="1:72" x14ac:dyDescent="0.2">
      <c r="A46" t="str">
        <f>városok!A46</f>
        <v>Gyula</v>
      </c>
      <c r="B46">
        <f ca="1">ROUND(SQRT((VLOOKUP($A46,városok!$A$2:$C$346,2,0)-VLOOKUP(B$1,városok!$A$2:$C$346,2,0))^2+(VLOOKUP($A46,városok!$A$2:$C$346,3,0)-VLOOKUP(B$1,városok!$A$2:$C$346,3,0))^2)/1000,0)</f>
        <v>185</v>
      </c>
      <c r="C46">
        <f ca="1">ROUND(SQRT((VLOOKUP($A46,városok!$A$2:$C$346,2,0)-VLOOKUP(C$1,városok!$A$2:$C$346,2,0))^2+(VLOOKUP($A46,városok!$A$2:$C$346,3,0)-VLOOKUP(C$1,városok!$A$2:$C$346,3,0))^2)/1000,0)</f>
        <v>177</v>
      </c>
      <c r="D46">
        <f ca="1">ROUND(SQRT((VLOOKUP($A46,városok!$A$2:$C$346,2,0)-VLOOKUP(D$1,városok!$A$2:$C$346,2,0))^2+(VLOOKUP($A46,városok!$A$2:$C$346,3,0)-VLOOKUP(D$1,városok!$A$2:$C$346,3,0))^2)/1000,0)</f>
        <v>124</v>
      </c>
      <c r="E46">
        <f ca="1">ROUND(SQRT((VLOOKUP($A46,városok!$A$2:$C$346,2,0)-VLOOKUP(E$1,városok!$A$2:$C$346,2,0))^2+(VLOOKUP($A46,városok!$A$2:$C$346,3,0)-VLOOKUP(E$1,városok!$A$2:$C$346,3,0))^2)/1000,0)</f>
        <v>237</v>
      </c>
      <c r="F46">
        <f ca="1">ROUND(SQRT((VLOOKUP($A46,városok!$A$2:$C$346,2,0)-VLOOKUP(F$1,városok!$A$2:$C$346,2,0))^2+(VLOOKUP($A46,városok!$A$2:$C$346,3,0)-VLOOKUP(F$1,városok!$A$2:$C$346,3,0))^2)/1000,0)</f>
        <v>212</v>
      </c>
      <c r="G46">
        <f ca="1">ROUND(SQRT((VLOOKUP($A46,városok!$A$2:$C$346,2,0)-VLOOKUP(G$1,városok!$A$2:$C$346,2,0))^2+(VLOOKUP($A46,városok!$A$2:$C$346,3,0)-VLOOKUP(G$1,városok!$A$2:$C$346,3,0))^2)/1000,0)</f>
        <v>241</v>
      </c>
      <c r="H46">
        <f ca="1">ROUND(SQRT((VLOOKUP($A46,városok!$A$2:$C$346,2,0)-VLOOKUP(H$1,városok!$A$2:$C$346,2,0))^2+(VLOOKUP($A46,városok!$A$2:$C$346,3,0)-VLOOKUP(H$1,városok!$A$2:$C$346,3,0))^2)/1000,0)</f>
        <v>276</v>
      </c>
      <c r="I46">
        <f ca="1">ROUND(SQRT((VLOOKUP($A46,városok!$A$2:$C$346,2,0)-VLOOKUP(I$1,városok!$A$2:$C$346,2,0))^2+(VLOOKUP($A46,városok!$A$2:$C$346,3,0)-VLOOKUP(I$1,városok!$A$2:$C$346,3,0))^2)/1000,0)</f>
        <v>15</v>
      </c>
      <c r="J46">
        <f ca="1">ROUND(SQRT((VLOOKUP($A46,városok!$A$2:$C$346,2,0)-VLOOKUP(J$1,városok!$A$2:$C$346,2,0))^2+(VLOOKUP($A46,városok!$A$2:$C$346,3,0)-VLOOKUP(J$1,városok!$A$2:$C$346,3,0))^2)/1000,0)</f>
        <v>0</v>
      </c>
      <c r="K46">
        <f ca="1">ROUND(SQRT((VLOOKUP($A46,városok!$A$2:$C$346,2,0)-VLOOKUP(K$1,városok!$A$2:$C$346,2,0))^2+(VLOOKUP($A46,városok!$A$2:$C$346,3,0)-VLOOKUP(K$1,városok!$A$2:$C$346,3,0))^2)/1000,0)</f>
        <v>47</v>
      </c>
      <c r="L46">
        <f ca="1">ROUND(SQRT((VLOOKUP($A46,városok!$A$2:$C$346,2,0)-VLOOKUP(L$1,városok!$A$2:$C$346,2,0))^2+(VLOOKUP($A46,városok!$A$2:$C$346,3,0)-VLOOKUP(L$1,városok!$A$2:$C$346,3,0))^2)/1000,0)</f>
        <v>185</v>
      </c>
      <c r="M46">
        <f ca="1">ROUND(SQRT((VLOOKUP($A46,városok!$A$2:$C$346,2,0)-VLOOKUP(M$1,városok!$A$2:$C$346,2,0))^2+(VLOOKUP($A46,városok!$A$2:$C$346,3,0)-VLOOKUP(M$1,városok!$A$2:$C$346,3,0))^2)/1000,0)</f>
        <v>166</v>
      </c>
      <c r="N46">
        <f ca="1">ROUND(SQRT((VLOOKUP($A46,városok!$A$2:$C$346,2,0)-VLOOKUP(N$1,városok!$A$2:$C$346,2,0))^2+(VLOOKUP($A46,városok!$A$2:$C$346,3,0)-VLOOKUP(N$1,városok!$A$2:$C$346,3,0))^2)/1000,0)</f>
        <v>190</v>
      </c>
      <c r="O46">
        <f ca="1">ROUND(SQRT((VLOOKUP($A46,városok!$A$2:$C$346,2,0)-VLOOKUP(O$1,városok!$A$2:$C$346,2,0))^2+(VLOOKUP($A46,városok!$A$2:$C$346,3,0)-VLOOKUP(O$1,városok!$A$2:$C$346,3,0))^2)/1000,0)</f>
        <v>197</v>
      </c>
      <c r="P46">
        <f ca="1">ROUND(SQRT((VLOOKUP($A46,városok!$A$2:$C$346,2,0)-VLOOKUP(P$1,városok!$A$2:$C$346,2,0))^2+(VLOOKUP($A46,városok!$A$2:$C$346,3,0)-VLOOKUP(P$1,városok!$A$2:$C$346,3,0))^2)/1000,0)</f>
        <v>197</v>
      </c>
      <c r="Q46">
        <f ca="1">ROUND(SQRT((VLOOKUP($A46,városok!$A$2:$C$346,2,0)-VLOOKUP(Q$1,városok!$A$2:$C$346,2,0))^2+(VLOOKUP($A46,városok!$A$2:$C$346,3,0)-VLOOKUP(Q$1,városok!$A$2:$C$346,3,0))^2)/1000,0)</f>
        <v>77</v>
      </c>
      <c r="R46">
        <f ca="1">ROUND(SQRT((VLOOKUP($A46,városok!$A$2:$C$346,2,0)-VLOOKUP(R$1,városok!$A$2:$C$346,2,0))^2+(VLOOKUP($A46,városok!$A$2:$C$346,3,0)-VLOOKUP(R$1,városok!$A$2:$C$346,3,0))^2)/1000,0)</f>
        <v>78</v>
      </c>
      <c r="S46">
        <f ca="1">ROUND(SQRT((VLOOKUP($A46,városok!$A$2:$C$346,2,0)-VLOOKUP(S$1,városok!$A$2:$C$346,2,0))^2+(VLOOKUP($A46,városok!$A$2:$C$346,3,0)-VLOOKUP(S$1,városok!$A$2:$C$346,3,0))^2)/1000,0)</f>
        <v>96</v>
      </c>
      <c r="T46">
        <f ca="1">ROUND(SQRT((VLOOKUP($A46,városok!$A$2:$C$346,2,0)-VLOOKUP(T$1,városok!$A$2:$C$346,2,0))^2+(VLOOKUP($A46,városok!$A$2:$C$346,3,0)-VLOOKUP(T$1,városok!$A$2:$C$346,3,0))^2)/1000,0)</f>
        <v>221</v>
      </c>
      <c r="U46">
        <f ca="1">ROUND(SQRT((VLOOKUP($A46,városok!$A$2:$C$346,2,0)-VLOOKUP(U$1,városok!$A$2:$C$346,2,0))^2+(VLOOKUP($A46,városok!$A$2:$C$346,3,0)-VLOOKUP(U$1,városok!$A$2:$C$346,3,0))^2)/1000,0)</f>
        <v>182</v>
      </c>
      <c r="V46">
        <f ca="1">ROUND(SQRT((VLOOKUP($A46,városok!$A$2:$C$346,2,0)-VLOOKUP(V$1,városok!$A$2:$C$346,2,0))^2+(VLOOKUP($A46,városok!$A$2:$C$346,3,0)-VLOOKUP(V$1,városok!$A$2:$C$346,3,0))^2)/1000,0)</f>
        <v>231</v>
      </c>
      <c r="W46">
        <f ca="1">ROUND(SQRT((VLOOKUP($A46,városok!$A$2:$C$346,2,0)-VLOOKUP(W$1,városok!$A$2:$C$346,2,0))^2+(VLOOKUP($A46,városok!$A$2:$C$346,3,0)-VLOOKUP(W$1,városok!$A$2:$C$346,3,0))^2)/1000,0)</f>
        <v>204</v>
      </c>
      <c r="X46">
        <f ca="1">ROUND(SQRT((VLOOKUP($A46,városok!$A$2:$C$346,2,0)-VLOOKUP(X$1,városok!$A$2:$C$346,2,0))^2+(VLOOKUP($A46,városok!$A$2:$C$346,3,0)-VLOOKUP(X$1,városok!$A$2:$C$346,3,0))^2)/1000,0)</f>
        <v>236</v>
      </c>
      <c r="Y46">
        <f ca="1">ROUND(SQRT((VLOOKUP($A46,városok!$A$2:$C$346,2,0)-VLOOKUP(Y$1,városok!$A$2:$C$346,2,0))^2+(VLOOKUP($A46,városok!$A$2:$C$346,3,0)-VLOOKUP(Y$1,városok!$A$2:$C$346,3,0))^2)/1000,0)</f>
        <v>299</v>
      </c>
      <c r="Z46">
        <f ca="1">ROUND(SQRT((VLOOKUP($A46,városok!$A$2:$C$346,2,0)-VLOOKUP(Z$1,városok!$A$2:$C$346,2,0))^2+(VLOOKUP($A46,városok!$A$2:$C$346,3,0)-VLOOKUP(Z$1,városok!$A$2:$C$346,3,0))^2)/1000,0)</f>
        <v>318</v>
      </c>
      <c r="AA46">
        <f ca="1">ROUND(SQRT((VLOOKUP($A46,városok!$A$2:$C$346,2,0)-VLOOKUP(AA$1,városok!$A$2:$C$346,2,0))^2+(VLOOKUP($A46,városok!$A$2:$C$346,3,0)-VLOOKUP(AA$1,városok!$A$2:$C$346,3,0))^2)/1000,0)</f>
        <v>374</v>
      </c>
      <c r="AB46">
        <f ca="1">ROUND(SQRT((VLOOKUP($A46,városok!$A$2:$C$346,2,0)-VLOOKUP(AB$1,városok!$A$2:$C$346,2,0))^2+(VLOOKUP($A46,városok!$A$2:$C$346,3,0)-VLOOKUP(AB$1,városok!$A$2:$C$346,3,0))^2)/1000,0)</f>
        <v>102</v>
      </c>
      <c r="AC46">
        <f ca="1">ROUND(SQRT((VLOOKUP($A46,városok!$A$2:$C$346,2,0)-VLOOKUP(AC$1,városok!$A$2:$C$346,2,0))^2+(VLOOKUP($A46,városok!$A$2:$C$346,3,0)-VLOOKUP(AC$1,városok!$A$2:$C$346,3,0))^2)/1000,0)</f>
        <v>89</v>
      </c>
      <c r="AD46">
        <f ca="1">ROUND(SQRT((VLOOKUP($A46,városok!$A$2:$C$346,2,0)-VLOOKUP(AD$1,városok!$A$2:$C$346,2,0))^2+(VLOOKUP($A46,városok!$A$2:$C$346,3,0)-VLOOKUP(AD$1,városok!$A$2:$C$346,3,0))^2)/1000,0)</f>
        <v>87</v>
      </c>
      <c r="AE46">
        <f ca="1">ROUND(SQRT((VLOOKUP($A46,városok!$A$2:$C$346,2,0)-VLOOKUP(AE$1,városok!$A$2:$C$346,2,0))^2+(VLOOKUP($A46,városok!$A$2:$C$346,3,0)-VLOOKUP(AE$1,városok!$A$2:$C$346,3,0))^2)/1000,0)</f>
        <v>71</v>
      </c>
      <c r="AF46">
        <f ca="1">ROUND(SQRT((VLOOKUP($A46,városok!$A$2:$C$346,2,0)-VLOOKUP(AF$1,városok!$A$2:$C$346,2,0))^2+(VLOOKUP($A46,városok!$A$2:$C$346,3,0)-VLOOKUP(AF$1,városok!$A$2:$C$346,3,0))^2)/1000,0)</f>
        <v>155</v>
      </c>
      <c r="AG46">
        <f ca="1">ROUND(SQRT((VLOOKUP($A46,városok!$A$2:$C$346,2,0)-VLOOKUP(AG$1,városok!$A$2:$C$346,2,0))^2+(VLOOKUP($A46,városok!$A$2:$C$346,3,0)-VLOOKUP(AG$1,városok!$A$2:$C$346,3,0))^2)/1000,0)</f>
        <v>163</v>
      </c>
      <c r="AH46">
        <f ca="1">ROUND(SQRT((VLOOKUP($A46,városok!$A$2:$C$346,2,0)-VLOOKUP(AH$1,városok!$A$2:$C$346,2,0))^2+(VLOOKUP($A46,városok!$A$2:$C$346,3,0)-VLOOKUP(AH$1,városok!$A$2:$C$346,3,0))^2)/1000,0)</f>
        <v>166</v>
      </c>
      <c r="AI46">
        <f ca="1">ROUND(SQRT((VLOOKUP($A46,városok!$A$2:$C$346,2,0)-VLOOKUP(AI$1,városok!$A$2:$C$346,2,0))^2+(VLOOKUP($A46,városok!$A$2:$C$346,3,0)-VLOOKUP(AI$1,városok!$A$2:$C$346,3,0))^2)/1000,0)</f>
        <v>177</v>
      </c>
      <c r="AJ46">
        <f ca="1">ROUND(SQRT((VLOOKUP($A46,városok!$A$2:$C$346,2,0)-VLOOKUP(AJ$1,városok!$A$2:$C$346,2,0))^2+(VLOOKUP($A46,városok!$A$2:$C$346,3,0)-VLOOKUP(AJ$1,városok!$A$2:$C$346,3,0))^2)/1000,0)</f>
        <v>148</v>
      </c>
      <c r="AK46">
        <f ca="1">ROUND(SQRT((VLOOKUP($A46,városok!$A$2:$C$346,2,0)-VLOOKUP(AK$1,városok!$A$2:$C$346,2,0))^2+(VLOOKUP($A46,városok!$A$2:$C$346,3,0)-VLOOKUP(AK$1,városok!$A$2:$C$346,3,0))^2)/1000,0)</f>
        <v>75</v>
      </c>
      <c r="AL46">
        <f ca="1">ROUND(SQRT((VLOOKUP($A46,városok!$A$2:$C$346,2,0)-VLOOKUP(AL$1,városok!$A$2:$C$346,2,0))^2+(VLOOKUP($A46,városok!$A$2:$C$346,3,0)-VLOOKUP(AL$1,városok!$A$2:$C$346,3,0))^2)/1000,0)</f>
        <v>94</v>
      </c>
      <c r="AM46">
        <f ca="1">ROUND(SQRT((VLOOKUP($A46,városok!$A$2:$C$346,2,0)-VLOOKUP(AM$1,városok!$A$2:$C$346,2,0))^2+(VLOOKUP($A46,városok!$A$2:$C$346,3,0)-VLOOKUP(AM$1,városok!$A$2:$C$346,3,0))^2)/1000,0)</f>
        <v>102</v>
      </c>
      <c r="AN46">
        <f ca="1">ROUND(SQRT((VLOOKUP($A46,városok!$A$2:$C$346,2,0)-VLOOKUP(AN$1,városok!$A$2:$C$346,2,0))^2+(VLOOKUP($A46,városok!$A$2:$C$346,3,0)-VLOOKUP(AN$1,városok!$A$2:$C$346,3,0))^2)/1000,0)</f>
        <v>230</v>
      </c>
      <c r="AO46">
        <f ca="1">ROUND(SQRT((VLOOKUP($A46,városok!$A$2:$C$346,2,0)-VLOOKUP(AO$1,városok!$A$2:$C$346,2,0))^2+(VLOOKUP($A46,városok!$A$2:$C$346,3,0)-VLOOKUP(AO$1,városok!$A$2:$C$346,3,0))^2)/1000,0)</f>
        <v>268</v>
      </c>
      <c r="AP46">
        <f ca="1">ROUND(SQRT((VLOOKUP($A46,városok!$A$2:$C$346,2,0)-VLOOKUP(AP$1,városok!$A$2:$C$346,2,0))^2+(VLOOKUP($A46,városok!$A$2:$C$346,3,0)-VLOOKUP(AP$1,városok!$A$2:$C$346,3,0))^2)/1000,0)</f>
        <v>249</v>
      </c>
      <c r="AQ46">
        <f ca="1">ROUND(SQRT((VLOOKUP($A46,városok!$A$2:$C$346,2,0)-VLOOKUP(AQ$1,városok!$A$2:$C$346,2,0))^2+(VLOOKUP($A46,városok!$A$2:$C$346,3,0)-VLOOKUP(AQ$1,városok!$A$2:$C$346,3,0))^2)/1000,0)</f>
        <v>240</v>
      </c>
      <c r="AR46">
        <f ca="1">ROUND(SQRT((VLOOKUP($A46,városok!$A$2:$C$346,2,0)-VLOOKUP(AR$1,városok!$A$2:$C$346,2,0))^2+(VLOOKUP($A46,városok!$A$2:$C$346,3,0)-VLOOKUP(AR$1,városok!$A$2:$C$346,3,0))^2)/1000,0)</f>
        <v>185</v>
      </c>
      <c r="AS46">
        <f ca="1">ROUND(SQRT((VLOOKUP($A46,városok!$A$2:$C$346,2,0)-VLOOKUP(AS$1,városok!$A$2:$C$346,2,0))^2+(VLOOKUP($A46,városok!$A$2:$C$346,3,0)-VLOOKUP(AS$1,városok!$A$2:$C$346,3,0))^2)/1000,0)</f>
        <v>197</v>
      </c>
      <c r="AT46">
        <f ca="1">ROUND(SQRT((VLOOKUP($A46,városok!$A$2:$C$346,2,0)-VLOOKUP(AT$1,városok!$A$2:$C$346,2,0))^2+(VLOOKUP($A46,városok!$A$2:$C$346,3,0)-VLOOKUP(AT$1,városok!$A$2:$C$346,3,0))^2)/1000,0)</f>
        <v>208</v>
      </c>
      <c r="AU46">
        <f ca="1">ROUND(SQRT((VLOOKUP($A46,városok!$A$2:$C$346,2,0)-VLOOKUP(AU$1,városok!$A$2:$C$346,2,0))^2+(VLOOKUP($A46,városok!$A$2:$C$346,3,0)-VLOOKUP(AU$1,városok!$A$2:$C$346,3,0))^2)/1000,0)</f>
        <v>198</v>
      </c>
      <c r="AV46">
        <f ca="1">ROUND(SQRT((VLOOKUP($A46,városok!$A$2:$C$346,2,0)-VLOOKUP(AV$1,városok!$A$2:$C$346,2,0))^2+(VLOOKUP($A46,városok!$A$2:$C$346,3,0)-VLOOKUP(AV$1,városok!$A$2:$C$346,3,0))^2)/1000,0)</f>
        <v>196</v>
      </c>
      <c r="AW46">
        <f ca="1">ROUND(SQRT((VLOOKUP($A46,városok!$A$2:$C$346,2,0)-VLOOKUP(AW$1,városok!$A$2:$C$346,2,0))^2+(VLOOKUP($A46,városok!$A$2:$C$346,3,0)-VLOOKUP(AW$1,városok!$A$2:$C$346,3,0))^2)/1000,0)</f>
        <v>198</v>
      </c>
      <c r="AX46">
        <f ca="1">ROUND(SQRT((VLOOKUP($A46,városok!$A$2:$C$346,2,0)-VLOOKUP(AX$1,városok!$A$2:$C$346,2,0))^2+(VLOOKUP($A46,városok!$A$2:$C$346,3,0)-VLOOKUP(AX$1,városok!$A$2:$C$346,3,0))^2)/1000,0)</f>
        <v>122</v>
      </c>
      <c r="AY46">
        <f ca="1">ROUND(SQRT((VLOOKUP($A46,városok!$A$2:$C$346,2,0)-VLOOKUP(AY$1,városok!$A$2:$C$346,2,0))^2+(VLOOKUP($A46,városok!$A$2:$C$346,3,0)-VLOOKUP(AY$1,városok!$A$2:$C$346,3,0))^2)/1000,0)</f>
        <v>204</v>
      </c>
      <c r="AZ46">
        <f ca="1">ROUND(SQRT((VLOOKUP($A46,városok!$A$2:$C$346,2,0)-VLOOKUP(AZ$1,városok!$A$2:$C$346,2,0))^2+(VLOOKUP($A46,városok!$A$2:$C$346,3,0)-VLOOKUP(AZ$1,városok!$A$2:$C$346,3,0))^2)/1000,0)</f>
        <v>216</v>
      </c>
      <c r="BA46">
        <f ca="1">ROUND(SQRT((VLOOKUP($A46,városok!$A$2:$C$346,2,0)-VLOOKUP(BA$1,városok!$A$2:$C$346,2,0))^2+(VLOOKUP($A46,városok!$A$2:$C$346,3,0)-VLOOKUP(BA$1,városok!$A$2:$C$346,3,0))^2)/1000,0)</f>
        <v>274</v>
      </c>
      <c r="BB46">
        <f ca="1">ROUND(SQRT((VLOOKUP($A46,városok!$A$2:$C$346,2,0)-VLOOKUP(BB$1,városok!$A$2:$C$346,2,0))^2+(VLOOKUP($A46,városok!$A$2:$C$346,3,0)-VLOOKUP(BB$1,városok!$A$2:$C$346,3,0))^2)/1000,0)</f>
        <v>256</v>
      </c>
      <c r="BC46">
        <f ca="1">ROUND(SQRT((VLOOKUP($A46,városok!$A$2:$C$346,2,0)-VLOOKUP(BC$1,városok!$A$2:$C$346,2,0))^2+(VLOOKUP($A46,városok!$A$2:$C$346,3,0)-VLOOKUP(BC$1,városok!$A$2:$C$346,3,0))^2)/1000,0)</f>
        <v>269</v>
      </c>
      <c r="BD46">
        <f ca="1">ROUND(SQRT((VLOOKUP($A46,városok!$A$2:$C$346,2,0)-VLOOKUP(BD$1,városok!$A$2:$C$346,2,0))^2+(VLOOKUP($A46,városok!$A$2:$C$346,3,0)-VLOOKUP(BD$1,városok!$A$2:$C$346,3,0))^2)/1000,0)</f>
        <v>247</v>
      </c>
      <c r="BE46">
        <f ca="1">ROUND(SQRT((VLOOKUP($A46,városok!$A$2:$C$346,2,0)-VLOOKUP(BE$1,városok!$A$2:$C$346,2,0))^2+(VLOOKUP($A46,városok!$A$2:$C$346,3,0)-VLOOKUP(BE$1,városok!$A$2:$C$346,3,0))^2)/1000,0)</f>
        <v>170</v>
      </c>
      <c r="BF46">
        <f ca="1">ROUND(SQRT((VLOOKUP($A46,városok!$A$2:$C$346,2,0)-VLOOKUP(BF$1,városok!$A$2:$C$346,2,0))^2+(VLOOKUP($A46,városok!$A$2:$C$346,3,0)-VLOOKUP(BF$1,városok!$A$2:$C$346,3,0))^2)/1000,0)</f>
        <v>186</v>
      </c>
      <c r="BG46">
        <f ca="1">ROUND(SQRT((VLOOKUP($A46,városok!$A$2:$C$346,2,0)-VLOOKUP(BG$1,városok!$A$2:$C$346,2,0))^2+(VLOOKUP($A46,városok!$A$2:$C$346,3,0)-VLOOKUP(BG$1,városok!$A$2:$C$346,3,0))^2)/1000,0)</f>
        <v>165</v>
      </c>
      <c r="BH46">
        <f ca="1">ROUND(SQRT((VLOOKUP($A46,városok!$A$2:$C$346,2,0)-VLOOKUP(BH$1,városok!$A$2:$C$346,2,0))^2+(VLOOKUP($A46,városok!$A$2:$C$346,3,0)-VLOOKUP(BH$1,városok!$A$2:$C$346,3,0))^2)/1000,0)</f>
        <v>165</v>
      </c>
      <c r="BI46">
        <f ca="1">ROUND(SQRT((VLOOKUP($A46,városok!$A$2:$C$346,2,0)-VLOOKUP(BI$1,városok!$A$2:$C$346,2,0))^2+(VLOOKUP($A46,városok!$A$2:$C$346,3,0)-VLOOKUP(BI$1,városok!$A$2:$C$346,3,0))^2)/1000,0)</f>
        <v>205</v>
      </c>
      <c r="BJ46">
        <f ca="1">ROUND(SQRT((VLOOKUP($A46,városok!$A$2:$C$346,2,0)-VLOOKUP(BJ$1,városok!$A$2:$C$346,2,0))^2+(VLOOKUP($A46,városok!$A$2:$C$346,3,0)-VLOOKUP(BJ$1,városok!$A$2:$C$346,3,0))^2)/1000,0)</f>
        <v>220</v>
      </c>
      <c r="BK46">
        <f ca="1">ROUND(SQRT((VLOOKUP($A46,városok!$A$2:$C$346,2,0)-VLOOKUP(BK$1,városok!$A$2:$C$346,2,0))^2+(VLOOKUP($A46,városok!$A$2:$C$346,3,0)-VLOOKUP(BK$1,városok!$A$2:$C$346,3,0))^2)/1000,0)</f>
        <v>200</v>
      </c>
      <c r="BL46">
        <f ca="1">ROUND(SQRT((VLOOKUP($A46,városok!$A$2:$C$346,2,0)-VLOOKUP(BL$1,városok!$A$2:$C$346,2,0))^2+(VLOOKUP($A46,városok!$A$2:$C$346,3,0)-VLOOKUP(BL$1,városok!$A$2:$C$346,3,0))^2)/1000,0)</f>
        <v>359</v>
      </c>
      <c r="BM46">
        <f ca="1">ROUND(SQRT((VLOOKUP($A46,városok!$A$2:$C$346,2,0)-VLOOKUP(BM$1,városok!$A$2:$C$346,2,0))^2+(VLOOKUP($A46,városok!$A$2:$C$346,3,0)-VLOOKUP(BM$1,városok!$A$2:$C$346,3,0))^2)/1000,0)</f>
        <v>337</v>
      </c>
      <c r="BN46">
        <f ca="1">ROUND(SQRT((VLOOKUP($A46,városok!$A$2:$C$346,2,0)-VLOOKUP(BN$1,városok!$A$2:$C$346,2,0))^2+(VLOOKUP($A46,városok!$A$2:$C$346,3,0)-VLOOKUP(BN$1,városok!$A$2:$C$346,3,0))^2)/1000,0)</f>
        <v>360</v>
      </c>
      <c r="BO46">
        <f ca="1">ROUND(SQRT((VLOOKUP($A46,városok!$A$2:$C$346,2,0)-VLOOKUP(BO$1,városok!$A$2:$C$346,2,0))^2+(VLOOKUP($A46,városok!$A$2:$C$346,3,0)-VLOOKUP(BO$1,városok!$A$2:$C$346,3,0))^2)/1000,0)</f>
        <v>253</v>
      </c>
      <c r="BP46">
        <f ca="1">ROUND(SQRT((VLOOKUP($A46,városok!$A$2:$C$346,2,0)-VLOOKUP(BP$1,városok!$A$2:$C$346,2,0))^2+(VLOOKUP($A46,városok!$A$2:$C$346,3,0)-VLOOKUP(BP$1,városok!$A$2:$C$346,3,0))^2)/1000,0)</f>
        <v>245</v>
      </c>
      <c r="BQ46">
        <f ca="1">ROUND(SQRT((VLOOKUP($A46,városok!$A$2:$C$346,2,0)-VLOOKUP(BQ$1,városok!$A$2:$C$346,2,0))^2+(VLOOKUP($A46,városok!$A$2:$C$346,3,0)-VLOOKUP(BQ$1,városok!$A$2:$C$346,3,0))^2)/1000,0)</f>
        <v>261</v>
      </c>
      <c r="BR46">
        <f ca="1">ROUND(SQRT((VLOOKUP($A46,városok!$A$2:$C$346,2,0)-VLOOKUP(BR$1,városok!$A$2:$C$346,2,0))^2+(VLOOKUP($A46,városok!$A$2:$C$346,3,0)-VLOOKUP(BR$1,városok!$A$2:$C$346,3,0))^2)/1000,0)</f>
        <v>308</v>
      </c>
      <c r="BS46">
        <f ca="1">ROUND(SQRT((VLOOKUP($A46,városok!$A$2:$C$346,2,0)-VLOOKUP(BS$1,városok!$A$2:$C$346,2,0))^2+(VLOOKUP($A46,városok!$A$2:$C$346,3,0)-VLOOKUP(BS$1,városok!$A$2:$C$346,3,0))^2)/1000,0)</f>
        <v>329</v>
      </c>
      <c r="BT46">
        <f ca="1">ROUND(SQRT((VLOOKUP($A46,városok!$A$2:$C$346,2,0)-VLOOKUP(BT$1,városok!$A$2:$C$346,2,0))^2+(VLOOKUP($A46,városok!$A$2:$C$346,3,0)-VLOOKUP(BT$1,városok!$A$2:$C$346,3,0))^2)/1000,0)</f>
        <v>339</v>
      </c>
    </row>
    <row r="47" spans="1:72" x14ac:dyDescent="0.2">
      <c r="A47" t="str">
        <f>városok!A47</f>
        <v>Kondoros</v>
      </c>
      <c r="B47">
        <f ca="1">ROUND(SQRT((VLOOKUP($A47,városok!$A$2:$C$346,2,0)-VLOOKUP(B$1,városok!$A$2:$C$346,2,0))^2+(VLOOKUP($A47,városok!$A$2:$C$346,3,0)-VLOOKUP(B$1,városok!$A$2:$C$346,3,0))^2)/1000,0)</f>
        <v>155</v>
      </c>
      <c r="C47">
        <f ca="1">ROUND(SQRT((VLOOKUP($A47,városok!$A$2:$C$346,2,0)-VLOOKUP(C$1,városok!$A$2:$C$346,2,0))^2+(VLOOKUP($A47,városok!$A$2:$C$346,3,0)-VLOOKUP(C$1,városok!$A$2:$C$346,3,0))^2)/1000,0)</f>
        <v>141</v>
      </c>
      <c r="D47">
        <f ca="1">ROUND(SQRT((VLOOKUP($A47,városok!$A$2:$C$346,2,0)-VLOOKUP(D$1,városok!$A$2:$C$346,2,0))^2+(VLOOKUP($A47,városok!$A$2:$C$346,3,0)-VLOOKUP(D$1,városok!$A$2:$C$346,3,0))^2)/1000,0)</f>
        <v>86</v>
      </c>
      <c r="E47">
        <f ca="1">ROUND(SQRT((VLOOKUP($A47,városok!$A$2:$C$346,2,0)-VLOOKUP(E$1,városok!$A$2:$C$346,2,0))^2+(VLOOKUP($A47,városok!$A$2:$C$346,3,0)-VLOOKUP(E$1,városok!$A$2:$C$346,3,0))^2)/1000,0)</f>
        <v>205</v>
      </c>
      <c r="F47">
        <f ca="1">ROUND(SQRT((VLOOKUP($A47,városok!$A$2:$C$346,2,0)-VLOOKUP(F$1,városok!$A$2:$C$346,2,0))^2+(VLOOKUP($A47,városok!$A$2:$C$346,3,0)-VLOOKUP(F$1,városok!$A$2:$C$346,3,0))^2)/1000,0)</f>
        <v>183</v>
      </c>
      <c r="G47">
        <f ca="1">ROUND(SQRT((VLOOKUP($A47,városok!$A$2:$C$346,2,0)-VLOOKUP(G$1,városok!$A$2:$C$346,2,0))^2+(VLOOKUP($A47,városok!$A$2:$C$346,3,0)-VLOOKUP(G$1,városok!$A$2:$C$346,3,0))^2)/1000,0)</f>
        <v>210</v>
      </c>
      <c r="H47">
        <f ca="1">ROUND(SQRT((VLOOKUP($A47,városok!$A$2:$C$346,2,0)-VLOOKUP(H$1,városok!$A$2:$C$346,2,0))^2+(VLOOKUP($A47,városok!$A$2:$C$346,3,0)-VLOOKUP(H$1,városok!$A$2:$C$346,3,0))^2)/1000,0)</f>
        <v>244</v>
      </c>
      <c r="I47">
        <f ca="1">ROUND(SQRT((VLOOKUP($A47,városok!$A$2:$C$346,2,0)-VLOOKUP(I$1,városok!$A$2:$C$346,2,0))^2+(VLOOKUP($A47,városok!$A$2:$C$346,3,0)-VLOOKUP(I$1,városok!$A$2:$C$346,3,0))^2)/1000,0)</f>
        <v>24</v>
      </c>
      <c r="J47">
        <f ca="1">ROUND(SQRT((VLOOKUP($A47,városok!$A$2:$C$346,2,0)-VLOOKUP(J$1,városok!$A$2:$C$346,2,0))^2+(VLOOKUP($A47,városok!$A$2:$C$346,3,0)-VLOOKUP(J$1,városok!$A$2:$C$346,3,0))^2)/1000,0)</f>
        <v>39</v>
      </c>
      <c r="K47">
        <f ca="1">ROUND(SQRT((VLOOKUP($A47,városok!$A$2:$C$346,2,0)-VLOOKUP(K$1,városok!$A$2:$C$346,2,0))^2+(VLOOKUP($A47,városok!$A$2:$C$346,3,0)-VLOOKUP(K$1,városok!$A$2:$C$346,3,0))^2)/1000,0)</f>
        <v>24</v>
      </c>
      <c r="L47">
        <f ca="1">ROUND(SQRT((VLOOKUP($A47,városok!$A$2:$C$346,2,0)-VLOOKUP(L$1,városok!$A$2:$C$346,2,0))^2+(VLOOKUP($A47,városok!$A$2:$C$346,3,0)-VLOOKUP(L$1,városok!$A$2:$C$346,3,0))^2)/1000,0)</f>
        <v>167</v>
      </c>
      <c r="M47">
        <f ca="1">ROUND(SQRT((VLOOKUP($A47,városok!$A$2:$C$346,2,0)-VLOOKUP(M$1,városok!$A$2:$C$346,2,0))^2+(VLOOKUP($A47,városok!$A$2:$C$346,3,0)-VLOOKUP(M$1,városok!$A$2:$C$346,3,0))^2)/1000,0)</f>
        <v>150</v>
      </c>
      <c r="N47">
        <f ca="1">ROUND(SQRT((VLOOKUP($A47,városok!$A$2:$C$346,2,0)-VLOOKUP(N$1,városok!$A$2:$C$346,2,0))^2+(VLOOKUP($A47,városok!$A$2:$C$346,3,0)-VLOOKUP(N$1,városok!$A$2:$C$346,3,0))^2)/1000,0)</f>
        <v>167</v>
      </c>
      <c r="O47">
        <f ca="1">ROUND(SQRT((VLOOKUP($A47,városok!$A$2:$C$346,2,0)-VLOOKUP(O$1,városok!$A$2:$C$346,2,0))^2+(VLOOKUP($A47,városok!$A$2:$C$346,3,0)-VLOOKUP(O$1,városok!$A$2:$C$346,3,0))^2)/1000,0)</f>
        <v>193</v>
      </c>
      <c r="P47">
        <f ca="1">ROUND(SQRT((VLOOKUP($A47,városok!$A$2:$C$346,2,0)-VLOOKUP(P$1,városok!$A$2:$C$346,2,0))^2+(VLOOKUP($A47,városok!$A$2:$C$346,3,0)-VLOOKUP(P$1,városok!$A$2:$C$346,3,0))^2)/1000,0)</f>
        <v>193</v>
      </c>
      <c r="Q47">
        <f ca="1">ROUND(SQRT((VLOOKUP($A47,városok!$A$2:$C$346,2,0)-VLOOKUP(Q$1,városok!$A$2:$C$346,2,0))^2+(VLOOKUP($A47,városok!$A$2:$C$346,3,0)-VLOOKUP(Q$1,városok!$A$2:$C$346,3,0))^2)/1000,0)</f>
        <v>52</v>
      </c>
      <c r="R47">
        <f ca="1">ROUND(SQRT((VLOOKUP($A47,városok!$A$2:$C$346,2,0)-VLOOKUP(R$1,városok!$A$2:$C$346,2,0))^2+(VLOOKUP($A47,városok!$A$2:$C$346,3,0)-VLOOKUP(R$1,városok!$A$2:$C$346,3,0))^2)/1000,0)</f>
        <v>65</v>
      </c>
      <c r="S47">
        <f ca="1">ROUND(SQRT((VLOOKUP($A47,városok!$A$2:$C$346,2,0)-VLOOKUP(S$1,városok!$A$2:$C$346,2,0))^2+(VLOOKUP($A47,városok!$A$2:$C$346,3,0)-VLOOKUP(S$1,városok!$A$2:$C$346,3,0))^2)/1000,0)</f>
        <v>75</v>
      </c>
      <c r="T47">
        <f ca="1">ROUND(SQRT((VLOOKUP($A47,városok!$A$2:$C$346,2,0)-VLOOKUP(T$1,városok!$A$2:$C$346,2,0))^2+(VLOOKUP($A47,városok!$A$2:$C$346,3,0)-VLOOKUP(T$1,városok!$A$2:$C$346,3,0))^2)/1000,0)</f>
        <v>183</v>
      </c>
      <c r="U47">
        <f ca="1">ROUND(SQRT((VLOOKUP($A47,városok!$A$2:$C$346,2,0)-VLOOKUP(U$1,városok!$A$2:$C$346,2,0))^2+(VLOOKUP($A47,városok!$A$2:$C$346,3,0)-VLOOKUP(U$1,városok!$A$2:$C$346,3,0))^2)/1000,0)</f>
        <v>144</v>
      </c>
      <c r="V47">
        <f ca="1">ROUND(SQRT((VLOOKUP($A47,városok!$A$2:$C$346,2,0)-VLOOKUP(V$1,városok!$A$2:$C$346,2,0))^2+(VLOOKUP($A47,városok!$A$2:$C$346,3,0)-VLOOKUP(V$1,városok!$A$2:$C$346,3,0))^2)/1000,0)</f>
        <v>193</v>
      </c>
      <c r="W47">
        <f ca="1">ROUND(SQRT((VLOOKUP($A47,városok!$A$2:$C$346,2,0)-VLOOKUP(W$1,városok!$A$2:$C$346,2,0))^2+(VLOOKUP($A47,városok!$A$2:$C$346,3,0)-VLOOKUP(W$1,városok!$A$2:$C$346,3,0))^2)/1000,0)</f>
        <v>166</v>
      </c>
      <c r="X47">
        <f ca="1">ROUND(SQRT((VLOOKUP($A47,városok!$A$2:$C$346,2,0)-VLOOKUP(X$1,városok!$A$2:$C$346,2,0))^2+(VLOOKUP($A47,városok!$A$2:$C$346,3,0)-VLOOKUP(X$1,városok!$A$2:$C$346,3,0))^2)/1000,0)</f>
        <v>197</v>
      </c>
      <c r="Y47">
        <f ca="1">ROUND(SQRT((VLOOKUP($A47,városok!$A$2:$C$346,2,0)-VLOOKUP(Y$1,városok!$A$2:$C$346,2,0))^2+(VLOOKUP($A47,városok!$A$2:$C$346,3,0)-VLOOKUP(Y$1,városok!$A$2:$C$346,3,0))^2)/1000,0)</f>
        <v>261</v>
      </c>
      <c r="Z47">
        <f ca="1">ROUND(SQRT((VLOOKUP($A47,városok!$A$2:$C$346,2,0)-VLOOKUP(Z$1,városok!$A$2:$C$346,2,0))^2+(VLOOKUP($A47,városok!$A$2:$C$346,3,0)-VLOOKUP(Z$1,városok!$A$2:$C$346,3,0))^2)/1000,0)</f>
        <v>280</v>
      </c>
      <c r="AA47">
        <f ca="1">ROUND(SQRT((VLOOKUP($A47,városok!$A$2:$C$346,2,0)-VLOOKUP(AA$1,városok!$A$2:$C$346,2,0))^2+(VLOOKUP($A47,városok!$A$2:$C$346,3,0)-VLOOKUP(AA$1,városok!$A$2:$C$346,3,0))^2)/1000,0)</f>
        <v>335</v>
      </c>
      <c r="AB47">
        <f ca="1">ROUND(SQRT((VLOOKUP($A47,városok!$A$2:$C$346,2,0)-VLOOKUP(AB$1,városok!$A$2:$C$346,2,0))^2+(VLOOKUP($A47,városok!$A$2:$C$346,3,0)-VLOOKUP(AB$1,városok!$A$2:$C$346,3,0))^2)/1000,0)</f>
        <v>107</v>
      </c>
      <c r="AC47">
        <f ca="1">ROUND(SQRT((VLOOKUP($A47,városok!$A$2:$C$346,2,0)-VLOOKUP(AC$1,városok!$A$2:$C$346,2,0))^2+(VLOOKUP($A47,városok!$A$2:$C$346,3,0)-VLOOKUP(AC$1,városok!$A$2:$C$346,3,0))^2)/1000,0)</f>
        <v>89</v>
      </c>
      <c r="AD47">
        <f ca="1">ROUND(SQRT((VLOOKUP($A47,városok!$A$2:$C$346,2,0)-VLOOKUP(AD$1,városok!$A$2:$C$346,2,0))^2+(VLOOKUP($A47,városok!$A$2:$C$346,3,0)-VLOOKUP(AD$1,városok!$A$2:$C$346,3,0))^2)/1000,0)</f>
        <v>79</v>
      </c>
      <c r="AE47">
        <f ca="1">ROUND(SQRT((VLOOKUP($A47,városok!$A$2:$C$346,2,0)-VLOOKUP(AE$1,városok!$A$2:$C$346,2,0))^2+(VLOOKUP($A47,városok!$A$2:$C$346,3,0)-VLOOKUP(AE$1,városok!$A$2:$C$346,3,0))^2)/1000,0)</f>
        <v>65</v>
      </c>
      <c r="AF47">
        <f ca="1">ROUND(SQRT((VLOOKUP($A47,városok!$A$2:$C$346,2,0)-VLOOKUP(AF$1,városok!$A$2:$C$346,2,0))^2+(VLOOKUP($A47,városok!$A$2:$C$346,3,0)-VLOOKUP(AF$1,városok!$A$2:$C$346,3,0))^2)/1000,0)</f>
        <v>131</v>
      </c>
      <c r="AG47">
        <f ca="1">ROUND(SQRT((VLOOKUP($A47,városok!$A$2:$C$346,2,0)-VLOOKUP(AG$1,városok!$A$2:$C$346,2,0))^2+(VLOOKUP($A47,városok!$A$2:$C$346,3,0)-VLOOKUP(AG$1,városok!$A$2:$C$346,3,0))^2)/1000,0)</f>
        <v>132</v>
      </c>
      <c r="AH47">
        <f ca="1">ROUND(SQRT((VLOOKUP($A47,városok!$A$2:$C$346,2,0)-VLOOKUP(AH$1,városok!$A$2:$C$346,2,0))^2+(VLOOKUP($A47,városok!$A$2:$C$346,3,0)-VLOOKUP(AH$1,városok!$A$2:$C$346,3,0))^2)/1000,0)</f>
        <v>132</v>
      </c>
      <c r="AI47">
        <f ca="1">ROUND(SQRT((VLOOKUP($A47,városok!$A$2:$C$346,2,0)-VLOOKUP(AI$1,városok!$A$2:$C$346,2,0))^2+(VLOOKUP($A47,városok!$A$2:$C$346,3,0)-VLOOKUP(AI$1,városok!$A$2:$C$346,3,0))^2)/1000,0)</f>
        <v>150</v>
      </c>
      <c r="AJ47">
        <f ca="1">ROUND(SQRT((VLOOKUP($A47,városok!$A$2:$C$346,2,0)-VLOOKUP(AJ$1,városok!$A$2:$C$346,2,0))^2+(VLOOKUP($A47,városok!$A$2:$C$346,3,0)-VLOOKUP(AJ$1,városok!$A$2:$C$346,3,0))^2)/1000,0)</f>
        <v>116</v>
      </c>
      <c r="AK47">
        <f ca="1">ROUND(SQRT((VLOOKUP($A47,városok!$A$2:$C$346,2,0)-VLOOKUP(AK$1,városok!$A$2:$C$346,2,0))^2+(VLOOKUP($A47,városok!$A$2:$C$346,3,0)-VLOOKUP(AK$1,városok!$A$2:$C$346,3,0))^2)/1000,0)</f>
        <v>60</v>
      </c>
      <c r="AL47">
        <f ca="1">ROUND(SQRT((VLOOKUP($A47,városok!$A$2:$C$346,2,0)-VLOOKUP(AL$1,városok!$A$2:$C$346,2,0))^2+(VLOOKUP($A47,városok!$A$2:$C$346,3,0)-VLOOKUP(AL$1,városok!$A$2:$C$346,3,0))^2)/1000,0)</f>
        <v>69</v>
      </c>
      <c r="AM47">
        <f ca="1">ROUND(SQRT((VLOOKUP($A47,városok!$A$2:$C$346,2,0)-VLOOKUP(AM$1,városok!$A$2:$C$346,2,0))^2+(VLOOKUP($A47,városok!$A$2:$C$346,3,0)-VLOOKUP(AM$1,városok!$A$2:$C$346,3,0))^2)/1000,0)</f>
        <v>66</v>
      </c>
      <c r="AN47">
        <f ca="1">ROUND(SQRT((VLOOKUP($A47,városok!$A$2:$C$346,2,0)-VLOOKUP(AN$1,városok!$A$2:$C$346,2,0))^2+(VLOOKUP($A47,városok!$A$2:$C$346,3,0)-VLOOKUP(AN$1,városok!$A$2:$C$346,3,0))^2)/1000,0)</f>
        <v>193</v>
      </c>
      <c r="AO47">
        <f ca="1">ROUND(SQRT((VLOOKUP($A47,városok!$A$2:$C$346,2,0)-VLOOKUP(AO$1,városok!$A$2:$C$346,2,0))^2+(VLOOKUP($A47,városok!$A$2:$C$346,3,0)-VLOOKUP(AO$1,városok!$A$2:$C$346,3,0))^2)/1000,0)</f>
        <v>230</v>
      </c>
      <c r="AP47">
        <f ca="1">ROUND(SQRT((VLOOKUP($A47,városok!$A$2:$C$346,2,0)-VLOOKUP(AP$1,városok!$A$2:$C$346,2,0))^2+(VLOOKUP($A47,városok!$A$2:$C$346,3,0)-VLOOKUP(AP$1,városok!$A$2:$C$346,3,0))^2)/1000,0)</f>
        <v>211</v>
      </c>
      <c r="AQ47">
        <f ca="1">ROUND(SQRT((VLOOKUP($A47,városok!$A$2:$C$346,2,0)-VLOOKUP(AQ$1,városok!$A$2:$C$346,2,0))^2+(VLOOKUP($A47,városok!$A$2:$C$346,3,0)-VLOOKUP(AQ$1,városok!$A$2:$C$346,3,0))^2)/1000,0)</f>
        <v>202</v>
      </c>
      <c r="AR47">
        <f ca="1">ROUND(SQRT((VLOOKUP($A47,városok!$A$2:$C$346,2,0)-VLOOKUP(AR$1,városok!$A$2:$C$346,2,0))^2+(VLOOKUP($A47,városok!$A$2:$C$346,3,0)-VLOOKUP(AR$1,városok!$A$2:$C$346,3,0))^2)/1000,0)</f>
        <v>154</v>
      </c>
      <c r="AS47">
        <f ca="1">ROUND(SQRT((VLOOKUP($A47,városok!$A$2:$C$346,2,0)-VLOOKUP(AS$1,városok!$A$2:$C$346,2,0))^2+(VLOOKUP($A47,városok!$A$2:$C$346,3,0)-VLOOKUP(AS$1,városok!$A$2:$C$346,3,0))^2)/1000,0)</f>
        <v>168</v>
      </c>
      <c r="AT47">
        <f ca="1">ROUND(SQRT((VLOOKUP($A47,városok!$A$2:$C$346,2,0)-VLOOKUP(AT$1,városok!$A$2:$C$346,2,0))^2+(VLOOKUP($A47,városok!$A$2:$C$346,3,0)-VLOOKUP(AT$1,városok!$A$2:$C$346,3,0))^2)/1000,0)</f>
        <v>170</v>
      </c>
      <c r="AU47">
        <f ca="1">ROUND(SQRT((VLOOKUP($A47,városok!$A$2:$C$346,2,0)-VLOOKUP(AU$1,városok!$A$2:$C$346,2,0))^2+(VLOOKUP($A47,városok!$A$2:$C$346,3,0)-VLOOKUP(AU$1,városok!$A$2:$C$346,3,0))^2)/1000,0)</f>
        <v>160</v>
      </c>
      <c r="AV47">
        <f ca="1">ROUND(SQRT((VLOOKUP($A47,városok!$A$2:$C$346,2,0)-VLOOKUP(AV$1,városok!$A$2:$C$346,2,0))^2+(VLOOKUP($A47,városok!$A$2:$C$346,3,0)-VLOOKUP(AV$1,városok!$A$2:$C$346,3,0))^2)/1000,0)</f>
        <v>158</v>
      </c>
      <c r="AW47">
        <f ca="1">ROUND(SQRT((VLOOKUP($A47,városok!$A$2:$C$346,2,0)-VLOOKUP(AW$1,városok!$A$2:$C$346,2,0))^2+(VLOOKUP($A47,városok!$A$2:$C$346,3,0)-VLOOKUP(AW$1,városok!$A$2:$C$346,3,0))^2)/1000,0)</f>
        <v>160</v>
      </c>
      <c r="AX47">
        <f ca="1">ROUND(SQRT((VLOOKUP($A47,városok!$A$2:$C$346,2,0)-VLOOKUP(AX$1,városok!$A$2:$C$346,2,0))^2+(VLOOKUP($A47,városok!$A$2:$C$346,3,0)-VLOOKUP(AX$1,városok!$A$2:$C$346,3,0))^2)/1000,0)</f>
        <v>83</v>
      </c>
      <c r="AY47">
        <f ca="1">ROUND(SQRT((VLOOKUP($A47,városok!$A$2:$C$346,2,0)-VLOOKUP(AY$1,városok!$A$2:$C$346,2,0))^2+(VLOOKUP($A47,városok!$A$2:$C$346,3,0)-VLOOKUP(AY$1,városok!$A$2:$C$346,3,0))^2)/1000,0)</f>
        <v>167</v>
      </c>
      <c r="AZ47">
        <f ca="1">ROUND(SQRT((VLOOKUP($A47,városok!$A$2:$C$346,2,0)-VLOOKUP(AZ$1,városok!$A$2:$C$346,2,0))^2+(VLOOKUP($A47,városok!$A$2:$C$346,3,0)-VLOOKUP(AZ$1,városok!$A$2:$C$346,3,0))^2)/1000,0)</f>
        <v>179</v>
      </c>
      <c r="BA47">
        <f ca="1">ROUND(SQRT((VLOOKUP($A47,városok!$A$2:$C$346,2,0)-VLOOKUP(BA$1,városok!$A$2:$C$346,2,0))^2+(VLOOKUP($A47,városok!$A$2:$C$346,3,0)-VLOOKUP(BA$1,városok!$A$2:$C$346,3,0))^2)/1000,0)</f>
        <v>236</v>
      </c>
      <c r="BB47">
        <f ca="1">ROUND(SQRT((VLOOKUP($A47,városok!$A$2:$C$346,2,0)-VLOOKUP(BB$1,városok!$A$2:$C$346,2,0))^2+(VLOOKUP($A47,városok!$A$2:$C$346,3,0)-VLOOKUP(BB$1,városok!$A$2:$C$346,3,0))^2)/1000,0)</f>
        <v>220</v>
      </c>
      <c r="BC47">
        <f ca="1">ROUND(SQRT((VLOOKUP($A47,városok!$A$2:$C$346,2,0)-VLOOKUP(BC$1,városok!$A$2:$C$346,2,0))^2+(VLOOKUP($A47,városok!$A$2:$C$346,3,0)-VLOOKUP(BC$1,városok!$A$2:$C$346,3,0))^2)/1000,0)</f>
        <v>234</v>
      </c>
      <c r="BD47">
        <f ca="1">ROUND(SQRT((VLOOKUP($A47,városok!$A$2:$C$346,2,0)-VLOOKUP(BD$1,városok!$A$2:$C$346,2,0))^2+(VLOOKUP($A47,városok!$A$2:$C$346,3,0)-VLOOKUP(BD$1,városok!$A$2:$C$346,3,0))^2)/1000,0)</f>
        <v>209</v>
      </c>
      <c r="BE47">
        <f ca="1">ROUND(SQRT((VLOOKUP($A47,városok!$A$2:$C$346,2,0)-VLOOKUP(BE$1,városok!$A$2:$C$346,2,0))^2+(VLOOKUP($A47,városok!$A$2:$C$346,3,0)-VLOOKUP(BE$1,városok!$A$2:$C$346,3,0))^2)/1000,0)</f>
        <v>186</v>
      </c>
      <c r="BF47">
        <f ca="1">ROUND(SQRT((VLOOKUP($A47,városok!$A$2:$C$346,2,0)-VLOOKUP(BF$1,városok!$A$2:$C$346,2,0))^2+(VLOOKUP($A47,városok!$A$2:$C$346,3,0)-VLOOKUP(BF$1,városok!$A$2:$C$346,3,0))^2)/1000,0)</f>
        <v>189</v>
      </c>
      <c r="BG47">
        <f ca="1">ROUND(SQRT((VLOOKUP($A47,városok!$A$2:$C$346,2,0)-VLOOKUP(BG$1,városok!$A$2:$C$346,2,0))^2+(VLOOKUP($A47,városok!$A$2:$C$346,3,0)-VLOOKUP(BG$1,városok!$A$2:$C$346,3,0))^2)/1000,0)</f>
        <v>160</v>
      </c>
      <c r="BH47">
        <f ca="1">ROUND(SQRT((VLOOKUP($A47,városok!$A$2:$C$346,2,0)-VLOOKUP(BH$1,városok!$A$2:$C$346,2,0))^2+(VLOOKUP($A47,városok!$A$2:$C$346,3,0)-VLOOKUP(BH$1,városok!$A$2:$C$346,3,0))^2)/1000,0)</f>
        <v>160</v>
      </c>
      <c r="BI47">
        <f ca="1">ROUND(SQRT((VLOOKUP($A47,városok!$A$2:$C$346,2,0)-VLOOKUP(BI$1,városok!$A$2:$C$346,2,0))^2+(VLOOKUP($A47,városok!$A$2:$C$346,3,0)-VLOOKUP(BI$1,városok!$A$2:$C$346,3,0))^2)/1000,0)</f>
        <v>171</v>
      </c>
      <c r="BJ47">
        <f ca="1">ROUND(SQRT((VLOOKUP($A47,városok!$A$2:$C$346,2,0)-VLOOKUP(BJ$1,városok!$A$2:$C$346,2,0))^2+(VLOOKUP($A47,városok!$A$2:$C$346,3,0)-VLOOKUP(BJ$1,városok!$A$2:$C$346,3,0))^2)/1000,0)</f>
        <v>187</v>
      </c>
      <c r="BK47">
        <f ca="1">ROUND(SQRT((VLOOKUP($A47,városok!$A$2:$C$346,2,0)-VLOOKUP(BK$1,városok!$A$2:$C$346,2,0))^2+(VLOOKUP($A47,városok!$A$2:$C$346,3,0)-VLOOKUP(BK$1,városok!$A$2:$C$346,3,0))^2)/1000,0)</f>
        <v>167</v>
      </c>
      <c r="BL47">
        <f ca="1">ROUND(SQRT((VLOOKUP($A47,városok!$A$2:$C$346,2,0)-VLOOKUP(BL$1,városok!$A$2:$C$346,2,0))^2+(VLOOKUP($A47,városok!$A$2:$C$346,3,0)-VLOOKUP(BL$1,városok!$A$2:$C$346,3,0))^2)/1000,0)</f>
        <v>321</v>
      </c>
      <c r="BM47">
        <f ca="1">ROUND(SQRT((VLOOKUP($A47,városok!$A$2:$C$346,2,0)-VLOOKUP(BM$1,városok!$A$2:$C$346,2,0))^2+(VLOOKUP($A47,városok!$A$2:$C$346,3,0)-VLOOKUP(BM$1,városok!$A$2:$C$346,3,0))^2)/1000,0)</f>
        <v>299</v>
      </c>
      <c r="BN47">
        <f ca="1">ROUND(SQRT((VLOOKUP($A47,városok!$A$2:$C$346,2,0)-VLOOKUP(BN$1,városok!$A$2:$C$346,2,0))^2+(VLOOKUP($A47,városok!$A$2:$C$346,3,0)-VLOOKUP(BN$1,városok!$A$2:$C$346,3,0))^2)/1000,0)</f>
        <v>322</v>
      </c>
      <c r="BO47">
        <f ca="1">ROUND(SQRT((VLOOKUP($A47,városok!$A$2:$C$346,2,0)-VLOOKUP(BO$1,városok!$A$2:$C$346,2,0))^2+(VLOOKUP($A47,városok!$A$2:$C$346,3,0)-VLOOKUP(BO$1,városok!$A$2:$C$346,3,0))^2)/1000,0)</f>
        <v>214</v>
      </c>
      <c r="BP47">
        <f ca="1">ROUND(SQRT((VLOOKUP($A47,városok!$A$2:$C$346,2,0)-VLOOKUP(BP$1,városok!$A$2:$C$346,2,0))^2+(VLOOKUP($A47,városok!$A$2:$C$346,3,0)-VLOOKUP(BP$1,városok!$A$2:$C$346,3,0))^2)/1000,0)</f>
        <v>207</v>
      </c>
      <c r="BQ47">
        <f ca="1">ROUND(SQRT((VLOOKUP($A47,városok!$A$2:$C$346,2,0)-VLOOKUP(BQ$1,városok!$A$2:$C$346,2,0))^2+(VLOOKUP($A47,városok!$A$2:$C$346,3,0)-VLOOKUP(BQ$1,városok!$A$2:$C$346,3,0))^2)/1000,0)</f>
        <v>223</v>
      </c>
      <c r="BR47">
        <f ca="1">ROUND(SQRT((VLOOKUP($A47,városok!$A$2:$C$346,2,0)-VLOOKUP(BR$1,városok!$A$2:$C$346,2,0))^2+(VLOOKUP($A47,városok!$A$2:$C$346,3,0)-VLOOKUP(BR$1,városok!$A$2:$C$346,3,0))^2)/1000,0)</f>
        <v>270</v>
      </c>
      <c r="BS47">
        <f ca="1">ROUND(SQRT((VLOOKUP($A47,városok!$A$2:$C$346,2,0)-VLOOKUP(BS$1,városok!$A$2:$C$346,2,0))^2+(VLOOKUP($A47,városok!$A$2:$C$346,3,0)-VLOOKUP(BS$1,városok!$A$2:$C$346,3,0))^2)/1000,0)</f>
        <v>293</v>
      </c>
      <c r="BT47">
        <f ca="1">ROUND(SQRT((VLOOKUP($A47,városok!$A$2:$C$346,2,0)-VLOOKUP(BT$1,városok!$A$2:$C$346,2,0))^2+(VLOOKUP($A47,városok!$A$2:$C$346,3,0)-VLOOKUP(BT$1,városok!$A$2:$C$346,3,0))^2)/1000,0)</f>
        <v>302</v>
      </c>
    </row>
    <row r="48" spans="1:72" x14ac:dyDescent="0.2">
      <c r="A48" t="str">
        <f>városok!A48</f>
        <v>Körösladány</v>
      </c>
      <c r="B48">
        <f ca="1">ROUND(SQRT((VLOOKUP($A48,városok!$A$2:$C$346,2,0)-VLOOKUP(B$1,városok!$A$2:$C$346,2,0))^2+(VLOOKUP($A48,városok!$A$2:$C$346,3,0)-VLOOKUP(B$1,városok!$A$2:$C$346,3,0))^2)/1000,0)</f>
        <v>184</v>
      </c>
      <c r="C48">
        <f ca="1">ROUND(SQRT((VLOOKUP($A48,városok!$A$2:$C$346,2,0)-VLOOKUP(C$1,városok!$A$2:$C$346,2,0))^2+(VLOOKUP($A48,városok!$A$2:$C$346,3,0)-VLOOKUP(C$1,városok!$A$2:$C$346,3,0))^2)/1000,0)</f>
        <v>167</v>
      </c>
      <c r="D48">
        <f ca="1">ROUND(SQRT((VLOOKUP($A48,városok!$A$2:$C$346,2,0)-VLOOKUP(D$1,városok!$A$2:$C$346,2,0))^2+(VLOOKUP($A48,városok!$A$2:$C$346,3,0)-VLOOKUP(D$1,városok!$A$2:$C$346,3,0))^2)/1000,0)</f>
        <v>106</v>
      </c>
      <c r="E48">
        <f ca="1">ROUND(SQRT((VLOOKUP($A48,városok!$A$2:$C$346,2,0)-VLOOKUP(E$1,városok!$A$2:$C$346,2,0))^2+(VLOOKUP($A48,városok!$A$2:$C$346,3,0)-VLOOKUP(E$1,városok!$A$2:$C$346,3,0))^2)/1000,0)</f>
        <v>232</v>
      </c>
      <c r="F48">
        <f ca="1">ROUND(SQRT((VLOOKUP($A48,városok!$A$2:$C$346,2,0)-VLOOKUP(F$1,városok!$A$2:$C$346,2,0))^2+(VLOOKUP($A48,városok!$A$2:$C$346,3,0)-VLOOKUP(F$1,városok!$A$2:$C$346,3,0))^2)/1000,0)</f>
        <v>213</v>
      </c>
      <c r="G48">
        <f ca="1">ROUND(SQRT((VLOOKUP($A48,városok!$A$2:$C$346,2,0)-VLOOKUP(G$1,városok!$A$2:$C$346,2,0))^2+(VLOOKUP($A48,városok!$A$2:$C$346,3,0)-VLOOKUP(G$1,városok!$A$2:$C$346,3,0))^2)/1000,0)</f>
        <v>238</v>
      </c>
      <c r="H48">
        <f ca="1">ROUND(SQRT((VLOOKUP($A48,városok!$A$2:$C$346,2,0)-VLOOKUP(H$1,városok!$A$2:$C$346,2,0))^2+(VLOOKUP($A48,városok!$A$2:$C$346,3,0)-VLOOKUP(H$1,városok!$A$2:$C$346,3,0))^2)/1000,0)</f>
        <v>271</v>
      </c>
      <c r="I48">
        <f ca="1">ROUND(SQRT((VLOOKUP($A48,városok!$A$2:$C$346,2,0)-VLOOKUP(I$1,városok!$A$2:$C$346,2,0))^2+(VLOOKUP($A48,városok!$A$2:$C$346,3,0)-VLOOKUP(I$1,városok!$A$2:$C$346,3,0))^2)/1000,0)</f>
        <v>32</v>
      </c>
      <c r="J48">
        <f ca="1">ROUND(SQRT((VLOOKUP($A48,városok!$A$2:$C$346,2,0)-VLOOKUP(J$1,városok!$A$2:$C$346,2,0))^2+(VLOOKUP($A48,városok!$A$2:$C$346,3,0)-VLOOKUP(J$1,városok!$A$2:$C$346,3,0))^2)/1000,0)</f>
        <v>38</v>
      </c>
      <c r="K48">
        <f ca="1">ROUND(SQRT((VLOOKUP($A48,városok!$A$2:$C$346,2,0)-VLOOKUP(K$1,városok!$A$2:$C$346,2,0))^2+(VLOOKUP($A48,városok!$A$2:$C$346,3,0)-VLOOKUP(K$1,városok!$A$2:$C$346,3,0))^2)/1000,0)</f>
        <v>54</v>
      </c>
      <c r="L48">
        <f ca="1">ROUND(SQRT((VLOOKUP($A48,városok!$A$2:$C$346,2,0)-VLOOKUP(L$1,városok!$A$2:$C$346,2,0))^2+(VLOOKUP($A48,városok!$A$2:$C$346,3,0)-VLOOKUP(L$1,városok!$A$2:$C$346,3,0))^2)/1000,0)</f>
        <v>148</v>
      </c>
      <c r="M48">
        <f ca="1">ROUND(SQRT((VLOOKUP($A48,városok!$A$2:$C$346,2,0)-VLOOKUP(M$1,városok!$A$2:$C$346,2,0))^2+(VLOOKUP($A48,városok!$A$2:$C$346,3,0)-VLOOKUP(M$1,városok!$A$2:$C$346,3,0))^2)/1000,0)</f>
        <v>129</v>
      </c>
      <c r="N48">
        <f ca="1">ROUND(SQRT((VLOOKUP($A48,városok!$A$2:$C$346,2,0)-VLOOKUP(N$1,városok!$A$2:$C$346,2,0))^2+(VLOOKUP($A48,városok!$A$2:$C$346,3,0)-VLOOKUP(N$1,városok!$A$2:$C$346,3,0))^2)/1000,0)</f>
        <v>152</v>
      </c>
      <c r="O48">
        <f ca="1">ROUND(SQRT((VLOOKUP($A48,városok!$A$2:$C$346,2,0)-VLOOKUP(O$1,városok!$A$2:$C$346,2,0))^2+(VLOOKUP($A48,városok!$A$2:$C$346,3,0)-VLOOKUP(O$1,városok!$A$2:$C$346,3,0))^2)/1000,0)</f>
        <v>165</v>
      </c>
      <c r="P48">
        <f ca="1">ROUND(SQRT((VLOOKUP($A48,városok!$A$2:$C$346,2,0)-VLOOKUP(P$1,városok!$A$2:$C$346,2,0))^2+(VLOOKUP($A48,városok!$A$2:$C$346,3,0)-VLOOKUP(P$1,városok!$A$2:$C$346,3,0))^2)/1000,0)</f>
        <v>165</v>
      </c>
      <c r="Q48">
        <f ca="1">ROUND(SQRT((VLOOKUP($A48,városok!$A$2:$C$346,2,0)-VLOOKUP(Q$1,városok!$A$2:$C$346,2,0))^2+(VLOOKUP($A48,városok!$A$2:$C$346,3,0)-VLOOKUP(Q$1,városok!$A$2:$C$346,3,0))^2)/1000,0)</f>
        <v>83</v>
      </c>
      <c r="R48">
        <f ca="1">ROUND(SQRT((VLOOKUP($A48,városok!$A$2:$C$346,2,0)-VLOOKUP(R$1,városok!$A$2:$C$346,2,0))^2+(VLOOKUP($A48,városok!$A$2:$C$346,3,0)-VLOOKUP(R$1,városok!$A$2:$C$346,3,0))^2)/1000,0)</f>
        <v>95</v>
      </c>
      <c r="S48">
        <f ca="1">ROUND(SQRT((VLOOKUP($A48,városok!$A$2:$C$346,2,0)-VLOOKUP(S$1,városok!$A$2:$C$346,2,0))^2+(VLOOKUP($A48,városok!$A$2:$C$346,3,0)-VLOOKUP(S$1,városok!$A$2:$C$346,3,0))^2)/1000,0)</f>
        <v>106</v>
      </c>
      <c r="T48">
        <f ca="1">ROUND(SQRT((VLOOKUP($A48,városok!$A$2:$C$346,2,0)-VLOOKUP(T$1,városok!$A$2:$C$346,2,0))^2+(VLOOKUP($A48,városok!$A$2:$C$346,3,0)-VLOOKUP(T$1,városok!$A$2:$C$346,3,0))^2)/1000,0)</f>
        <v>194</v>
      </c>
      <c r="U48">
        <f ca="1">ROUND(SQRT((VLOOKUP($A48,városok!$A$2:$C$346,2,0)-VLOOKUP(U$1,városok!$A$2:$C$346,2,0))^2+(VLOOKUP($A48,városok!$A$2:$C$346,3,0)-VLOOKUP(U$1,városok!$A$2:$C$346,3,0))^2)/1000,0)</f>
        <v>163</v>
      </c>
      <c r="V48">
        <f ca="1">ROUND(SQRT((VLOOKUP($A48,városok!$A$2:$C$346,2,0)-VLOOKUP(V$1,városok!$A$2:$C$346,2,0))^2+(VLOOKUP($A48,városok!$A$2:$C$346,3,0)-VLOOKUP(V$1,városok!$A$2:$C$346,3,0))^2)/1000,0)</f>
        <v>211</v>
      </c>
      <c r="W48">
        <f ca="1">ROUND(SQRT((VLOOKUP($A48,városok!$A$2:$C$346,2,0)-VLOOKUP(W$1,városok!$A$2:$C$346,2,0))^2+(VLOOKUP($A48,városok!$A$2:$C$346,3,0)-VLOOKUP(W$1,városok!$A$2:$C$346,3,0))^2)/1000,0)</f>
        <v>187</v>
      </c>
      <c r="X48">
        <f ca="1">ROUND(SQRT((VLOOKUP($A48,városok!$A$2:$C$346,2,0)-VLOOKUP(X$1,városok!$A$2:$C$346,2,0))^2+(VLOOKUP($A48,városok!$A$2:$C$346,3,0)-VLOOKUP(X$1,városok!$A$2:$C$346,3,0))^2)/1000,0)</f>
        <v>212</v>
      </c>
      <c r="Y48">
        <f ca="1">ROUND(SQRT((VLOOKUP($A48,városok!$A$2:$C$346,2,0)-VLOOKUP(Y$1,városok!$A$2:$C$346,2,0))^2+(VLOOKUP($A48,városok!$A$2:$C$346,3,0)-VLOOKUP(Y$1,városok!$A$2:$C$346,3,0))^2)/1000,0)</f>
        <v>272</v>
      </c>
      <c r="Z48">
        <f ca="1">ROUND(SQRT((VLOOKUP($A48,városok!$A$2:$C$346,2,0)-VLOOKUP(Z$1,városok!$A$2:$C$346,2,0))^2+(VLOOKUP($A48,városok!$A$2:$C$346,3,0)-VLOOKUP(Z$1,városok!$A$2:$C$346,3,0))^2)/1000,0)</f>
        <v>291</v>
      </c>
      <c r="AA48">
        <f ca="1">ROUND(SQRT((VLOOKUP($A48,városok!$A$2:$C$346,2,0)-VLOOKUP(AA$1,városok!$A$2:$C$346,2,0))^2+(VLOOKUP($A48,városok!$A$2:$C$346,3,0)-VLOOKUP(AA$1,városok!$A$2:$C$346,3,0))^2)/1000,0)</f>
        <v>349</v>
      </c>
      <c r="AB48">
        <f ca="1">ROUND(SQRT((VLOOKUP($A48,városok!$A$2:$C$346,2,0)-VLOOKUP(AB$1,városok!$A$2:$C$346,2,0))^2+(VLOOKUP($A48,városok!$A$2:$C$346,3,0)-VLOOKUP(AB$1,városok!$A$2:$C$346,3,0))^2)/1000,0)</f>
        <v>76</v>
      </c>
      <c r="AC48">
        <f ca="1">ROUND(SQRT((VLOOKUP($A48,városok!$A$2:$C$346,2,0)-VLOOKUP(AC$1,városok!$A$2:$C$346,2,0))^2+(VLOOKUP($A48,városok!$A$2:$C$346,3,0)-VLOOKUP(AC$1,városok!$A$2:$C$346,3,0))^2)/1000,0)</f>
        <v>59</v>
      </c>
      <c r="AD48">
        <f ca="1">ROUND(SQRT((VLOOKUP($A48,városok!$A$2:$C$346,2,0)-VLOOKUP(AD$1,városok!$A$2:$C$346,2,0))^2+(VLOOKUP($A48,városok!$A$2:$C$346,3,0)-VLOOKUP(AD$1,városok!$A$2:$C$346,3,0))^2)/1000,0)</f>
        <v>52</v>
      </c>
      <c r="AE48">
        <f ca="1">ROUND(SQRT((VLOOKUP($A48,városok!$A$2:$C$346,2,0)-VLOOKUP(AE$1,városok!$A$2:$C$346,2,0))^2+(VLOOKUP($A48,városok!$A$2:$C$346,3,0)-VLOOKUP(AE$1,városok!$A$2:$C$346,3,0))^2)/1000,0)</f>
        <v>36</v>
      </c>
      <c r="AF48">
        <f ca="1">ROUND(SQRT((VLOOKUP($A48,városok!$A$2:$C$346,2,0)-VLOOKUP(AF$1,városok!$A$2:$C$346,2,0))^2+(VLOOKUP($A48,városok!$A$2:$C$346,3,0)-VLOOKUP(AF$1,városok!$A$2:$C$346,3,0))^2)/1000,0)</f>
        <v>117</v>
      </c>
      <c r="AG48">
        <f ca="1">ROUND(SQRT((VLOOKUP($A48,városok!$A$2:$C$346,2,0)-VLOOKUP(AG$1,városok!$A$2:$C$346,2,0))^2+(VLOOKUP($A48,városok!$A$2:$C$346,3,0)-VLOOKUP(AG$1,városok!$A$2:$C$346,3,0))^2)/1000,0)</f>
        <v>126</v>
      </c>
      <c r="AH48">
        <f ca="1">ROUND(SQRT((VLOOKUP($A48,városok!$A$2:$C$346,2,0)-VLOOKUP(AH$1,városok!$A$2:$C$346,2,0))^2+(VLOOKUP($A48,városok!$A$2:$C$346,3,0)-VLOOKUP(AH$1,városok!$A$2:$C$346,3,0))^2)/1000,0)</f>
        <v>132</v>
      </c>
      <c r="AI48">
        <f ca="1">ROUND(SQRT((VLOOKUP($A48,városok!$A$2:$C$346,2,0)-VLOOKUP(AI$1,városok!$A$2:$C$346,2,0))^2+(VLOOKUP($A48,városok!$A$2:$C$346,3,0)-VLOOKUP(AI$1,városok!$A$2:$C$346,3,0))^2)/1000,0)</f>
        <v>139</v>
      </c>
      <c r="AJ48">
        <f ca="1">ROUND(SQRT((VLOOKUP($A48,városok!$A$2:$C$346,2,0)-VLOOKUP(AJ$1,városok!$A$2:$C$346,2,0))^2+(VLOOKUP($A48,városok!$A$2:$C$346,3,0)-VLOOKUP(AJ$1,városok!$A$2:$C$346,3,0))^2)/1000,0)</f>
        <v>112</v>
      </c>
      <c r="AK48">
        <f ca="1">ROUND(SQRT((VLOOKUP($A48,városok!$A$2:$C$346,2,0)-VLOOKUP(AK$1,városok!$A$2:$C$346,2,0))^2+(VLOOKUP($A48,városok!$A$2:$C$346,3,0)-VLOOKUP(AK$1,városok!$A$2:$C$346,3,0))^2)/1000,0)</f>
        <v>36</v>
      </c>
      <c r="AL48">
        <f ca="1">ROUND(SQRT((VLOOKUP($A48,városok!$A$2:$C$346,2,0)-VLOOKUP(AL$1,városok!$A$2:$C$346,2,0))^2+(VLOOKUP($A48,városok!$A$2:$C$346,3,0)-VLOOKUP(AL$1,városok!$A$2:$C$346,3,0))^2)/1000,0)</f>
        <v>56</v>
      </c>
      <c r="AM48">
        <f ca="1">ROUND(SQRT((VLOOKUP($A48,városok!$A$2:$C$346,2,0)-VLOOKUP(AM$1,városok!$A$2:$C$346,2,0))^2+(VLOOKUP($A48,városok!$A$2:$C$346,3,0)-VLOOKUP(AM$1,városok!$A$2:$C$346,3,0))^2)/1000,0)</f>
        <v>72</v>
      </c>
      <c r="AN48">
        <f ca="1">ROUND(SQRT((VLOOKUP($A48,városok!$A$2:$C$346,2,0)-VLOOKUP(AN$1,városok!$A$2:$C$346,2,0))^2+(VLOOKUP($A48,városok!$A$2:$C$346,3,0)-VLOOKUP(AN$1,városok!$A$2:$C$346,3,0))^2)/1000,0)</f>
        <v>199</v>
      </c>
      <c r="AO48">
        <f ca="1">ROUND(SQRT((VLOOKUP($A48,városok!$A$2:$C$346,2,0)-VLOOKUP(AO$1,városok!$A$2:$C$346,2,0))^2+(VLOOKUP($A48,városok!$A$2:$C$346,3,0)-VLOOKUP(AO$1,városok!$A$2:$C$346,3,0))^2)/1000,0)</f>
        <v>239</v>
      </c>
      <c r="AP48">
        <f ca="1">ROUND(SQRT((VLOOKUP($A48,városok!$A$2:$C$346,2,0)-VLOOKUP(AP$1,városok!$A$2:$C$346,2,0))^2+(VLOOKUP($A48,városok!$A$2:$C$346,3,0)-VLOOKUP(AP$1,városok!$A$2:$C$346,3,0))^2)/1000,0)</f>
        <v>221</v>
      </c>
      <c r="AQ48">
        <f ca="1">ROUND(SQRT((VLOOKUP($A48,városok!$A$2:$C$346,2,0)-VLOOKUP(AQ$1,városok!$A$2:$C$346,2,0))^2+(VLOOKUP($A48,városok!$A$2:$C$346,3,0)-VLOOKUP(AQ$1,városok!$A$2:$C$346,3,0))^2)/1000,0)</f>
        <v>213</v>
      </c>
      <c r="AR48">
        <f ca="1">ROUND(SQRT((VLOOKUP($A48,városok!$A$2:$C$346,2,0)-VLOOKUP(AR$1,városok!$A$2:$C$346,2,0))^2+(VLOOKUP($A48,városok!$A$2:$C$346,3,0)-VLOOKUP(AR$1,városok!$A$2:$C$346,3,0))^2)/1000,0)</f>
        <v>149</v>
      </c>
      <c r="AS48">
        <f ca="1">ROUND(SQRT((VLOOKUP($A48,városok!$A$2:$C$346,2,0)-VLOOKUP(AS$1,városok!$A$2:$C$346,2,0))^2+(VLOOKUP($A48,városok!$A$2:$C$346,3,0)-VLOOKUP(AS$1,városok!$A$2:$C$346,3,0))^2)/1000,0)</f>
        <v>159</v>
      </c>
      <c r="AT48">
        <f ca="1">ROUND(SQRT((VLOOKUP($A48,városok!$A$2:$C$346,2,0)-VLOOKUP(AT$1,városok!$A$2:$C$346,2,0))^2+(VLOOKUP($A48,városok!$A$2:$C$346,3,0)-VLOOKUP(AT$1,városok!$A$2:$C$346,3,0))^2)/1000,0)</f>
        <v>180</v>
      </c>
      <c r="AU48">
        <f ca="1">ROUND(SQRT((VLOOKUP($A48,városok!$A$2:$C$346,2,0)-VLOOKUP(AU$1,városok!$A$2:$C$346,2,0))^2+(VLOOKUP($A48,városok!$A$2:$C$346,3,0)-VLOOKUP(AU$1,városok!$A$2:$C$346,3,0))^2)/1000,0)</f>
        <v>169</v>
      </c>
      <c r="AV48">
        <f ca="1">ROUND(SQRT((VLOOKUP($A48,városok!$A$2:$C$346,2,0)-VLOOKUP(AV$1,városok!$A$2:$C$346,2,0))^2+(VLOOKUP($A48,városok!$A$2:$C$346,3,0)-VLOOKUP(AV$1,városok!$A$2:$C$346,3,0))^2)/1000,0)</f>
        <v>169</v>
      </c>
      <c r="AW48">
        <f ca="1">ROUND(SQRT((VLOOKUP($A48,városok!$A$2:$C$346,2,0)-VLOOKUP(AW$1,városok!$A$2:$C$346,2,0))^2+(VLOOKUP($A48,városok!$A$2:$C$346,3,0)-VLOOKUP(AW$1,városok!$A$2:$C$346,3,0))^2)/1000,0)</f>
        <v>171</v>
      </c>
      <c r="AX48">
        <f ca="1">ROUND(SQRT((VLOOKUP($A48,városok!$A$2:$C$346,2,0)-VLOOKUP(AX$1,városok!$A$2:$C$346,2,0))^2+(VLOOKUP($A48,városok!$A$2:$C$346,3,0)-VLOOKUP(AX$1,városok!$A$2:$C$346,3,0))^2)/1000,0)</f>
        <v>99</v>
      </c>
      <c r="AY48">
        <f ca="1">ROUND(SQRT((VLOOKUP($A48,városok!$A$2:$C$346,2,0)-VLOOKUP(AY$1,városok!$A$2:$C$346,2,0))^2+(VLOOKUP($A48,városok!$A$2:$C$346,3,0)-VLOOKUP(AY$1,városok!$A$2:$C$346,3,0))^2)/1000,0)</f>
        <v>172</v>
      </c>
      <c r="AZ48">
        <f ca="1">ROUND(SQRT((VLOOKUP($A48,városok!$A$2:$C$346,2,0)-VLOOKUP(AZ$1,városok!$A$2:$C$346,2,0))^2+(VLOOKUP($A48,városok!$A$2:$C$346,3,0)-VLOOKUP(AZ$1,városok!$A$2:$C$346,3,0))^2)/1000,0)</f>
        <v>184</v>
      </c>
      <c r="BA48">
        <f ca="1">ROUND(SQRT((VLOOKUP($A48,városok!$A$2:$C$346,2,0)-VLOOKUP(BA$1,városok!$A$2:$C$346,2,0))^2+(VLOOKUP($A48,városok!$A$2:$C$346,3,0)-VLOOKUP(BA$1,városok!$A$2:$C$346,3,0))^2)/1000,0)</f>
        <v>258</v>
      </c>
      <c r="BB48">
        <f ca="1">ROUND(SQRT((VLOOKUP($A48,városok!$A$2:$C$346,2,0)-VLOOKUP(BB$1,városok!$A$2:$C$346,2,0))^2+(VLOOKUP($A48,városok!$A$2:$C$346,3,0)-VLOOKUP(BB$1,városok!$A$2:$C$346,3,0))^2)/1000,0)</f>
        <v>244</v>
      </c>
      <c r="BC48">
        <f ca="1">ROUND(SQRT((VLOOKUP($A48,városok!$A$2:$C$346,2,0)-VLOOKUP(BC$1,városok!$A$2:$C$346,2,0))^2+(VLOOKUP($A48,városok!$A$2:$C$346,3,0)-VLOOKUP(BC$1,városok!$A$2:$C$346,3,0))^2)/1000,0)</f>
        <v>260</v>
      </c>
      <c r="BD48">
        <f ca="1">ROUND(SQRT((VLOOKUP($A48,városok!$A$2:$C$346,2,0)-VLOOKUP(BD$1,városok!$A$2:$C$346,2,0))^2+(VLOOKUP($A48,városok!$A$2:$C$346,3,0)-VLOOKUP(BD$1,városok!$A$2:$C$346,3,0))^2)/1000,0)</f>
        <v>229</v>
      </c>
      <c r="BE48">
        <f ca="1">ROUND(SQRT((VLOOKUP($A48,városok!$A$2:$C$346,2,0)-VLOOKUP(BE$1,városok!$A$2:$C$346,2,0))^2+(VLOOKUP($A48,városok!$A$2:$C$346,3,0)-VLOOKUP(BE$1,városok!$A$2:$C$346,3,0))^2)/1000,0)</f>
        <v>155</v>
      </c>
      <c r="BF48">
        <f ca="1">ROUND(SQRT((VLOOKUP($A48,városok!$A$2:$C$346,2,0)-VLOOKUP(BF$1,városok!$A$2:$C$346,2,0))^2+(VLOOKUP($A48,városok!$A$2:$C$346,3,0)-VLOOKUP(BF$1,városok!$A$2:$C$346,3,0))^2)/1000,0)</f>
        <v>159</v>
      </c>
      <c r="BG48">
        <f ca="1">ROUND(SQRT((VLOOKUP($A48,városok!$A$2:$C$346,2,0)-VLOOKUP(BG$1,városok!$A$2:$C$346,2,0))^2+(VLOOKUP($A48,városok!$A$2:$C$346,3,0)-VLOOKUP(BG$1,városok!$A$2:$C$346,3,0))^2)/1000,0)</f>
        <v>133</v>
      </c>
      <c r="BH48">
        <f ca="1">ROUND(SQRT((VLOOKUP($A48,városok!$A$2:$C$346,2,0)-VLOOKUP(BH$1,városok!$A$2:$C$346,2,0))^2+(VLOOKUP($A48,városok!$A$2:$C$346,3,0)-VLOOKUP(BH$1,városok!$A$2:$C$346,3,0))^2)/1000,0)</f>
        <v>133</v>
      </c>
      <c r="BI48">
        <f ca="1">ROUND(SQRT((VLOOKUP($A48,városok!$A$2:$C$346,2,0)-VLOOKUP(BI$1,városok!$A$2:$C$346,2,0))^2+(VLOOKUP($A48,városok!$A$2:$C$346,3,0)-VLOOKUP(BI$1,városok!$A$2:$C$346,3,0))^2)/1000,0)</f>
        <v>198</v>
      </c>
      <c r="BJ48">
        <f ca="1">ROUND(SQRT((VLOOKUP($A48,városok!$A$2:$C$346,2,0)-VLOOKUP(BJ$1,városok!$A$2:$C$346,2,0))^2+(VLOOKUP($A48,városok!$A$2:$C$346,3,0)-VLOOKUP(BJ$1,városok!$A$2:$C$346,3,0))^2)/1000,0)</f>
        <v>214</v>
      </c>
      <c r="BK48">
        <f ca="1">ROUND(SQRT((VLOOKUP($A48,városok!$A$2:$C$346,2,0)-VLOOKUP(BK$1,városok!$A$2:$C$346,2,0))^2+(VLOOKUP($A48,városok!$A$2:$C$346,3,0)-VLOOKUP(BK$1,városok!$A$2:$C$346,3,0))^2)/1000,0)</f>
        <v>194</v>
      </c>
      <c r="BL48">
        <f ca="1">ROUND(SQRT((VLOOKUP($A48,városok!$A$2:$C$346,2,0)-VLOOKUP(BL$1,városok!$A$2:$C$346,2,0))^2+(VLOOKUP($A48,városok!$A$2:$C$346,3,0)-VLOOKUP(BL$1,városok!$A$2:$C$346,3,0))^2)/1000,0)</f>
        <v>340</v>
      </c>
      <c r="BM48">
        <f ca="1">ROUND(SQRT((VLOOKUP($A48,városok!$A$2:$C$346,2,0)-VLOOKUP(BM$1,városok!$A$2:$C$346,2,0))^2+(VLOOKUP($A48,városok!$A$2:$C$346,3,0)-VLOOKUP(BM$1,városok!$A$2:$C$346,3,0))^2)/1000,0)</f>
        <v>316</v>
      </c>
      <c r="BN48">
        <f ca="1">ROUND(SQRT((VLOOKUP($A48,városok!$A$2:$C$346,2,0)-VLOOKUP(BN$1,városok!$A$2:$C$346,2,0))^2+(VLOOKUP($A48,városok!$A$2:$C$346,3,0)-VLOOKUP(BN$1,városok!$A$2:$C$346,3,0))^2)/1000,0)</f>
        <v>339</v>
      </c>
      <c r="BO48">
        <f ca="1">ROUND(SQRT((VLOOKUP($A48,városok!$A$2:$C$346,2,0)-VLOOKUP(BO$1,városok!$A$2:$C$346,2,0))^2+(VLOOKUP($A48,városok!$A$2:$C$346,3,0)-VLOOKUP(BO$1,városok!$A$2:$C$346,3,0))^2)/1000,0)</f>
        <v>233</v>
      </c>
      <c r="BP48">
        <f ca="1">ROUND(SQRT((VLOOKUP($A48,városok!$A$2:$C$346,2,0)-VLOOKUP(BP$1,városok!$A$2:$C$346,2,0))^2+(VLOOKUP($A48,városok!$A$2:$C$346,3,0)-VLOOKUP(BP$1,városok!$A$2:$C$346,3,0))^2)/1000,0)</f>
        <v>226</v>
      </c>
      <c r="BQ48">
        <f ca="1">ROUND(SQRT((VLOOKUP($A48,városok!$A$2:$C$346,2,0)-VLOOKUP(BQ$1,városok!$A$2:$C$346,2,0))^2+(VLOOKUP($A48,városok!$A$2:$C$346,3,0)-VLOOKUP(BQ$1,városok!$A$2:$C$346,3,0))^2)/1000,0)</f>
        <v>241</v>
      </c>
      <c r="BR48">
        <f ca="1">ROUND(SQRT((VLOOKUP($A48,városok!$A$2:$C$346,2,0)-VLOOKUP(BR$1,városok!$A$2:$C$346,2,0))^2+(VLOOKUP($A48,városok!$A$2:$C$346,3,0)-VLOOKUP(BR$1,városok!$A$2:$C$346,3,0))^2)/1000,0)</f>
        <v>292</v>
      </c>
      <c r="BS48">
        <f ca="1">ROUND(SQRT((VLOOKUP($A48,városok!$A$2:$C$346,2,0)-VLOOKUP(BS$1,városok!$A$2:$C$346,2,0))^2+(VLOOKUP($A48,városok!$A$2:$C$346,3,0)-VLOOKUP(BS$1,városok!$A$2:$C$346,3,0))^2)/1000,0)</f>
        <v>317</v>
      </c>
      <c r="BT48">
        <f ca="1">ROUND(SQRT((VLOOKUP($A48,városok!$A$2:$C$346,2,0)-VLOOKUP(BT$1,városok!$A$2:$C$346,2,0))^2+(VLOOKUP($A48,városok!$A$2:$C$346,3,0)-VLOOKUP(BT$1,városok!$A$2:$C$346,3,0))^2)/1000,0)</f>
        <v>323</v>
      </c>
    </row>
    <row r="49" spans="1:72" x14ac:dyDescent="0.2">
      <c r="A49" t="str">
        <f>városok!A49</f>
        <v>Medgyesegyháza</v>
      </c>
      <c r="B49">
        <f ca="1">ROUND(SQRT((VLOOKUP($A49,városok!$A$2:$C$346,2,0)-VLOOKUP(B$1,városok!$A$2:$C$346,2,0))^2+(VLOOKUP($A49,városok!$A$2:$C$346,3,0)-VLOOKUP(B$1,városok!$A$2:$C$346,3,0))^2)/1000,0)</f>
        <v>163</v>
      </c>
      <c r="C49">
        <f ca="1">ROUND(SQRT((VLOOKUP($A49,városok!$A$2:$C$346,2,0)-VLOOKUP(C$1,városok!$A$2:$C$346,2,0))^2+(VLOOKUP($A49,városok!$A$2:$C$346,3,0)-VLOOKUP(C$1,városok!$A$2:$C$346,3,0))^2)/1000,0)</f>
        <v>157</v>
      </c>
      <c r="D49">
        <f ca="1">ROUND(SQRT((VLOOKUP($A49,városok!$A$2:$C$346,2,0)-VLOOKUP(D$1,városok!$A$2:$C$346,2,0))^2+(VLOOKUP($A49,városok!$A$2:$C$346,3,0)-VLOOKUP(D$1,városok!$A$2:$C$346,3,0))^2)/1000,0)</f>
        <v>112</v>
      </c>
      <c r="E49">
        <f ca="1">ROUND(SQRT((VLOOKUP($A49,városok!$A$2:$C$346,2,0)-VLOOKUP(E$1,városok!$A$2:$C$346,2,0))^2+(VLOOKUP($A49,városok!$A$2:$C$346,3,0)-VLOOKUP(E$1,városok!$A$2:$C$346,3,0))^2)/1000,0)</f>
        <v>215</v>
      </c>
      <c r="F49">
        <f ca="1">ROUND(SQRT((VLOOKUP($A49,városok!$A$2:$C$346,2,0)-VLOOKUP(F$1,városok!$A$2:$C$346,2,0))^2+(VLOOKUP($A49,városok!$A$2:$C$346,3,0)-VLOOKUP(F$1,városok!$A$2:$C$346,3,0))^2)/1000,0)</f>
        <v>189</v>
      </c>
      <c r="G49">
        <f ca="1">ROUND(SQRT((VLOOKUP($A49,városok!$A$2:$C$346,2,0)-VLOOKUP(G$1,városok!$A$2:$C$346,2,0))^2+(VLOOKUP($A49,városok!$A$2:$C$346,3,0)-VLOOKUP(G$1,városok!$A$2:$C$346,3,0))^2)/1000,0)</f>
        <v>219</v>
      </c>
      <c r="H49">
        <f ca="1">ROUND(SQRT((VLOOKUP($A49,városok!$A$2:$C$346,2,0)-VLOOKUP(H$1,városok!$A$2:$C$346,2,0))^2+(VLOOKUP($A49,városok!$A$2:$C$346,3,0)-VLOOKUP(H$1,városok!$A$2:$C$346,3,0))^2)/1000,0)</f>
        <v>254</v>
      </c>
      <c r="I49">
        <f ca="1">ROUND(SQRT((VLOOKUP($A49,városok!$A$2:$C$346,2,0)-VLOOKUP(I$1,városok!$A$2:$C$346,2,0))^2+(VLOOKUP($A49,városok!$A$2:$C$346,3,0)-VLOOKUP(I$1,városok!$A$2:$C$346,3,0))^2)/1000,0)</f>
        <v>21</v>
      </c>
      <c r="J49">
        <f ca="1">ROUND(SQRT((VLOOKUP($A49,városok!$A$2:$C$346,2,0)-VLOOKUP(J$1,városok!$A$2:$C$346,2,0))^2+(VLOOKUP($A49,városok!$A$2:$C$346,3,0)-VLOOKUP(J$1,városok!$A$2:$C$346,3,0))^2)/1000,0)</f>
        <v>25</v>
      </c>
      <c r="K49">
        <f ca="1">ROUND(SQRT((VLOOKUP($A49,városok!$A$2:$C$346,2,0)-VLOOKUP(K$1,városok!$A$2:$C$346,2,0))^2+(VLOOKUP($A49,városok!$A$2:$C$346,3,0)-VLOOKUP(K$1,városok!$A$2:$C$346,3,0))^2)/1000,0)</f>
        <v>28</v>
      </c>
      <c r="L49">
        <f ca="1">ROUND(SQRT((VLOOKUP($A49,városok!$A$2:$C$346,2,0)-VLOOKUP(L$1,városok!$A$2:$C$346,2,0))^2+(VLOOKUP($A49,városok!$A$2:$C$346,3,0)-VLOOKUP(L$1,városok!$A$2:$C$346,3,0))^2)/1000,0)</f>
        <v>198</v>
      </c>
      <c r="M49">
        <f ca="1">ROUND(SQRT((VLOOKUP($A49,városok!$A$2:$C$346,2,0)-VLOOKUP(M$1,városok!$A$2:$C$346,2,0))^2+(VLOOKUP($A49,városok!$A$2:$C$346,3,0)-VLOOKUP(M$1,városok!$A$2:$C$346,3,0))^2)/1000,0)</f>
        <v>180</v>
      </c>
      <c r="N49">
        <f ca="1">ROUND(SQRT((VLOOKUP($A49,városok!$A$2:$C$346,2,0)-VLOOKUP(N$1,városok!$A$2:$C$346,2,0))^2+(VLOOKUP($A49,városok!$A$2:$C$346,3,0)-VLOOKUP(N$1,városok!$A$2:$C$346,3,0))^2)/1000,0)</f>
        <v>200</v>
      </c>
      <c r="O49">
        <f ca="1">ROUND(SQRT((VLOOKUP($A49,városok!$A$2:$C$346,2,0)-VLOOKUP(O$1,városok!$A$2:$C$346,2,0))^2+(VLOOKUP($A49,városok!$A$2:$C$346,3,0)-VLOOKUP(O$1,városok!$A$2:$C$346,3,0))^2)/1000,0)</f>
        <v>217</v>
      </c>
      <c r="P49">
        <f ca="1">ROUND(SQRT((VLOOKUP($A49,városok!$A$2:$C$346,2,0)-VLOOKUP(P$1,városok!$A$2:$C$346,2,0))^2+(VLOOKUP($A49,városok!$A$2:$C$346,3,0)-VLOOKUP(P$1,városok!$A$2:$C$346,3,0))^2)/1000,0)</f>
        <v>217</v>
      </c>
      <c r="Q49">
        <f ca="1">ROUND(SQRT((VLOOKUP($A49,városok!$A$2:$C$346,2,0)-VLOOKUP(Q$1,városok!$A$2:$C$346,2,0))^2+(VLOOKUP($A49,városok!$A$2:$C$346,3,0)-VLOOKUP(Q$1,városok!$A$2:$C$346,3,0))^2)/1000,0)</f>
        <v>55</v>
      </c>
      <c r="R49">
        <f ca="1">ROUND(SQRT((VLOOKUP($A49,városok!$A$2:$C$346,2,0)-VLOOKUP(R$1,városok!$A$2:$C$346,2,0))^2+(VLOOKUP($A49,városok!$A$2:$C$346,3,0)-VLOOKUP(R$1,városok!$A$2:$C$346,3,0))^2)/1000,0)</f>
        <v>52</v>
      </c>
      <c r="S49">
        <f ca="1">ROUND(SQRT((VLOOKUP($A49,városok!$A$2:$C$346,2,0)-VLOOKUP(S$1,városok!$A$2:$C$346,2,0))^2+(VLOOKUP($A49,városok!$A$2:$C$346,3,0)-VLOOKUP(S$1,városok!$A$2:$C$346,3,0))^2)/1000,0)</f>
        <v>72</v>
      </c>
      <c r="T49">
        <f ca="1">ROUND(SQRT((VLOOKUP($A49,városok!$A$2:$C$346,2,0)-VLOOKUP(T$1,városok!$A$2:$C$346,2,0))^2+(VLOOKUP($A49,városok!$A$2:$C$346,3,0)-VLOOKUP(T$1,városok!$A$2:$C$346,3,0))^2)/1000,0)</f>
        <v>213</v>
      </c>
      <c r="U49">
        <f ca="1">ROUND(SQRT((VLOOKUP($A49,városok!$A$2:$C$346,2,0)-VLOOKUP(U$1,városok!$A$2:$C$346,2,0))^2+(VLOOKUP($A49,városok!$A$2:$C$346,3,0)-VLOOKUP(U$1,városok!$A$2:$C$346,3,0))^2)/1000,0)</f>
        <v>168</v>
      </c>
      <c r="V49">
        <f ca="1">ROUND(SQRT((VLOOKUP($A49,városok!$A$2:$C$346,2,0)-VLOOKUP(V$1,városok!$A$2:$C$346,2,0))^2+(VLOOKUP($A49,városok!$A$2:$C$346,3,0)-VLOOKUP(V$1,városok!$A$2:$C$346,3,0))^2)/1000,0)</f>
        <v>217</v>
      </c>
      <c r="W49">
        <f ca="1">ROUND(SQRT((VLOOKUP($A49,városok!$A$2:$C$346,2,0)-VLOOKUP(W$1,városok!$A$2:$C$346,2,0))^2+(VLOOKUP($A49,városok!$A$2:$C$346,3,0)-VLOOKUP(W$1,városok!$A$2:$C$346,3,0))^2)/1000,0)</f>
        <v>189</v>
      </c>
      <c r="X49">
        <f ca="1">ROUND(SQRT((VLOOKUP($A49,városok!$A$2:$C$346,2,0)-VLOOKUP(X$1,városok!$A$2:$C$346,2,0))^2+(VLOOKUP($A49,városok!$A$2:$C$346,3,0)-VLOOKUP(X$1,városok!$A$2:$C$346,3,0))^2)/1000,0)</f>
        <v>224</v>
      </c>
      <c r="Y49">
        <f ca="1">ROUND(SQRT((VLOOKUP($A49,városok!$A$2:$C$346,2,0)-VLOOKUP(Y$1,városok!$A$2:$C$346,2,0))^2+(VLOOKUP($A49,városok!$A$2:$C$346,3,0)-VLOOKUP(Y$1,városok!$A$2:$C$346,3,0))^2)/1000,0)</f>
        <v>290</v>
      </c>
      <c r="Z49">
        <f ca="1">ROUND(SQRT((VLOOKUP($A49,városok!$A$2:$C$346,2,0)-VLOOKUP(Z$1,városok!$A$2:$C$346,2,0))^2+(VLOOKUP($A49,városok!$A$2:$C$346,3,0)-VLOOKUP(Z$1,városok!$A$2:$C$346,3,0))^2)/1000,0)</f>
        <v>308</v>
      </c>
      <c r="AA49">
        <f ca="1">ROUND(SQRT((VLOOKUP($A49,városok!$A$2:$C$346,2,0)-VLOOKUP(AA$1,városok!$A$2:$C$346,2,0))^2+(VLOOKUP($A49,városok!$A$2:$C$346,3,0)-VLOOKUP(AA$1,városok!$A$2:$C$346,3,0))^2)/1000,0)</f>
        <v>362</v>
      </c>
      <c r="AB49">
        <f ca="1">ROUND(SQRT((VLOOKUP($A49,városok!$A$2:$C$346,2,0)-VLOOKUP(AB$1,városok!$A$2:$C$346,2,0))^2+(VLOOKUP($A49,városok!$A$2:$C$346,3,0)-VLOOKUP(AB$1,városok!$A$2:$C$346,3,0))^2)/1000,0)</f>
        <v>124</v>
      </c>
      <c r="AC49">
        <f ca="1">ROUND(SQRT((VLOOKUP($A49,városok!$A$2:$C$346,2,0)-VLOOKUP(AC$1,városok!$A$2:$C$346,2,0))^2+(VLOOKUP($A49,városok!$A$2:$C$346,3,0)-VLOOKUP(AC$1,városok!$A$2:$C$346,3,0))^2)/1000,0)</f>
        <v>109</v>
      </c>
      <c r="AD49">
        <f ca="1">ROUND(SQRT((VLOOKUP($A49,városok!$A$2:$C$346,2,0)-VLOOKUP(AD$1,városok!$A$2:$C$346,2,0))^2+(VLOOKUP($A49,városok!$A$2:$C$346,3,0)-VLOOKUP(AD$1,városok!$A$2:$C$346,3,0))^2)/1000,0)</f>
        <v>104</v>
      </c>
      <c r="AE49">
        <f ca="1">ROUND(SQRT((VLOOKUP($A49,városok!$A$2:$C$346,2,0)-VLOOKUP(AE$1,városok!$A$2:$C$346,2,0))^2+(VLOOKUP($A49,városok!$A$2:$C$346,3,0)-VLOOKUP(AE$1,városok!$A$2:$C$346,3,0))^2)/1000,0)</f>
        <v>88</v>
      </c>
      <c r="AF49">
        <f ca="1">ROUND(SQRT((VLOOKUP($A49,városok!$A$2:$C$346,2,0)-VLOOKUP(AF$1,városok!$A$2:$C$346,2,0))^2+(VLOOKUP($A49,városok!$A$2:$C$346,3,0)-VLOOKUP(AF$1,városok!$A$2:$C$346,3,0))^2)/1000,0)</f>
        <v>164</v>
      </c>
      <c r="AG49">
        <f ca="1">ROUND(SQRT((VLOOKUP($A49,városok!$A$2:$C$346,2,0)-VLOOKUP(AG$1,városok!$A$2:$C$346,2,0))^2+(VLOOKUP($A49,városok!$A$2:$C$346,3,0)-VLOOKUP(AG$1,városok!$A$2:$C$346,3,0))^2)/1000,0)</f>
        <v>166</v>
      </c>
      <c r="AH49">
        <f ca="1">ROUND(SQRT((VLOOKUP($A49,városok!$A$2:$C$346,2,0)-VLOOKUP(AH$1,városok!$A$2:$C$346,2,0))^2+(VLOOKUP($A49,városok!$A$2:$C$346,3,0)-VLOOKUP(AH$1,városok!$A$2:$C$346,3,0))^2)/1000,0)</f>
        <v>166</v>
      </c>
      <c r="AI49">
        <f ca="1">ROUND(SQRT((VLOOKUP($A49,városok!$A$2:$C$346,2,0)-VLOOKUP(AI$1,városok!$A$2:$C$346,2,0))^2+(VLOOKUP($A49,városok!$A$2:$C$346,3,0)-VLOOKUP(AI$1,városok!$A$2:$C$346,3,0))^2)/1000,0)</f>
        <v>184</v>
      </c>
      <c r="AJ49">
        <f ca="1">ROUND(SQRT((VLOOKUP($A49,városok!$A$2:$C$346,2,0)-VLOOKUP(AJ$1,városok!$A$2:$C$346,2,0))^2+(VLOOKUP($A49,városok!$A$2:$C$346,3,0)-VLOOKUP(AJ$1,városok!$A$2:$C$346,3,0))^2)/1000,0)</f>
        <v>151</v>
      </c>
      <c r="AK49">
        <f ca="1">ROUND(SQRT((VLOOKUP($A49,városok!$A$2:$C$346,2,0)-VLOOKUP(AK$1,városok!$A$2:$C$346,2,0))^2+(VLOOKUP($A49,városok!$A$2:$C$346,3,0)-VLOOKUP(AK$1,városok!$A$2:$C$346,3,0))^2)/1000,0)</f>
        <v>88</v>
      </c>
      <c r="AL49">
        <f ca="1">ROUND(SQRT((VLOOKUP($A49,városok!$A$2:$C$346,2,0)-VLOOKUP(AL$1,városok!$A$2:$C$346,2,0))^2+(VLOOKUP($A49,városok!$A$2:$C$346,3,0)-VLOOKUP(AL$1,városok!$A$2:$C$346,3,0))^2)/1000,0)</f>
        <v>102</v>
      </c>
      <c r="AM49">
        <f ca="1">ROUND(SQRT((VLOOKUP($A49,városok!$A$2:$C$346,2,0)-VLOOKUP(AM$1,városok!$A$2:$C$346,2,0))^2+(VLOOKUP($A49,városok!$A$2:$C$346,3,0)-VLOOKUP(AM$1,városok!$A$2:$C$346,3,0))^2)/1000,0)</f>
        <v>99</v>
      </c>
      <c r="AN49">
        <f ca="1">ROUND(SQRT((VLOOKUP($A49,városok!$A$2:$C$346,2,0)-VLOOKUP(AN$1,városok!$A$2:$C$346,2,0))^2+(VLOOKUP($A49,városok!$A$2:$C$346,3,0)-VLOOKUP(AN$1,városok!$A$2:$C$346,3,0))^2)/1000,0)</f>
        <v>225</v>
      </c>
      <c r="AO49">
        <f ca="1">ROUND(SQRT((VLOOKUP($A49,városok!$A$2:$C$346,2,0)-VLOOKUP(AO$1,városok!$A$2:$C$346,2,0))^2+(VLOOKUP($A49,városok!$A$2:$C$346,3,0)-VLOOKUP(AO$1,városok!$A$2:$C$346,3,0))^2)/1000,0)</f>
        <v>260</v>
      </c>
      <c r="AP49">
        <f ca="1">ROUND(SQRT((VLOOKUP($A49,városok!$A$2:$C$346,2,0)-VLOOKUP(AP$1,városok!$A$2:$C$346,2,0))^2+(VLOOKUP($A49,városok!$A$2:$C$346,3,0)-VLOOKUP(AP$1,városok!$A$2:$C$346,3,0))^2)/1000,0)</f>
        <v>241</v>
      </c>
      <c r="AQ49">
        <f ca="1">ROUND(SQRT((VLOOKUP($A49,városok!$A$2:$C$346,2,0)-VLOOKUP(AQ$1,városok!$A$2:$C$346,2,0))^2+(VLOOKUP($A49,városok!$A$2:$C$346,3,0)-VLOOKUP(AQ$1,városok!$A$2:$C$346,3,0))^2)/1000,0)</f>
        <v>232</v>
      </c>
      <c r="AR49">
        <f ca="1">ROUND(SQRT((VLOOKUP($A49,városok!$A$2:$C$346,2,0)-VLOOKUP(AR$1,városok!$A$2:$C$346,2,0))^2+(VLOOKUP($A49,városok!$A$2:$C$346,3,0)-VLOOKUP(AR$1,városok!$A$2:$C$346,3,0))^2)/1000,0)</f>
        <v>188</v>
      </c>
      <c r="AS49">
        <f ca="1">ROUND(SQRT((VLOOKUP($A49,városok!$A$2:$C$346,2,0)-VLOOKUP(AS$1,városok!$A$2:$C$346,2,0))^2+(VLOOKUP($A49,városok!$A$2:$C$346,3,0)-VLOOKUP(AS$1,városok!$A$2:$C$346,3,0))^2)/1000,0)</f>
        <v>202</v>
      </c>
      <c r="AT49">
        <f ca="1">ROUND(SQRT((VLOOKUP($A49,városok!$A$2:$C$346,2,0)-VLOOKUP(AT$1,városok!$A$2:$C$346,2,0))^2+(VLOOKUP($A49,városok!$A$2:$C$346,3,0)-VLOOKUP(AT$1,városok!$A$2:$C$346,3,0))^2)/1000,0)</f>
        <v>200</v>
      </c>
      <c r="AU49">
        <f ca="1">ROUND(SQRT((VLOOKUP($A49,városok!$A$2:$C$346,2,0)-VLOOKUP(AU$1,városok!$A$2:$C$346,2,0))^2+(VLOOKUP($A49,városok!$A$2:$C$346,3,0)-VLOOKUP(AU$1,városok!$A$2:$C$346,3,0))^2)/1000,0)</f>
        <v>190</v>
      </c>
      <c r="AV49">
        <f ca="1">ROUND(SQRT((VLOOKUP($A49,városok!$A$2:$C$346,2,0)-VLOOKUP(AV$1,városok!$A$2:$C$346,2,0))^2+(VLOOKUP($A49,városok!$A$2:$C$346,3,0)-VLOOKUP(AV$1,városok!$A$2:$C$346,3,0))^2)/1000,0)</f>
        <v>188</v>
      </c>
      <c r="AW49">
        <f ca="1">ROUND(SQRT((VLOOKUP($A49,városok!$A$2:$C$346,2,0)-VLOOKUP(AW$1,városok!$A$2:$C$346,2,0))^2+(VLOOKUP($A49,városok!$A$2:$C$346,3,0)-VLOOKUP(AW$1,városok!$A$2:$C$346,3,0))^2)/1000,0)</f>
        <v>190</v>
      </c>
      <c r="AX49">
        <f ca="1">ROUND(SQRT((VLOOKUP($A49,városok!$A$2:$C$346,2,0)-VLOOKUP(AX$1,városok!$A$2:$C$346,2,0))^2+(VLOOKUP($A49,városok!$A$2:$C$346,3,0)-VLOOKUP(AX$1,városok!$A$2:$C$346,3,0))^2)/1000,0)</f>
        <v>112</v>
      </c>
      <c r="AY49">
        <f ca="1">ROUND(SQRT((VLOOKUP($A49,városok!$A$2:$C$346,2,0)-VLOOKUP(AY$1,városok!$A$2:$C$346,2,0))^2+(VLOOKUP($A49,városok!$A$2:$C$346,3,0)-VLOOKUP(AY$1,városok!$A$2:$C$346,3,0))^2)/1000,0)</f>
        <v>199</v>
      </c>
      <c r="AZ49">
        <f ca="1">ROUND(SQRT((VLOOKUP($A49,városok!$A$2:$C$346,2,0)-VLOOKUP(AZ$1,városok!$A$2:$C$346,2,0))^2+(VLOOKUP($A49,városok!$A$2:$C$346,3,0)-VLOOKUP(AZ$1,városok!$A$2:$C$346,3,0))^2)/1000,0)</f>
        <v>212</v>
      </c>
      <c r="BA49">
        <f ca="1">ROUND(SQRT((VLOOKUP($A49,városok!$A$2:$C$346,2,0)-VLOOKUP(BA$1,városok!$A$2:$C$346,2,0))^2+(VLOOKUP($A49,városok!$A$2:$C$346,3,0)-VLOOKUP(BA$1,városok!$A$2:$C$346,3,0))^2)/1000,0)</f>
        <v>256</v>
      </c>
      <c r="BB49">
        <f ca="1">ROUND(SQRT((VLOOKUP($A49,városok!$A$2:$C$346,2,0)-VLOOKUP(BB$1,városok!$A$2:$C$346,2,0))^2+(VLOOKUP($A49,városok!$A$2:$C$346,3,0)-VLOOKUP(BB$1,városok!$A$2:$C$346,3,0))^2)/1000,0)</f>
        <v>237</v>
      </c>
      <c r="BC49">
        <f ca="1">ROUND(SQRT((VLOOKUP($A49,városok!$A$2:$C$346,2,0)-VLOOKUP(BC$1,városok!$A$2:$C$346,2,0))^2+(VLOOKUP($A49,városok!$A$2:$C$346,3,0)-VLOOKUP(BC$1,városok!$A$2:$C$346,3,0))^2)/1000,0)</f>
        <v>249</v>
      </c>
      <c r="BD49">
        <f ca="1">ROUND(SQRT((VLOOKUP($A49,városok!$A$2:$C$346,2,0)-VLOOKUP(BD$1,városok!$A$2:$C$346,2,0))^2+(VLOOKUP($A49,városok!$A$2:$C$346,3,0)-VLOOKUP(BD$1,városok!$A$2:$C$346,3,0))^2)/1000,0)</f>
        <v>231</v>
      </c>
      <c r="BE49">
        <f ca="1">ROUND(SQRT((VLOOKUP($A49,városok!$A$2:$C$346,2,0)-VLOOKUP(BE$1,városok!$A$2:$C$346,2,0))^2+(VLOOKUP($A49,városok!$A$2:$C$346,3,0)-VLOOKUP(BE$1,városok!$A$2:$C$346,3,0))^2)/1000,0)</f>
        <v>194</v>
      </c>
      <c r="BF49">
        <f ca="1">ROUND(SQRT((VLOOKUP($A49,városok!$A$2:$C$346,2,0)-VLOOKUP(BF$1,városok!$A$2:$C$346,2,0))^2+(VLOOKUP($A49,városok!$A$2:$C$346,3,0)-VLOOKUP(BF$1,városok!$A$2:$C$346,3,0))^2)/1000,0)</f>
        <v>208</v>
      </c>
      <c r="BG49">
        <f ca="1">ROUND(SQRT((VLOOKUP($A49,városok!$A$2:$C$346,2,0)-VLOOKUP(BG$1,városok!$A$2:$C$346,2,0))^2+(VLOOKUP($A49,városok!$A$2:$C$346,3,0)-VLOOKUP(BG$1,városok!$A$2:$C$346,3,0))^2)/1000,0)</f>
        <v>184</v>
      </c>
      <c r="BH49">
        <f ca="1">ROUND(SQRT((VLOOKUP($A49,városok!$A$2:$C$346,2,0)-VLOOKUP(BH$1,városok!$A$2:$C$346,2,0))^2+(VLOOKUP($A49,városok!$A$2:$C$346,3,0)-VLOOKUP(BH$1,városok!$A$2:$C$346,3,0))^2)/1000,0)</f>
        <v>184</v>
      </c>
      <c r="BI49">
        <f ca="1">ROUND(SQRT((VLOOKUP($A49,városok!$A$2:$C$346,2,0)-VLOOKUP(BI$1,városok!$A$2:$C$346,2,0))^2+(VLOOKUP($A49,városok!$A$2:$C$346,3,0)-VLOOKUP(BI$1,városok!$A$2:$C$346,3,0))^2)/1000,0)</f>
        <v>185</v>
      </c>
      <c r="BJ49">
        <f ca="1">ROUND(SQRT((VLOOKUP($A49,városok!$A$2:$C$346,2,0)-VLOOKUP(BJ$1,városok!$A$2:$C$346,2,0))^2+(VLOOKUP($A49,városok!$A$2:$C$346,3,0)-VLOOKUP(BJ$1,városok!$A$2:$C$346,3,0))^2)/1000,0)</f>
        <v>199</v>
      </c>
      <c r="BK49">
        <f ca="1">ROUND(SQRT((VLOOKUP($A49,városok!$A$2:$C$346,2,0)-VLOOKUP(BK$1,városok!$A$2:$C$346,2,0))^2+(VLOOKUP($A49,városok!$A$2:$C$346,3,0)-VLOOKUP(BK$1,városok!$A$2:$C$346,3,0))^2)/1000,0)</f>
        <v>179</v>
      </c>
      <c r="BL49">
        <f ca="1">ROUND(SQRT((VLOOKUP($A49,városok!$A$2:$C$346,2,0)-VLOOKUP(BL$1,városok!$A$2:$C$346,2,0))^2+(VLOOKUP($A49,városok!$A$2:$C$346,3,0)-VLOOKUP(BL$1,városok!$A$2:$C$346,3,0))^2)/1000,0)</f>
        <v>343</v>
      </c>
      <c r="BM49">
        <f ca="1">ROUND(SQRT((VLOOKUP($A49,városok!$A$2:$C$346,2,0)-VLOOKUP(BM$1,városok!$A$2:$C$346,2,0))^2+(VLOOKUP($A49,városok!$A$2:$C$346,3,0)-VLOOKUP(BM$1,városok!$A$2:$C$346,3,0))^2)/1000,0)</f>
        <v>323</v>
      </c>
      <c r="BN49">
        <f ca="1">ROUND(SQRT((VLOOKUP($A49,városok!$A$2:$C$346,2,0)-VLOOKUP(BN$1,városok!$A$2:$C$346,2,0))^2+(VLOOKUP($A49,városok!$A$2:$C$346,3,0)-VLOOKUP(BN$1,városok!$A$2:$C$346,3,0))^2)/1000,0)</f>
        <v>346</v>
      </c>
      <c r="BO49">
        <f ca="1">ROUND(SQRT((VLOOKUP($A49,városok!$A$2:$C$346,2,0)-VLOOKUP(BO$1,városok!$A$2:$C$346,2,0))^2+(VLOOKUP($A49,városok!$A$2:$C$346,3,0)-VLOOKUP(BO$1,városok!$A$2:$C$346,3,0))^2)/1000,0)</f>
        <v>238</v>
      </c>
      <c r="BP49">
        <f ca="1">ROUND(SQRT((VLOOKUP($A49,városok!$A$2:$C$346,2,0)-VLOOKUP(BP$1,városok!$A$2:$C$346,2,0))^2+(VLOOKUP($A49,városok!$A$2:$C$346,3,0)-VLOOKUP(BP$1,városok!$A$2:$C$346,3,0))^2)/1000,0)</f>
        <v>231</v>
      </c>
      <c r="BQ49">
        <f ca="1">ROUND(SQRT((VLOOKUP($A49,városok!$A$2:$C$346,2,0)-VLOOKUP(BQ$1,városok!$A$2:$C$346,2,0))^2+(VLOOKUP($A49,városok!$A$2:$C$346,3,0)-VLOOKUP(BQ$1,városok!$A$2:$C$346,3,0))^2)/1000,0)</f>
        <v>247</v>
      </c>
      <c r="BR49">
        <f ca="1">ROUND(SQRT((VLOOKUP($A49,városok!$A$2:$C$346,2,0)-VLOOKUP(BR$1,városok!$A$2:$C$346,2,0))^2+(VLOOKUP($A49,városok!$A$2:$C$346,3,0)-VLOOKUP(BR$1,városok!$A$2:$C$346,3,0))^2)/1000,0)</f>
        <v>290</v>
      </c>
      <c r="BS49">
        <f ca="1">ROUND(SQRT((VLOOKUP($A49,városok!$A$2:$C$346,2,0)-VLOOKUP(BS$1,városok!$A$2:$C$346,2,0))^2+(VLOOKUP($A49,városok!$A$2:$C$346,3,0)-VLOOKUP(BS$1,városok!$A$2:$C$346,3,0))^2)/1000,0)</f>
        <v>310</v>
      </c>
      <c r="BT49">
        <f ca="1">ROUND(SQRT((VLOOKUP($A49,városok!$A$2:$C$346,2,0)-VLOOKUP(BT$1,városok!$A$2:$C$346,2,0))^2+(VLOOKUP($A49,városok!$A$2:$C$346,3,0)-VLOOKUP(BT$1,városok!$A$2:$C$346,3,0))^2)/1000,0)</f>
        <v>322</v>
      </c>
    </row>
    <row r="50" spans="1:72" x14ac:dyDescent="0.2">
      <c r="A50" t="str">
        <f>városok!A50</f>
        <v>Mezőberény</v>
      </c>
      <c r="B50">
        <f ca="1">ROUND(SQRT((VLOOKUP($A50,városok!$A$2:$C$346,2,0)-VLOOKUP(B$1,városok!$A$2:$C$346,2,0))^2+(VLOOKUP($A50,városok!$A$2:$C$346,3,0)-VLOOKUP(B$1,városok!$A$2:$C$346,3,0))^2)/1000,0)</f>
        <v>174</v>
      </c>
      <c r="C50">
        <f ca="1">ROUND(SQRT((VLOOKUP($A50,városok!$A$2:$C$346,2,0)-VLOOKUP(C$1,városok!$A$2:$C$346,2,0))^2+(VLOOKUP($A50,városok!$A$2:$C$346,3,0)-VLOOKUP(C$1,városok!$A$2:$C$346,3,0))^2)/1000,0)</f>
        <v>160</v>
      </c>
      <c r="D50">
        <f ca="1">ROUND(SQRT((VLOOKUP($A50,városok!$A$2:$C$346,2,0)-VLOOKUP(D$1,városok!$A$2:$C$346,2,0))^2+(VLOOKUP($A50,városok!$A$2:$C$346,3,0)-VLOOKUP(D$1,városok!$A$2:$C$346,3,0))^2)/1000,0)</f>
        <v>102</v>
      </c>
      <c r="E50">
        <f ca="1">ROUND(SQRT((VLOOKUP($A50,városok!$A$2:$C$346,2,0)-VLOOKUP(E$1,városok!$A$2:$C$346,2,0))^2+(VLOOKUP($A50,városok!$A$2:$C$346,3,0)-VLOOKUP(E$1,városok!$A$2:$C$346,3,0))^2)/1000,0)</f>
        <v>224</v>
      </c>
      <c r="F50">
        <f ca="1">ROUND(SQRT((VLOOKUP($A50,városok!$A$2:$C$346,2,0)-VLOOKUP(F$1,városok!$A$2:$C$346,2,0))^2+(VLOOKUP($A50,városok!$A$2:$C$346,3,0)-VLOOKUP(F$1,városok!$A$2:$C$346,3,0))^2)/1000,0)</f>
        <v>202</v>
      </c>
      <c r="G50">
        <f ca="1">ROUND(SQRT((VLOOKUP($A50,városok!$A$2:$C$346,2,0)-VLOOKUP(G$1,városok!$A$2:$C$346,2,0))^2+(VLOOKUP($A50,városok!$A$2:$C$346,3,0)-VLOOKUP(G$1,városok!$A$2:$C$346,3,0))^2)/1000,0)</f>
        <v>229</v>
      </c>
      <c r="H50">
        <f ca="1">ROUND(SQRT((VLOOKUP($A50,városok!$A$2:$C$346,2,0)-VLOOKUP(H$1,városok!$A$2:$C$346,2,0))^2+(VLOOKUP($A50,városok!$A$2:$C$346,3,0)-VLOOKUP(H$1,városok!$A$2:$C$346,3,0))^2)/1000,0)</f>
        <v>263</v>
      </c>
      <c r="I50">
        <f ca="1">ROUND(SQRT((VLOOKUP($A50,városok!$A$2:$C$346,2,0)-VLOOKUP(I$1,városok!$A$2:$C$346,2,0))^2+(VLOOKUP($A50,városok!$A$2:$C$346,3,0)-VLOOKUP(I$1,városok!$A$2:$C$346,3,0))^2)/1000,0)</f>
        <v>17</v>
      </c>
      <c r="J50">
        <f ca="1">ROUND(SQRT((VLOOKUP($A50,városok!$A$2:$C$346,2,0)-VLOOKUP(J$1,városok!$A$2:$C$346,2,0))^2+(VLOOKUP($A50,városok!$A$2:$C$346,3,0)-VLOOKUP(J$1,városok!$A$2:$C$346,3,0))^2)/1000,0)</f>
        <v>28</v>
      </c>
      <c r="K50">
        <f ca="1">ROUND(SQRT((VLOOKUP($A50,városok!$A$2:$C$346,2,0)-VLOOKUP(K$1,városok!$A$2:$C$346,2,0))^2+(VLOOKUP($A50,városok!$A$2:$C$346,3,0)-VLOOKUP(K$1,városok!$A$2:$C$346,3,0))^2)/1000,0)</f>
        <v>40</v>
      </c>
      <c r="L50">
        <f ca="1">ROUND(SQRT((VLOOKUP($A50,városok!$A$2:$C$346,2,0)-VLOOKUP(L$1,városok!$A$2:$C$346,2,0))^2+(VLOOKUP($A50,városok!$A$2:$C$346,3,0)-VLOOKUP(L$1,városok!$A$2:$C$346,3,0))^2)/1000,0)</f>
        <v>162</v>
      </c>
      <c r="M50">
        <f ca="1">ROUND(SQRT((VLOOKUP($A50,városok!$A$2:$C$346,2,0)-VLOOKUP(M$1,városok!$A$2:$C$346,2,0))^2+(VLOOKUP($A50,városok!$A$2:$C$346,3,0)-VLOOKUP(M$1,városok!$A$2:$C$346,3,0))^2)/1000,0)</f>
        <v>144</v>
      </c>
      <c r="N50">
        <f ca="1">ROUND(SQRT((VLOOKUP($A50,városok!$A$2:$C$346,2,0)-VLOOKUP(N$1,városok!$A$2:$C$346,2,0))^2+(VLOOKUP($A50,városok!$A$2:$C$346,3,0)-VLOOKUP(N$1,városok!$A$2:$C$346,3,0))^2)/1000,0)</f>
        <v>165</v>
      </c>
      <c r="O50">
        <f ca="1">ROUND(SQRT((VLOOKUP($A50,városok!$A$2:$C$346,2,0)-VLOOKUP(O$1,városok!$A$2:$C$346,2,0))^2+(VLOOKUP($A50,városok!$A$2:$C$346,3,0)-VLOOKUP(O$1,városok!$A$2:$C$346,3,0))^2)/1000,0)</f>
        <v>181</v>
      </c>
      <c r="P50">
        <f ca="1">ROUND(SQRT((VLOOKUP($A50,városok!$A$2:$C$346,2,0)-VLOOKUP(P$1,városok!$A$2:$C$346,2,0))^2+(VLOOKUP($A50,városok!$A$2:$C$346,3,0)-VLOOKUP(P$1,városok!$A$2:$C$346,3,0))^2)/1000,0)</f>
        <v>181</v>
      </c>
      <c r="Q50">
        <f ca="1">ROUND(SQRT((VLOOKUP($A50,városok!$A$2:$C$346,2,0)-VLOOKUP(Q$1,városok!$A$2:$C$346,2,0))^2+(VLOOKUP($A50,városok!$A$2:$C$346,3,0)-VLOOKUP(Q$1,városok!$A$2:$C$346,3,0))^2)/1000,0)</f>
        <v>70</v>
      </c>
      <c r="R50">
        <f ca="1">ROUND(SQRT((VLOOKUP($A50,városok!$A$2:$C$346,2,0)-VLOOKUP(R$1,városok!$A$2:$C$346,2,0))^2+(VLOOKUP($A50,városok!$A$2:$C$346,3,0)-VLOOKUP(R$1,városok!$A$2:$C$346,3,0))^2)/1000,0)</f>
        <v>79</v>
      </c>
      <c r="S50">
        <f ca="1">ROUND(SQRT((VLOOKUP($A50,városok!$A$2:$C$346,2,0)-VLOOKUP(S$1,városok!$A$2:$C$346,2,0))^2+(VLOOKUP($A50,városok!$A$2:$C$346,3,0)-VLOOKUP(S$1,városok!$A$2:$C$346,3,0))^2)/1000,0)</f>
        <v>92</v>
      </c>
      <c r="T50">
        <f ca="1">ROUND(SQRT((VLOOKUP($A50,városok!$A$2:$C$346,2,0)-VLOOKUP(T$1,városok!$A$2:$C$346,2,0))^2+(VLOOKUP($A50,városok!$A$2:$C$346,3,0)-VLOOKUP(T$1,városok!$A$2:$C$346,3,0))^2)/1000,0)</f>
        <v>196</v>
      </c>
      <c r="U50">
        <f ca="1">ROUND(SQRT((VLOOKUP($A50,városok!$A$2:$C$346,2,0)-VLOOKUP(U$1,városok!$A$2:$C$346,2,0))^2+(VLOOKUP($A50,városok!$A$2:$C$346,3,0)-VLOOKUP(U$1,városok!$A$2:$C$346,3,0))^2)/1000,0)</f>
        <v>160</v>
      </c>
      <c r="V50">
        <f ca="1">ROUND(SQRT((VLOOKUP($A50,városok!$A$2:$C$346,2,0)-VLOOKUP(V$1,városok!$A$2:$C$346,2,0))^2+(VLOOKUP($A50,városok!$A$2:$C$346,3,0)-VLOOKUP(V$1,városok!$A$2:$C$346,3,0))^2)/1000,0)</f>
        <v>209</v>
      </c>
      <c r="W50">
        <f ca="1">ROUND(SQRT((VLOOKUP($A50,városok!$A$2:$C$346,2,0)-VLOOKUP(W$1,városok!$A$2:$C$346,2,0))^2+(VLOOKUP($A50,városok!$A$2:$C$346,3,0)-VLOOKUP(W$1,városok!$A$2:$C$346,3,0))^2)/1000,0)</f>
        <v>183</v>
      </c>
      <c r="X50">
        <f ca="1">ROUND(SQRT((VLOOKUP($A50,városok!$A$2:$C$346,2,0)-VLOOKUP(X$1,városok!$A$2:$C$346,2,0))^2+(VLOOKUP($A50,városok!$A$2:$C$346,3,0)-VLOOKUP(X$1,városok!$A$2:$C$346,3,0))^2)/1000,0)</f>
        <v>212</v>
      </c>
      <c r="Y50">
        <f ca="1">ROUND(SQRT((VLOOKUP($A50,városok!$A$2:$C$346,2,0)-VLOOKUP(Y$1,városok!$A$2:$C$346,2,0))^2+(VLOOKUP($A50,városok!$A$2:$C$346,3,0)-VLOOKUP(Y$1,városok!$A$2:$C$346,3,0))^2)/1000,0)</f>
        <v>274</v>
      </c>
      <c r="Z50">
        <f ca="1">ROUND(SQRT((VLOOKUP($A50,városok!$A$2:$C$346,2,0)-VLOOKUP(Z$1,városok!$A$2:$C$346,2,0))^2+(VLOOKUP($A50,városok!$A$2:$C$346,3,0)-VLOOKUP(Z$1,városok!$A$2:$C$346,3,0))^2)/1000,0)</f>
        <v>293</v>
      </c>
      <c r="AA50">
        <f ca="1">ROUND(SQRT((VLOOKUP($A50,városok!$A$2:$C$346,2,0)-VLOOKUP(AA$1,városok!$A$2:$C$346,2,0))^2+(VLOOKUP($A50,városok!$A$2:$C$346,3,0)-VLOOKUP(AA$1,városok!$A$2:$C$346,3,0))^2)/1000,0)</f>
        <v>350</v>
      </c>
      <c r="AB50">
        <f ca="1">ROUND(SQRT((VLOOKUP($A50,városok!$A$2:$C$346,2,0)-VLOOKUP(AB$1,városok!$A$2:$C$346,2,0))^2+(VLOOKUP($A50,városok!$A$2:$C$346,3,0)-VLOOKUP(AB$1,városok!$A$2:$C$346,3,0))^2)/1000,0)</f>
        <v>91</v>
      </c>
      <c r="AC50">
        <f ca="1">ROUND(SQRT((VLOOKUP($A50,városok!$A$2:$C$346,2,0)-VLOOKUP(AC$1,városok!$A$2:$C$346,2,0))^2+(VLOOKUP($A50,városok!$A$2:$C$346,3,0)-VLOOKUP(AC$1,városok!$A$2:$C$346,3,0))^2)/1000,0)</f>
        <v>74</v>
      </c>
      <c r="AD50">
        <f ca="1">ROUND(SQRT((VLOOKUP($A50,városok!$A$2:$C$346,2,0)-VLOOKUP(AD$1,városok!$A$2:$C$346,2,0))^2+(VLOOKUP($A50,városok!$A$2:$C$346,3,0)-VLOOKUP(AD$1,városok!$A$2:$C$346,3,0))^2)/1000,0)</f>
        <v>68</v>
      </c>
      <c r="AE50">
        <f ca="1">ROUND(SQRT((VLOOKUP($A50,városok!$A$2:$C$346,2,0)-VLOOKUP(AE$1,városok!$A$2:$C$346,2,0))^2+(VLOOKUP($A50,városok!$A$2:$C$346,3,0)-VLOOKUP(AE$1,városok!$A$2:$C$346,3,0))^2)/1000,0)</f>
        <v>52</v>
      </c>
      <c r="AF50">
        <f ca="1">ROUND(SQRT((VLOOKUP($A50,városok!$A$2:$C$346,2,0)-VLOOKUP(AF$1,városok!$A$2:$C$346,2,0))^2+(VLOOKUP($A50,városok!$A$2:$C$346,3,0)-VLOOKUP(AF$1,városok!$A$2:$C$346,3,0))^2)/1000,0)</f>
        <v>130</v>
      </c>
      <c r="AG50">
        <f ca="1">ROUND(SQRT((VLOOKUP($A50,városok!$A$2:$C$346,2,0)-VLOOKUP(AG$1,városok!$A$2:$C$346,2,0))^2+(VLOOKUP($A50,városok!$A$2:$C$346,3,0)-VLOOKUP(AG$1,városok!$A$2:$C$346,3,0))^2)/1000,0)</f>
        <v>135</v>
      </c>
      <c r="AH50">
        <f ca="1">ROUND(SQRT((VLOOKUP($A50,városok!$A$2:$C$346,2,0)-VLOOKUP(AH$1,városok!$A$2:$C$346,2,0))^2+(VLOOKUP($A50,városok!$A$2:$C$346,3,0)-VLOOKUP(AH$1,városok!$A$2:$C$346,3,0))^2)/1000,0)</f>
        <v>139</v>
      </c>
      <c r="AI50">
        <f ca="1">ROUND(SQRT((VLOOKUP($A50,városok!$A$2:$C$346,2,0)-VLOOKUP(AI$1,városok!$A$2:$C$346,2,0))^2+(VLOOKUP($A50,városok!$A$2:$C$346,3,0)-VLOOKUP(AI$1,városok!$A$2:$C$346,3,0))^2)/1000,0)</f>
        <v>150</v>
      </c>
      <c r="AJ50">
        <f ca="1">ROUND(SQRT((VLOOKUP($A50,városok!$A$2:$C$346,2,0)-VLOOKUP(AJ$1,városok!$A$2:$C$346,2,0))^2+(VLOOKUP($A50,városok!$A$2:$C$346,3,0)-VLOOKUP(AJ$1,városok!$A$2:$C$346,3,0))^2)/1000,0)</f>
        <v>121</v>
      </c>
      <c r="AK50">
        <f ca="1">ROUND(SQRT((VLOOKUP($A50,városok!$A$2:$C$346,2,0)-VLOOKUP(AK$1,városok!$A$2:$C$346,2,0))^2+(VLOOKUP($A50,városok!$A$2:$C$346,3,0)-VLOOKUP(AK$1,városok!$A$2:$C$346,3,0))^2)/1000,0)</f>
        <v>51</v>
      </c>
      <c r="AL50">
        <f ca="1">ROUND(SQRT((VLOOKUP($A50,városok!$A$2:$C$346,2,0)-VLOOKUP(AL$1,városok!$A$2:$C$346,2,0))^2+(VLOOKUP($A50,városok!$A$2:$C$346,3,0)-VLOOKUP(AL$1,városok!$A$2:$C$346,3,0))^2)/1000,0)</f>
        <v>68</v>
      </c>
      <c r="AM50">
        <f ca="1">ROUND(SQRT((VLOOKUP($A50,városok!$A$2:$C$346,2,0)-VLOOKUP(AM$1,városok!$A$2:$C$346,2,0))^2+(VLOOKUP($A50,városok!$A$2:$C$346,3,0)-VLOOKUP(AM$1,városok!$A$2:$C$346,3,0))^2)/1000,0)</f>
        <v>75</v>
      </c>
      <c r="AN50">
        <f ca="1">ROUND(SQRT((VLOOKUP($A50,városok!$A$2:$C$346,2,0)-VLOOKUP(AN$1,városok!$A$2:$C$346,2,0))^2+(VLOOKUP($A50,városok!$A$2:$C$346,3,0)-VLOOKUP(AN$1,városok!$A$2:$C$346,3,0))^2)/1000,0)</f>
        <v>203</v>
      </c>
      <c r="AO50">
        <f ca="1">ROUND(SQRT((VLOOKUP($A50,városok!$A$2:$C$346,2,0)-VLOOKUP(AO$1,városok!$A$2:$C$346,2,0))^2+(VLOOKUP($A50,városok!$A$2:$C$346,3,0)-VLOOKUP(AO$1,városok!$A$2:$C$346,3,0))^2)/1000,0)</f>
        <v>242</v>
      </c>
      <c r="AP50">
        <f ca="1">ROUND(SQRT((VLOOKUP($A50,városok!$A$2:$C$346,2,0)-VLOOKUP(AP$1,városok!$A$2:$C$346,2,0))^2+(VLOOKUP($A50,városok!$A$2:$C$346,3,0)-VLOOKUP(AP$1,városok!$A$2:$C$346,3,0))^2)/1000,0)</f>
        <v>223</v>
      </c>
      <c r="AQ50">
        <f ca="1">ROUND(SQRT((VLOOKUP($A50,városok!$A$2:$C$346,2,0)-VLOOKUP(AQ$1,városok!$A$2:$C$346,2,0))^2+(VLOOKUP($A50,városok!$A$2:$C$346,3,0)-VLOOKUP(AQ$1,városok!$A$2:$C$346,3,0))^2)/1000,0)</f>
        <v>215</v>
      </c>
      <c r="AR50">
        <f ca="1">ROUND(SQRT((VLOOKUP($A50,városok!$A$2:$C$346,2,0)-VLOOKUP(AR$1,városok!$A$2:$C$346,2,0))^2+(VLOOKUP($A50,városok!$A$2:$C$346,3,0)-VLOOKUP(AR$1,városok!$A$2:$C$346,3,0))^2)/1000,0)</f>
        <v>158</v>
      </c>
      <c r="AS50">
        <f ca="1">ROUND(SQRT((VLOOKUP($A50,városok!$A$2:$C$346,2,0)-VLOOKUP(AS$1,városok!$A$2:$C$346,2,0))^2+(VLOOKUP($A50,városok!$A$2:$C$346,3,0)-VLOOKUP(AS$1,városok!$A$2:$C$346,3,0))^2)/1000,0)</f>
        <v>170</v>
      </c>
      <c r="AT50">
        <f ca="1">ROUND(SQRT((VLOOKUP($A50,városok!$A$2:$C$346,2,0)-VLOOKUP(AT$1,városok!$A$2:$C$346,2,0))^2+(VLOOKUP($A50,városok!$A$2:$C$346,3,0)-VLOOKUP(AT$1,városok!$A$2:$C$346,3,0))^2)/1000,0)</f>
        <v>182</v>
      </c>
      <c r="AU50">
        <f ca="1">ROUND(SQRT((VLOOKUP($A50,városok!$A$2:$C$346,2,0)-VLOOKUP(AU$1,városok!$A$2:$C$346,2,0))^2+(VLOOKUP($A50,városok!$A$2:$C$346,3,0)-VLOOKUP(AU$1,városok!$A$2:$C$346,3,0))^2)/1000,0)</f>
        <v>172</v>
      </c>
      <c r="AV50">
        <f ca="1">ROUND(SQRT((VLOOKUP($A50,városok!$A$2:$C$346,2,0)-VLOOKUP(AV$1,városok!$A$2:$C$346,2,0))^2+(VLOOKUP($A50,városok!$A$2:$C$346,3,0)-VLOOKUP(AV$1,városok!$A$2:$C$346,3,0))^2)/1000,0)</f>
        <v>170</v>
      </c>
      <c r="AW50">
        <f ca="1">ROUND(SQRT((VLOOKUP($A50,városok!$A$2:$C$346,2,0)-VLOOKUP(AW$1,városok!$A$2:$C$346,2,0))^2+(VLOOKUP($A50,városok!$A$2:$C$346,3,0)-VLOOKUP(AW$1,városok!$A$2:$C$346,3,0))^2)/1000,0)</f>
        <v>173</v>
      </c>
      <c r="AX50">
        <f ca="1">ROUND(SQRT((VLOOKUP($A50,városok!$A$2:$C$346,2,0)-VLOOKUP(AX$1,városok!$A$2:$C$346,2,0))^2+(VLOOKUP($A50,városok!$A$2:$C$346,3,0)-VLOOKUP(AX$1,városok!$A$2:$C$346,3,0))^2)/1000,0)</f>
        <v>98</v>
      </c>
      <c r="AY50">
        <f ca="1">ROUND(SQRT((VLOOKUP($A50,városok!$A$2:$C$346,2,0)-VLOOKUP(AY$1,városok!$A$2:$C$346,2,0))^2+(VLOOKUP($A50,városok!$A$2:$C$346,3,0)-VLOOKUP(AY$1,városok!$A$2:$C$346,3,0))^2)/1000,0)</f>
        <v>177</v>
      </c>
      <c r="AZ50">
        <f ca="1">ROUND(SQRT((VLOOKUP($A50,városok!$A$2:$C$346,2,0)-VLOOKUP(AZ$1,városok!$A$2:$C$346,2,0))^2+(VLOOKUP($A50,városok!$A$2:$C$346,3,0)-VLOOKUP(AZ$1,városok!$A$2:$C$346,3,0))^2)/1000,0)</f>
        <v>189</v>
      </c>
      <c r="BA50">
        <f ca="1">ROUND(SQRT((VLOOKUP($A50,városok!$A$2:$C$346,2,0)-VLOOKUP(BA$1,városok!$A$2:$C$346,2,0))^2+(VLOOKUP($A50,városok!$A$2:$C$346,3,0)-VLOOKUP(BA$1,városok!$A$2:$C$346,3,0))^2)/1000,0)</f>
        <v>254</v>
      </c>
      <c r="BB50">
        <f ca="1">ROUND(SQRT((VLOOKUP($A50,városok!$A$2:$C$346,2,0)-VLOOKUP(BB$1,városok!$A$2:$C$346,2,0))^2+(VLOOKUP($A50,városok!$A$2:$C$346,3,0)-VLOOKUP(BB$1,városok!$A$2:$C$346,3,0))^2)/1000,0)</f>
        <v>238</v>
      </c>
      <c r="BC50">
        <f ca="1">ROUND(SQRT((VLOOKUP($A50,városok!$A$2:$C$346,2,0)-VLOOKUP(BC$1,városok!$A$2:$C$346,2,0))^2+(VLOOKUP($A50,városok!$A$2:$C$346,3,0)-VLOOKUP(BC$1,városok!$A$2:$C$346,3,0))^2)/1000,0)</f>
        <v>253</v>
      </c>
      <c r="BD50">
        <f ca="1">ROUND(SQRT((VLOOKUP($A50,városok!$A$2:$C$346,2,0)-VLOOKUP(BD$1,városok!$A$2:$C$346,2,0))^2+(VLOOKUP($A50,városok!$A$2:$C$346,3,0)-VLOOKUP(BD$1,városok!$A$2:$C$346,3,0))^2)/1000,0)</f>
        <v>226</v>
      </c>
      <c r="BE50">
        <f ca="1">ROUND(SQRT((VLOOKUP($A50,városok!$A$2:$C$346,2,0)-VLOOKUP(BE$1,városok!$A$2:$C$346,2,0))^2+(VLOOKUP($A50,városok!$A$2:$C$346,3,0)-VLOOKUP(BE$1,városok!$A$2:$C$346,3,0))^2)/1000,0)</f>
        <v>168</v>
      </c>
      <c r="BF50">
        <f ca="1">ROUND(SQRT((VLOOKUP($A50,városok!$A$2:$C$346,2,0)-VLOOKUP(BF$1,városok!$A$2:$C$346,2,0))^2+(VLOOKUP($A50,városok!$A$2:$C$346,3,0)-VLOOKUP(BF$1,városok!$A$2:$C$346,3,0))^2)/1000,0)</f>
        <v>175</v>
      </c>
      <c r="BG50">
        <f ca="1">ROUND(SQRT((VLOOKUP($A50,városok!$A$2:$C$346,2,0)-VLOOKUP(BG$1,városok!$A$2:$C$346,2,0))^2+(VLOOKUP($A50,városok!$A$2:$C$346,3,0)-VLOOKUP(BG$1,városok!$A$2:$C$346,3,0))^2)/1000,0)</f>
        <v>149</v>
      </c>
      <c r="BH50">
        <f ca="1">ROUND(SQRT((VLOOKUP($A50,városok!$A$2:$C$346,2,0)-VLOOKUP(BH$1,városok!$A$2:$C$346,2,0))^2+(VLOOKUP($A50,városok!$A$2:$C$346,3,0)-VLOOKUP(BH$1,városok!$A$2:$C$346,3,0))^2)/1000,0)</f>
        <v>148</v>
      </c>
      <c r="BI50">
        <f ca="1">ROUND(SQRT((VLOOKUP($A50,városok!$A$2:$C$346,2,0)-VLOOKUP(BI$1,városok!$A$2:$C$346,2,0))^2+(VLOOKUP($A50,városok!$A$2:$C$346,3,0)-VLOOKUP(BI$1,városok!$A$2:$C$346,3,0))^2)/1000,0)</f>
        <v>190</v>
      </c>
      <c r="BJ50">
        <f ca="1">ROUND(SQRT((VLOOKUP($A50,városok!$A$2:$C$346,2,0)-VLOOKUP(BJ$1,városok!$A$2:$C$346,2,0))^2+(VLOOKUP($A50,városok!$A$2:$C$346,3,0)-VLOOKUP(BJ$1,városok!$A$2:$C$346,3,0))^2)/1000,0)</f>
        <v>206</v>
      </c>
      <c r="BK50">
        <f ca="1">ROUND(SQRT((VLOOKUP($A50,városok!$A$2:$C$346,2,0)-VLOOKUP(BK$1,városok!$A$2:$C$346,2,0))^2+(VLOOKUP($A50,városok!$A$2:$C$346,3,0)-VLOOKUP(BK$1,városok!$A$2:$C$346,3,0))^2)/1000,0)</f>
        <v>186</v>
      </c>
      <c r="BL50">
        <f ca="1">ROUND(SQRT((VLOOKUP($A50,városok!$A$2:$C$346,2,0)-VLOOKUP(BL$1,városok!$A$2:$C$346,2,0))^2+(VLOOKUP($A50,városok!$A$2:$C$346,3,0)-VLOOKUP(BL$1,városok!$A$2:$C$346,3,0))^2)/1000,0)</f>
        <v>337</v>
      </c>
      <c r="BM50">
        <f ca="1">ROUND(SQRT((VLOOKUP($A50,városok!$A$2:$C$346,2,0)-VLOOKUP(BM$1,városok!$A$2:$C$346,2,0))^2+(VLOOKUP($A50,városok!$A$2:$C$346,3,0)-VLOOKUP(BM$1,városok!$A$2:$C$346,3,0))^2)/1000,0)</f>
        <v>315</v>
      </c>
      <c r="BN50">
        <f ca="1">ROUND(SQRT((VLOOKUP($A50,városok!$A$2:$C$346,2,0)-VLOOKUP(BN$1,városok!$A$2:$C$346,2,0))^2+(VLOOKUP($A50,városok!$A$2:$C$346,3,0)-VLOOKUP(BN$1,városok!$A$2:$C$346,3,0))^2)/1000,0)</f>
        <v>338</v>
      </c>
      <c r="BO50">
        <f ca="1">ROUND(SQRT((VLOOKUP($A50,városok!$A$2:$C$346,2,0)-VLOOKUP(BO$1,városok!$A$2:$C$346,2,0))^2+(VLOOKUP($A50,városok!$A$2:$C$346,3,0)-VLOOKUP(BO$1,városok!$A$2:$C$346,3,0))^2)/1000,0)</f>
        <v>231</v>
      </c>
      <c r="BP50">
        <f ca="1">ROUND(SQRT((VLOOKUP($A50,városok!$A$2:$C$346,2,0)-VLOOKUP(BP$1,városok!$A$2:$C$346,2,0))^2+(VLOOKUP($A50,városok!$A$2:$C$346,3,0)-VLOOKUP(BP$1,városok!$A$2:$C$346,3,0))^2)/1000,0)</f>
        <v>223</v>
      </c>
      <c r="BQ50">
        <f ca="1">ROUND(SQRT((VLOOKUP($A50,városok!$A$2:$C$346,2,0)-VLOOKUP(BQ$1,városok!$A$2:$C$346,2,0))^2+(VLOOKUP($A50,városok!$A$2:$C$346,3,0)-VLOOKUP(BQ$1,városok!$A$2:$C$346,3,0))^2)/1000,0)</f>
        <v>239</v>
      </c>
      <c r="BR50">
        <f ca="1">ROUND(SQRT((VLOOKUP($A50,városok!$A$2:$C$346,2,0)-VLOOKUP(BR$1,városok!$A$2:$C$346,2,0))^2+(VLOOKUP($A50,városok!$A$2:$C$346,3,0)-VLOOKUP(BR$1,városok!$A$2:$C$346,3,0))^2)/1000,0)</f>
        <v>288</v>
      </c>
      <c r="BS50">
        <f ca="1">ROUND(SQRT((VLOOKUP($A50,városok!$A$2:$C$346,2,0)-VLOOKUP(BS$1,városok!$A$2:$C$346,2,0))^2+(VLOOKUP($A50,városok!$A$2:$C$346,3,0)-VLOOKUP(BS$1,városok!$A$2:$C$346,3,0))^2)/1000,0)</f>
        <v>311</v>
      </c>
      <c r="BT50">
        <f ca="1">ROUND(SQRT((VLOOKUP($A50,városok!$A$2:$C$346,2,0)-VLOOKUP(BT$1,városok!$A$2:$C$346,2,0))^2+(VLOOKUP($A50,városok!$A$2:$C$346,3,0)-VLOOKUP(BT$1,városok!$A$2:$C$346,3,0))^2)/1000,0)</f>
        <v>319</v>
      </c>
    </row>
    <row r="51" spans="1:72" x14ac:dyDescent="0.2">
      <c r="A51" t="str">
        <f>városok!A51</f>
        <v>Mezőhegyes</v>
      </c>
      <c r="B51">
        <f ca="1">ROUND(SQRT((VLOOKUP($A51,városok!$A$2:$C$346,2,0)-VLOOKUP(B$1,városok!$A$2:$C$346,2,0))^2+(VLOOKUP($A51,városok!$A$2:$C$346,3,0)-VLOOKUP(B$1,városok!$A$2:$C$346,3,0))^2)/1000,0)</f>
        <v>144</v>
      </c>
      <c r="C51">
        <f ca="1">ROUND(SQRT((VLOOKUP($A51,városok!$A$2:$C$346,2,0)-VLOOKUP(C$1,városok!$A$2:$C$346,2,0))^2+(VLOOKUP($A51,városok!$A$2:$C$346,3,0)-VLOOKUP(C$1,városok!$A$2:$C$346,3,0))^2)/1000,0)</f>
        <v>143</v>
      </c>
      <c r="D51">
        <f ca="1">ROUND(SQRT((VLOOKUP($A51,városok!$A$2:$C$346,2,0)-VLOOKUP(D$1,városok!$A$2:$C$346,2,0))^2+(VLOOKUP($A51,városok!$A$2:$C$346,3,0)-VLOOKUP(D$1,városok!$A$2:$C$346,3,0))^2)/1000,0)</f>
        <v>109</v>
      </c>
      <c r="E51">
        <f ca="1">ROUND(SQRT((VLOOKUP($A51,városok!$A$2:$C$346,2,0)-VLOOKUP(E$1,városok!$A$2:$C$346,2,0))^2+(VLOOKUP($A51,városok!$A$2:$C$346,3,0)-VLOOKUP(E$1,városok!$A$2:$C$346,3,0))^2)/1000,0)</f>
        <v>197</v>
      </c>
      <c r="F51">
        <f ca="1">ROUND(SQRT((VLOOKUP($A51,városok!$A$2:$C$346,2,0)-VLOOKUP(F$1,városok!$A$2:$C$346,2,0))^2+(VLOOKUP($A51,városok!$A$2:$C$346,3,0)-VLOOKUP(F$1,városok!$A$2:$C$346,3,0))^2)/1000,0)</f>
        <v>168</v>
      </c>
      <c r="G51">
        <f ca="1">ROUND(SQRT((VLOOKUP($A51,városok!$A$2:$C$346,2,0)-VLOOKUP(G$1,városok!$A$2:$C$346,2,0))^2+(VLOOKUP($A51,városok!$A$2:$C$346,3,0)-VLOOKUP(G$1,városok!$A$2:$C$346,3,0))^2)/1000,0)</f>
        <v>200</v>
      </c>
      <c r="H51">
        <f ca="1">ROUND(SQRT((VLOOKUP($A51,városok!$A$2:$C$346,2,0)-VLOOKUP(H$1,városok!$A$2:$C$346,2,0))^2+(VLOOKUP($A51,városok!$A$2:$C$346,3,0)-VLOOKUP(H$1,városok!$A$2:$C$346,3,0))^2)/1000,0)</f>
        <v>235</v>
      </c>
      <c r="I51">
        <f ca="1">ROUND(SQRT((VLOOKUP($A51,városok!$A$2:$C$346,2,0)-VLOOKUP(I$1,városok!$A$2:$C$346,2,0))^2+(VLOOKUP($A51,városok!$A$2:$C$346,3,0)-VLOOKUP(I$1,városok!$A$2:$C$346,3,0))^2)/1000,0)</f>
        <v>45</v>
      </c>
      <c r="J51">
        <f ca="1">ROUND(SQRT((VLOOKUP($A51,városok!$A$2:$C$346,2,0)-VLOOKUP(J$1,városok!$A$2:$C$346,2,0))^2+(VLOOKUP($A51,városok!$A$2:$C$346,3,0)-VLOOKUP(J$1,városok!$A$2:$C$346,3,0))^2)/1000,0)</f>
        <v>51</v>
      </c>
      <c r="K51">
        <f ca="1">ROUND(SQRT((VLOOKUP($A51,városok!$A$2:$C$346,2,0)-VLOOKUP(K$1,városok!$A$2:$C$346,2,0))^2+(VLOOKUP($A51,városok!$A$2:$C$346,3,0)-VLOOKUP(K$1,városok!$A$2:$C$346,3,0))^2)/1000,0)</f>
        <v>30</v>
      </c>
      <c r="L51">
        <f ca="1">ROUND(SQRT((VLOOKUP($A51,városok!$A$2:$C$346,2,0)-VLOOKUP(L$1,városok!$A$2:$C$346,2,0))^2+(VLOOKUP($A51,városok!$A$2:$C$346,3,0)-VLOOKUP(L$1,városok!$A$2:$C$346,3,0))^2)/1000,0)</f>
        <v>216</v>
      </c>
      <c r="M51">
        <f ca="1">ROUND(SQRT((VLOOKUP($A51,városok!$A$2:$C$346,2,0)-VLOOKUP(M$1,városok!$A$2:$C$346,2,0))^2+(VLOOKUP($A51,városok!$A$2:$C$346,3,0)-VLOOKUP(M$1,városok!$A$2:$C$346,3,0))^2)/1000,0)</f>
        <v>199</v>
      </c>
      <c r="N51">
        <f ca="1">ROUND(SQRT((VLOOKUP($A51,városok!$A$2:$C$346,2,0)-VLOOKUP(N$1,városok!$A$2:$C$346,2,0))^2+(VLOOKUP($A51,városok!$A$2:$C$346,3,0)-VLOOKUP(N$1,városok!$A$2:$C$346,3,0))^2)/1000,0)</f>
        <v>216</v>
      </c>
      <c r="O51">
        <f ca="1">ROUND(SQRT((VLOOKUP($A51,városok!$A$2:$C$346,2,0)-VLOOKUP(O$1,városok!$A$2:$C$346,2,0))^2+(VLOOKUP($A51,városok!$A$2:$C$346,3,0)-VLOOKUP(O$1,városok!$A$2:$C$346,3,0))^2)/1000,0)</f>
        <v>240</v>
      </c>
      <c r="P51">
        <f ca="1">ROUND(SQRT((VLOOKUP($A51,városok!$A$2:$C$346,2,0)-VLOOKUP(P$1,városok!$A$2:$C$346,2,0))^2+(VLOOKUP($A51,városok!$A$2:$C$346,3,0)-VLOOKUP(P$1,városok!$A$2:$C$346,3,0))^2)/1000,0)</f>
        <v>240</v>
      </c>
      <c r="Q51">
        <f ca="1">ROUND(SQRT((VLOOKUP($A51,városok!$A$2:$C$346,2,0)-VLOOKUP(Q$1,városok!$A$2:$C$346,2,0))^2+(VLOOKUP($A51,városok!$A$2:$C$346,3,0)-VLOOKUP(Q$1,városok!$A$2:$C$346,3,0))^2)/1000,0)</f>
        <v>40</v>
      </c>
      <c r="R51">
        <f ca="1">ROUND(SQRT((VLOOKUP($A51,városok!$A$2:$C$346,2,0)-VLOOKUP(R$1,városok!$A$2:$C$346,2,0))^2+(VLOOKUP($A51,városok!$A$2:$C$346,3,0)-VLOOKUP(R$1,városok!$A$2:$C$346,3,0))^2)/1000,0)</f>
        <v>28</v>
      </c>
      <c r="S51">
        <f ca="1">ROUND(SQRT((VLOOKUP($A51,városok!$A$2:$C$346,2,0)-VLOOKUP(S$1,városok!$A$2:$C$346,2,0))^2+(VLOOKUP($A51,városok!$A$2:$C$346,3,0)-VLOOKUP(S$1,városok!$A$2:$C$346,3,0))^2)/1000,0)</f>
        <v>51</v>
      </c>
      <c r="T51">
        <f ca="1">ROUND(SQRT((VLOOKUP($A51,városok!$A$2:$C$346,2,0)-VLOOKUP(T$1,városok!$A$2:$C$346,2,0))^2+(VLOOKUP($A51,városok!$A$2:$C$346,3,0)-VLOOKUP(T$1,városok!$A$2:$C$346,3,0))^2)/1000,0)</f>
        <v>211</v>
      </c>
      <c r="U51">
        <f ca="1">ROUND(SQRT((VLOOKUP($A51,városok!$A$2:$C$346,2,0)-VLOOKUP(U$1,városok!$A$2:$C$346,2,0))^2+(VLOOKUP($A51,városok!$A$2:$C$346,3,0)-VLOOKUP(U$1,városok!$A$2:$C$346,3,0))^2)/1000,0)</f>
        <v>161</v>
      </c>
      <c r="V51">
        <f ca="1">ROUND(SQRT((VLOOKUP($A51,városok!$A$2:$C$346,2,0)-VLOOKUP(V$1,városok!$A$2:$C$346,2,0))^2+(VLOOKUP($A51,városok!$A$2:$C$346,3,0)-VLOOKUP(V$1,városok!$A$2:$C$346,3,0))^2)/1000,0)</f>
        <v>209</v>
      </c>
      <c r="W51">
        <f ca="1">ROUND(SQRT((VLOOKUP($A51,városok!$A$2:$C$346,2,0)-VLOOKUP(W$1,városok!$A$2:$C$346,2,0))^2+(VLOOKUP($A51,városok!$A$2:$C$346,3,0)-VLOOKUP(W$1,városok!$A$2:$C$346,3,0))^2)/1000,0)</f>
        <v>180</v>
      </c>
      <c r="X51">
        <f ca="1">ROUND(SQRT((VLOOKUP($A51,városok!$A$2:$C$346,2,0)-VLOOKUP(X$1,városok!$A$2:$C$346,2,0))^2+(VLOOKUP($A51,városok!$A$2:$C$346,3,0)-VLOOKUP(X$1,városok!$A$2:$C$346,3,0))^2)/1000,0)</f>
        <v>219</v>
      </c>
      <c r="Y51">
        <f ca="1">ROUND(SQRT((VLOOKUP($A51,városok!$A$2:$C$346,2,0)-VLOOKUP(Y$1,városok!$A$2:$C$346,2,0))^2+(VLOOKUP($A51,városok!$A$2:$C$346,3,0)-VLOOKUP(Y$1,városok!$A$2:$C$346,3,0))^2)/1000,0)</f>
        <v>286</v>
      </c>
      <c r="Z51">
        <f ca="1">ROUND(SQRT((VLOOKUP($A51,városok!$A$2:$C$346,2,0)-VLOOKUP(Z$1,városok!$A$2:$C$346,2,0))^2+(VLOOKUP($A51,városok!$A$2:$C$346,3,0)-VLOOKUP(Z$1,városok!$A$2:$C$346,3,0))^2)/1000,0)</f>
        <v>305</v>
      </c>
      <c r="AA51">
        <f ca="1">ROUND(SQRT((VLOOKUP($A51,városok!$A$2:$C$346,2,0)-VLOOKUP(AA$1,városok!$A$2:$C$346,2,0))^2+(VLOOKUP($A51,városok!$A$2:$C$346,3,0)-VLOOKUP(AA$1,városok!$A$2:$C$346,3,0))^2)/1000,0)</f>
        <v>356</v>
      </c>
      <c r="AB51">
        <f ca="1">ROUND(SQRT((VLOOKUP($A51,városok!$A$2:$C$346,2,0)-VLOOKUP(AB$1,városok!$A$2:$C$346,2,0))^2+(VLOOKUP($A51,városok!$A$2:$C$346,3,0)-VLOOKUP(AB$1,városok!$A$2:$C$346,3,0))^2)/1000,0)</f>
        <v>149</v>
      </c>
      <c r="AC51">
        <f ca="1">ROUND(SQRT((VLOOKUP($A51,városok!$A$2:$C$346,2,0)-VLOOKUP(AC$1,városok!$A$2:$C$346,2,0))^2+(VLOOKUP($A51,városok!$A$2:$C$346,3,0)-VLOOKUP(AC$1,városok!$A$2:$C$346,3,0))^2)/1000,0)</f>
        <v>133</v>
      </c>
      <c r="AD51">
        <f ca="1">ROUND(SQRT((VLOOKUP($A51,városok!$A$2:$C$346,2,0)-VLOOKUP(AD$1,városok!$A$2:$C$346,2,0))^2+(VLOOKUP($A51,városok!$A$2:$C$346,3,0)-VLOOKUP(AD$1,városok!$A$2:$C$346,3,0))^2)/1000,0)</f>
        <v>126</v>
      </c>
      <c r="AE51">
        <f ca="1">ROUND(SQRT((VLOOKUP($A51,városok!$A$2:$C$346,2,0)-VLOOKUP(AE$1,városok!$A$2:$C$346,2,0))^2+(VLOOKUP($A51,városok!$A$2:$C$346,3,0)-VLOOKUP(AE$1,városok!$A$2:$C$346,3,0))^2)/1000,0)</f>
        <v>111</v>
      </c>
      <c r="AF51">
        <f ca="1">ROUND(SQRT((VLOOKUP($A51,városok!$A$2:$C$346,2,0)-VLOOKUP(AF$1,városok!$A$2:$C$346,2,0))^2+(VLOOKUP($A51,városok!$A$2:$C$346,3,0)-VLOOKUP(AF$1,városok!$A$2:$C$346,3,0))^2)/1000,0)</f>
        <v>180</v>
      </c>
      <c r="AG51">
        <f ca="1">ROUND(SQRT((VLOOKUP($A51,városok!$A$2:$C$346,2,0)-VLOOKUP(AG$1,városok!$A$2:$C$346,2,0))^2+(VLOOKUP($A51,városok!$A$2:$C$346,3,0)-VLOOKUP(AG$1,városok!$A$2:$C$346,3,0))^2)/1000,0)</f>
        <v>177</v>
      </c>
      <c r="AH51">
        <f ca="1">ROUND(SQRT((VLOOKUP($A51,városok!$A$2:$C$346,2,0)-VLOOKUP(AH$1,városok!$A$2:$C$346,2,0))^2+(VLOOKUP($A51,városok!$A$2:$C$346,3,0)-VLOOKUP(AH$1,városok!$A$2:$C$346,3,0))^2)/1000,0)</f>
        <v>174</v>
      </c>
      <c r="AI51">
        <f ca="1">ROUND(SQRT((VLOOKUP($A51,városok!$A$2:$C$346,2,0)-VLOOKUP(AI$1,városok!$A$2:$C$346,2,0))^2+(VLOOKUP($A51,városok!$A$2:$C$346,3,0)-VLOOKUP(AI$1,városok!$A$2:$C$346,3,0))^2)/1000,0)</f>
        <v>197</v>
      </c>
      <c r="AJ51">
        <f ca="1">ROUND(SQRT((VLOOKUP($A51,városok!$A$2:$C$346,2,0)-VLOOKUP(AJ$1,városok!$A$2:$C$346,2,0))^2+(VLOOKUP($A51,városok!$A$2:$C$346,3,0)-VLOOKUP(AJ$1,városok!$A$2:$C$346,3,0))^2)/1000,0)</f>
        <v>161</v>
      </c>
      <c r="AK51">
        <f ca="1">ROUND(SQRT((VLOOKUP($A51,városok!$A$2:$C$346,2,0)-VLOOKUP(AK$1,városok!$A$2:$C$346,2,0))^2+(VLOOKUP($A51,városok!$A$2:$C$346,3,0)-VLOOKUP(AK$1,városok!$A$2:$C$346,3,0))^2)/1000,0)</f>
        <v>108</v>
      </c>
      <c r="AL51">
        <f ca="1">ROUND(SQRT((VLOOKUP($A51,városok!$A$2:$C$346,2,0)-VLOOKUP(AL$1,városok!$A$2:$C$346,2,0))^2+(VLOOKUP($A51,városok!$A$2:$C$346,3,0)-VLOOKUP(AL$1,városok!$A$2:$C$346,3,0))^2)/1000,0)</f>
        <v>118</v>
      </c>
      <c r="AM51">
        <f ca="1">ROUND(SQRT((VLOOKUP($A51,városok!$A$2:$C$346,2,0)-VLOOKUP(AM$1,városok!$A$2:$C$346,2,0))^2+(VLOOKUP($A51,városok!$A$2:$C$346,3,0)-VLOOKUP(AM$1,városok!$A$2:$C$346,3,0))^2)/1000,0)</f>
        <v>108</v>
      </c>
      <c r="AN51">
        <f ca="1">ROUND(SQRT((VLOOKUP($A51,városok!$A$2:$C$346,2,0)-VLOOKUP(AN$1,városok!$A$2:$C$346,2,0))^2+(VLOOKUP($A51,városok!$A$2:$C$346,3,0)-VLOOKUP(AN$1,városok!$A$2:$C$346,3,0))^2)/1000,0)</f>
        <v>227</v>
      </c>
      <c r="AO51">
        <f ca="1">ROUND(SQRT((VLOOKUP($A51,városok!$A$2:$C$346,2,0)-VLOOKUP(AO$1,városok!$A$2:$C$346,2,0))^2+(VLOOKUP($A51,városok!$A$2:$C$346,3,0)-VLOOKUP(AO$1,városok!$A$2:$C$346,3,0))^2)/1000,0)</f>
        <v>259</v>
      </c>
      <c r="AP51">
        <f ca="1">ROUND(SQRT((VLOOKUP($A51,városok!$A$2:$C$346,2,0)-VLOOKUP(AP$1,városok!$A$2:$C$346,2,0))^2+(VLOOKUP($A51,városok!$A$2:$C$346,3,0)-VLOOKUP(AP$1,városok!$A$2:$C$346,3,0))^2)/1000,0)</f>
        <v>240</v>
      </c>
      <c r="AQ51">
        <f ca="1">ROUND(SQRT((VLOOKUP($A51,városok!$A$2:$C$346,2,0)-VLOOKUP(AQ$1,városok!$A$2:$C$346,2,0))^2+(VLOOKUP($A51,városok!$A$2:$C$346,3,0)-VLOOKUP(AQ$1,városok!$A$2:$C$346,3,0))^2)/1000,0)</f>
        <v>230</v>
      </c>
      <c r="AR51">
        <f ca="1">ROUND(SQRT((VLOOKUP($A51,városok!$A$2:$C$346,2,0)-VLOOKUP(AR$1,városok!$A$2:$C$346,2,0))^2+(VLOOKUP($A51,városok!$A$2:$C$346,3,0)-VLOOKUP(AR$1,városok!$A$2:$C$346,3,0))^2)/1000,0)</f>
        <v>198</v>
      </c>
      <c r="AS51">
        <f ca="1">ROUND(SQRT((VLOOKUP($A51,városok!$A$2:$C$346,2,0)-VLOOKUP(AS$1,városok!$A$2:$C$346,2,0))^2+(VLOOKUP($A51,városok!$A$2:$C$346,3,0)-VLOOKUP(AS$1,városok!$A$2:$C$346,3,0))^2)/1000,0)</f>
        <v>214</v>
      </c>
      <c r="AT51">
        <f ca="1">ROUND(SQRT((VLOOKUP($A51,városok!$A$2:$C$346,2,0)-VLOOKUP(AT$1,városok!$A$2:$C$346,2,0))^2+(VLOOKUP($A51,városok!$A$2:$C$346,3,0)-VLOOKUP(AT$1,városok!$A$2:$C$346,3,0))^2)/1000,0)</f>
        <v>199</v>
      </c>
      <c r="AU51">
        <f ca="1">ROUND(SQRT((VLOOKUP($A51,városok!$A$2:$C$346,2,0)-VLOOKUP(AU$1,városok!$A$2:$C$346,2,0))^2+(VLOOKUP($A51,városok!$A$2:$C$346,3,0)-VLOOKUP(AU$1,városok!$A$2:$C$346,3,0))^2)/1000,0)</f>
        <v>190</v>
      </c>
      <c r="AV51">
        <f ca="1">ROUND(SQRT((VLOOKUP($A51,városok!$A$2:$C$346,2,0)-VLOOKUP(AV$1,városok!$A$2:$C$346,2,0))^2+(VLOOKUP($A51,városok!$A$2:$C$346,3,0)-VLOOKUP(AV$1,városok!$A$2:$C$346,3,0))^2)/1000,0)</f>
        <v>187</v>
      </c>
      <c r="AW51">
        <f ca="1">ROUND(SQRT((VLOOKUP($A51,városok!$A$2:$C$346,2,0)-VLOOKUP(AW$1,városok!$A$2:$C$346,2,0))^2+(VLOOKUP($A51,városok!$A$2:$C$346,3,0)-VLOOKUP(AW$1,városok!$A$2:$C$346,3,0))^2)/1000,0)</f>
        <v>189</v>
      </c>
      <c r="AX51">
        <f ca="1">ROUND(SQRT((VLOOKUP($A51,városok!$A$2:$C$346,2,0)-VLOOKUP(AX$1,városok!$A$2:$C$346,2,0))^2+(VLOOKUP($A51,városok!$A$2:$C$346,3,0)-VLOOKUP(AX$1,városok!$A$2:$C$346,3,0))^2)/1000,0)</f>
        <v>112</v>
      </c>
      <c r="AY51">
        <f ca="1">ROUND(SQRT((VLOOKUP($A51,városok!$A$2:$C$346,2,0)-VLOOKUP(AY$1,városok!$A$2:$C$346,2,0))^2+(VLOOKUP($A51,városok!$A$2:$C$346,3,0)-VLOOKUP(AY$1,városok!$A$2:$C$346,3,0))^2)/1000,0)</f>
        <v>202</v>
      </c>
      <c r="AZ51">
        <f ca="1">ROUND(SQRT((VLOOKUP($A51,városok!$A$2:$C$346,2,0)-VLOOKUP(AZ$1,városok!$A$2:$C$346,2,0))^2+(VLOOKUP($A51,városok!$A$2:$C$346,3,0)-VLOOKUP(AZ$1,városok!$A$2:$C$346,3,0))^2)/1000,0)</f>
        <v>215</v>
      </c>
      <c r="BA51">
        <f ca="1">ROUND(SQRT((VLOOKUP($A51,városok!$A$2:$C$346,2,0)-VLOOKUP(BA$1,városok!$A$2:$C$346,2,0))^2+(VLOOKUP($A51,városok!$A$2:$C$346,3,0)-VLOOKUP(BA$1,városok!$A$2:$C$346,3,0))^2)/1000,0)</f>
        <v>244</v>
      </c>
      <c r="BB51">
        <f ca="1">ROUND(SQRT((VLOOKUP($A51,városok!$A$2:$C$346,2,0)-VLOOKUP(BB$1,városok!$A$2:$C$346,2,0))^2+(VLOOKUP($A51,városok!$A$2:$C$346,3,0)-VLOOKUP(BB$1,városok!$A$2:$C$346,3,0))^2)/1000,0)</f>
        <v>222</v>
      </c>
      <c r="BC51">
        <f ca="1">ROUND(SQRT((VLOOKUP($A51,városok!$A$2:$C$346,2,0)-VLOOKUP(BC$1,városok!$A$2:$C$346,2,0))^2+(VLOOKUP($A51,városok!$A$2:$C$346,3,0)-VLOOKUP(BC$1,városok!$A$2:$C$346,3,0))^2)/1000,0)</f>
        <v>232</v>
      </c>
      <c r="BD51">
        <f ca="1">ROUND(SQRT((VLOOKUP($A51,városok!$A$2:$C$346,2,0)-VLOOKUP(BD$1,városok!$A$2:$C$346,2,0))^2+(VLOOKUP($A51,városok!$A$2:$C$346,3,0)-VLOOKUP(BD$1,városok!$A$2:$C$346,3,0))^2)/1000,0)</f>
        <v>221</v>
      </c>
      <c r="BE51">
        <f ca="1">ROUND(SQRT((VLOOKUP($A51,városok!$A$2:$C$346,2,0)-VLOOKUP(BE$1,városok!$A$2:$C$346,2,0))^2+(VLOOKUP($A51,városok!$A$2:$C$346,3,0)-VLOOKUP(BE$1,városok!$A$2:$C$346,3,0))^2)/1000,0)</f>
        <v>220</v>
      </c>
      <c r="BF51">
        <f ca="1">ROUND(SQRT((VLOOKUP($A51,városok!$A$2:$C$346,2,0)-VLOOKUP(BF$1,városok!$A$2:$C$346,2,0))^2+(VLOOKUP($A51,városok!$A$2:$C$346,3,0)-VLOOKUP(BF$1,városok!$A$2:$C$346,3,0))^2)/1000,0)</f>
        <v>233</v>
      </c>
      <c r="BG51">
        <f ca="1">ROUND(SQRT((VLOOKUP($A51,városok!$A$2:$C$346,2,0)-VLOOKUP(BG$1,városok!$A$2:$C$346,2,0))^2+(VLOOKUP($A51,városok!$A$2:$C$346,3,0)-VLOOKUP(BG$1,városok!$A$2:$C$346,3,0))^2)/1000,0)</f>
        <v>207</v>
      </c>
      <c r="BH51">
        <f ca="1">ROUND(SQRT((VLOOKUP($A51,városok!$A$2:$C$346,2,0)-VLOOKUP(BH$1,városok!$A$2:$C$346,2,0))^2+(VLOOKUP($A51,városok!$A$2:$C$346,3,0)-VLOOKUP(BH$1,városok!$A$2:$C$346,3,0))^2)/1000,0)</f>
        <v>207</v>
      </c>
      <c r="BI51">
        <f ca="1">ROUND(SQRT((VLOOKUP($A51,városok!$A$2:$C$346,2,0)-VLOOKUP(BI$1,városok!$A$2:$C$346,2,0))^2+(VLOOKUP($A51,városok!$A$2:$C$346,3,0)-VLOOKUP(BI$1,városok!$A$2:$C$346,3,0))^2)/1000,0)</f>
        <v>169</v>
      </c>
      <c r="BJ51">
        <f ca="1">ROUND(SQRT((VLOOKUP($A51,városok!$A$2:$C$346,2,0)-VLOOKUP(BJ$1,városok!$A$2:$C$346,2,0))^2+(VLOOKUP($A51,városok!$A$2:$C$346,3,0)-VLOOKUP(BJ$1,városok!$A$2:$C$346,3,0))^2)/1000,0)</f>
        <v>182</v>
      </c>
      <c r="BK51">
        <f ca="1">ROUND(SQRT((VLOOKUP($A51,városok!$A$2:$C$346,2,0)-VLOOKUP(BK$1,városok!$A$2:$C$346,2,0))^2+(VLOOKUP($A51,városok!$A$2:$C$346,3,0)-VLOOKUP(BK$1,városok!$A$2:$C$346,3,0))^2)/1000,0)</f>
        <v>163</v>
      </c>
      <c r="BL51">
        <f ca="1">ROUND(SQRT((VLOOKUP($A51,városok!$A$2:$C$346,2,0)-VLOOKUP(BL$1,városok!$A$2:$C$346,2,0))^2+(VLOOKUP($A51,városok!$A$2:$C$346,3,0)-VLOOKUP(BL$1,városok!$A$2:$C$346,3,0))^2)/1000,0)</f>
        <v>331</v>
      </c>
      <c r="BM51">
        <f ca="1">ROUND(SQRT((VLOOKUP($A51,városok!$A$2:$C$346,2,0)-VLOOKUP(BM$1,városok!$A$2:$C$346,2,0))^2+(VLOOKUP($A51,városok!$A$2:$C$346,3,0)-VLOOKUP(BM$1,városok!$A$2:$C$346,3,0))^2)/1000,0)</f>
        <v>314</v>
      </c>
      <c r="BN51">
        <f ca="1">ROUND(SQRT((VLOOKUP($A51,városok!$A$2:$C$346,2,0)-VLOOKUP(BN$1,városok!$A$2:$C$346,2,0))^2+(VLOOKUP($A51,városok!$A$2:$C$346,3,0)-VLOOKUP(BN$1,városok!$A$2:$C$346,3,0))^2)/1000,0)</f>
        <v>336</v>
      </c>
      <c r="BO51">
        <f ca="1">ROUND(SQRT((VLOOKUP($A51,városok!$A$2:$C$346,2,0)-VLOOKUP(BO$1,városok!$A$2:$C$346,2,0))^2+(VLOOKUP($A51,városok!$A$2:$C$346,3,0)-VLOOKUP(BO$1,városok!$A$2:$C$346,3,0))^2)/1000,0)</f>
        <v>229</v>
      </c>
      <c r="BP51">
        <f ca="1">ROUND(SQRT((VLOOKUP($A51,városok!$A$2:$C$346,2,0)-VLOOKUP(BP$1,városok!$A$2:$C$346,2,0))^2+(VLOOKUP($A51,városok!$A$2:$C$346,3,0)-VLOOKUP(BP$1,városok!$A$2:$C$346,3,0))^2)/1000,0)</f>
        <v>222</v>
      </c>
      <c r="BQ51">
        <f ca="1">ROUND(SQRT((VLOOKUP($A51,városok!$A$2:$C$346,2,0)-VLOOKUP(BQ$1,városok!$A$2:$C$346,2,0))^2+(VLOOKUP($A51,városok!$A$2:$C$346,3,0)-VLOOKUP(BQ$1,városok!$A$2:$C$346,3,0))^2)/1000,0)</f>
        <v>238</v>
      </c>
      <c r="BR51">
        <f ca="1">ROUND(SQRT((VLOOKUP($A51,városok!$A$2:$C$346,2,0)-VLOOKUP(BR$1,városok!$A$2:$C$346,2,0))^2+(VLOOKUP($A51,városok!$A$2:$C$346,3,0)-VLOOKUP(BR$1,városok!$A$2:$C$346,3,0))^2)/1000,0)</f>
        <v>278</v>
      </c>
      <c r="BS51">
        <f ca="1">ROUND(SQRT((VLOOKUP($A51,városok!$A$2:$C$346,2,0)-VLOOKUP(BS$1,városok!$A$2:$C$346,2,0))^2+(VLOOKUP($A51,városok!$A$2:$C$346,3,0)-VLOOKUP(BS$1,városok!$A$2:$C$346,3,0))^2)/1000,0)</f>
        <v>294</v>
      </c>
      <c r="BT51">
        <f ca="1">ROUND(SQRT((VLOOKUP($A51,városok!$A$2:$C$346,2,0)-VLOOKUP(BT$1,városok!$A$2:$C$346,2,0))^2+(VLOOKUP($A51,városok!$A$2:$C$346,3,0)-VLOOKUP(BT$1,városok!$A$2:$C$346,3,0))^2)/1000,0)</f>
        <v>310</v>
      </c>
    </row>
    <row r="52" spans="1:72" x14ac:dyDescent="0.2">
      <c r="A52" t="str">
        <f>városok!A52</f>
        <v>Mezőkovácsháza</v>
      </c>
      <c r="B52">
        <f ca="1">ROUND(SQRT((VLOOKUP($A52,városok!$A$2:$C$346,2,0)-VLOOKUP(B$1,városok!$A$2:$C$346,2,0))^2+(VLOOKUP($A52,városok!$A$2:$C$346,3,0)-VLOOKUP(B$1,városok!$A$2:$C$346,3,0))^2)/1000,0)</f>
        <v>152</v>
      </c>
      <c r="C52">
        <f ca="1">ROUND(SQRT((VLOOKUP($A52,városok!$A$2:$C$346,2,0)-VLOOKUP(C$1,városok!$A$2:$C$346,2,0))^2+(VLOOKUP($A52,városok!$A$2:$C$346,3,0)-VLOOKUP(C$1,városok!$A$2:$C$346,3,0))^2)/1000,0)</f>
        <v>149</v>
      </c>
      <c r="D52">
        <f ca="1">ROUND(SQRT((VLOOKUP($A52,városok!$A$2:$C$346,2,0)-VLOOKUP(D$1,városok!$A$2:$C$346,2,0))^2+(VLOOKUP($A52,városok!$A$2:$C$346,3,0)-VLOOKUP(D$1,városok!$A$2:$C$346,3,0))^2)/1000,0)</f>
        <v>108</v>
      </c>
      <c r="E52">
        <f ca="1">ROUND(SQRT((VLOOKUP($A52,városok!$A$2:$C$346,2,0)-VLOOKUP(E$1,városok!$A$2:$C$346,2,0))^2+(VLOOKUP($A52,városok!$A$2:$C$346,3,0)-VLOOKUP(E$1,városok!$A$2:$C$346,3,0))^2)/1000,0)</f>
        <v>205</v>
      </c>
      <c r="F52">
        <f ca="1">ROUND(SQRT((VLOOKUP($A52,városok!$A$2:$C$346,2,0)-VLOOKUP(F$1,városok!$A$2:$C$346,2,0))^2+(VLOOKUP($A52,városok!$A$2:$C$346,3,0)-VLOOKUP(F$1,városok!$A$2:$C$346,3,0))^2)/1000,0)</f>
        <v>178</v>
      </c>
      <c r="G52">
        <f ca="1">ROUND(SQRT((VLOOKUP($A52,városok!$A$2:$C$346,2,0)-VLOOKUP(G$1,városok!$A$2:$C$346,2,0))^2+(VLOOKUP($A52,városok!$A$2:$C$346,3,0)-VLOOKUP(G$1,városok!$A$2:$C$346,3,0))^2)/1000,0)</f>
        <v>209</v>
      </c>
      <c r="H52">
        <f ca="1">ROUND(SQRT((VLOOKUP($A52,városok!$A$2:$C$346,2,0)-VLOOKUP(H$1,városok!$A$2:$C$346,2,0))^2+(VLOOKUP($A52,városok!$A$2:$C$346,3,0)-VLOOKUP(H$1,városok!$A$2:$C$346,3,0))^2)/1000,0)</f>
        <v>243</v>
      </c>
      <c r="I52">
        <f ca="1">ROUND(SQRT((VLOOKUP($A52,városok!$A$2:$C$346,2,0)-VLOOKUP(I$1,városok!$A$2:$C$346,2,0))^2+(VLOOKUP($A52,városok!$A$2:$C$346,3,0)-VLOOKUP(I$1,városok!$A$2:$C$346,3,0))^2)/1000,0)</f>
        <v>32</v>
      </c>
      <c r="J52">
        <f ca="1">ROUND(SQRT((VLOOKUP($A52,városok!$A$2:$C$346,2,0)-VLOOKUP(J$1,városok!$A$2:$C$346,2,0))^2+(VLOOKUP($A52,városok!$A$2:$C$346,3,0)-VLOOKUP(J$1,városok!$A$2:$C$346,3,0))^2)/1000,0)</f>
        <v>38</v>
      </c>
      <c r="K52">
        <f ca="1">ROUND(SQRT((VLOOKUP($A52,városok!$A$2:$C$346,2,0)-VLOOKUP(K$1,városok!$A$2:$C$346,2,0))^2+(VLOOKUP($A52,városok!$A$2:$C$346,3,0)-VLOOKUP(K$1,városok!$A$2:$C$346,3,0))^2)/1000,0)</f>
        <v>25</v>
      </c>
      <c r="L52">
        <f ca="1">ROUND(SQRT((VLOOKUP($A52,városok!$A$2:$C$346,2,0)-VLOOKUP(L$1,városok!$A$2:$C$346,2,0))^2+(VLOOKUP($A52,városok!$A$2:$C$346,3,0)-VLOOKUP(L$1,városok!$A$2:$C$346,3,0))^2)/1000,0)</f>
        <v>206</v>
      </c>
      <c r="M52">
        <f ca="1">ROUND(SQRT((VLOOKUP($A52,városok!$A$2:$C$346,2,0)-VLOOKUP(M$1,városok!$A$2:$C$346,2,0))^2+(VLOOKUP($A52,városok!$A$2:$C$346,3,0)-VLOOKUP(M$1,városok!$A$2:$C$346,3,0))^2)/1000,0)</f>
        <v>188</v>
      </c>
      <c r="N52">
        <f ca="1">ROUND(SQRT((VLOOKUP($A52,városok!$A$2:$C$346,2,0)-VLOOKUP(N$1,városok!$A$2:$C$346,2,0))^2+(VLOOKUP($A52,városok!$A$2:$C$346,3,0)-VLOOKUP(N$1,városok!$A$2:$C$346,3,0))^2)/1000,0)</f>
        <v>207</v>
      </c>
      <c r="O52">
        <f ca="1">ROUND(SQRT((VLOOKUP($A52,városok!$A$2:$C$346,2,0)-VLOOKUP(O$1,városok!$A$2:$C$346,2,0))^2+(VLOOKUP($A52,városok!$A$2:$C$346,3,0)-VLOOKUP(O$1,városok!$A$2:$C$346,3,0))^2)/1000,0)</f>
        <v>228</v>
      </c>
      <c r="P52">
        <f ca="1">ROUND(SQRT((VLOOKUP($A52,városok!$A$2:$C$346,2,0)-VLOOKUP(P$1,városok!$A$2:$C$346,2,0))^2+(VLOOKUP($A52,városok!$A$2:$C$346,3,0)-VLOOKUP(P$1,városok!$A$2:$C$346,3,0))^2)/1000,0)</f>
        <v>228</v>
      </c>
      <c r="Q52">
        <f ca="1">ROUND(SQRT((VLOOKUP($A52,városok!$A$2:$C$346,2,0)-VLOOKUP(Q$1,városok!$A$2:$C$346,2,0))^2+(VLOOKUP($A52,városok!$A$2:$C$346,3,0)-VLOOKUP(Q$1,városok!$A$2:$C$346,3,0))^2)/1000,0)</f>
        <v>45</v>
      </c>
      <c r="R52">
        <f ca="1">ROUND(SQRT((VLOOKUP($A52,városok!$A$2:$C$346,2,0)-VLOOKUP(R$1,városok!$A$2:$C$346,2,0))^2+(VLOOKUP($A52,városok!$A$2:$C$346,3,0)-VLOOKUP(R$1,városok!$A$2:$C$346,3,0))^2)/1000,0)</f>
        <v>40</v>
      </c>
      <c r="S52">
        <f ca="1">ROUND(SQRT((VLOOKUP($A52,városok!$A$2:$C$346,2,0)-VLOOKUP(S$1,városok!$A$2:$C$346,2,0))^2+(VLOOKUP($A52,városok!$A$2:$C$346,3,0)-VLOOKUP(S$1,városok!$A$2:$C$346,3,0))^2)/1000,0)</f>
        <v>60</v>
      </c>
      <c r="T52">
        <f ca="1">ROUND(SQRT((VLOOKUP($A52,városok!$A$2:$C$346,2,0)-VLOOKUP(T$1,városok!$A$2:$C$346,2,0))^2+(VLOOKUP($A52,városok!$A$2:$C$346,3,0)-VLOOKUP(T$1,városok!$A$2:$C$346,3,0))^2)/1000,0)</f>
        <v>211</v>
      </c>
      <c r="U52">
        <f ca="1">ROUND(SQRT((VLOOKUP($A52,városok!$A$2:$C$346,2,0)-VLOOKUP(U$1,városok!$A$2:$C$346,2,0))^2+(VLOOKUP($A52,városok!$A$2:$C$346,3,0)-VLOOKUP(U$1,városok!$A$2:$C$346,3,0))^2)/1000,0)</f>
        <v>163</v>
      </c>
      <c r="V52">
        <f ca="1">ROUND(SQRT((VLOOKUP($A52,városok!$A$2:$C$346,2,0)-VLOOKUP(V$1,városok!$A$2:$C$346,2,0))^2+(VLOOKUP($A52,városok!$A$2:$C$346,3,0)-VLOOKUP(V$1,városok!$A$2:$C$346,3,0))^2)/1000,0)</f>
        <v>212</v>
      </c>
      <c r="W52">
        <f ca="1">ROUND(SQRT((VLOOKUP($A52,városok!$A$2:$C$346,2,0)-VLOOKUP(W$1,városok!$A$2:$C$346,2,0))^2+(VLOOKUP($A52,városok!$A$2:$C$346,3,0)-VLOOKUP(W$1,városok!$A$2:$C$346,3,0))^2)/1000,0)</f>
        <v>183</v>
      </c>
      <c r="X52">
        <f ca="1">ROUND(SQRT((VLOOKUP($A52,városok!$A$2:$C$346,2,0)-VLOOKUP(X$1,városok!$A$2:$C$346,2,0))^2+(VLOOKUP($A52,városok!$A$2:$C$346,3,0)-VLOOKUP(X$1,városok!$A$2:$C$346,3,0))^2)/1000,0)</f>
        <v>220</v>
      </c>
      <c r="Y52">
        <f ca="1">ROUND(SQRT((VLOOKUP($A52,városok!$A$2:$C$346,2,0)-VLOOKUP(Y$1,városok!$A$2:$C$346,2,0))^2+(VLOOKUP($A52,városok!$A$2:$C$346,3,0)-VLOOKUP(Y$1,városok!$A$2:$C$346,3,0))^2)/1000,0)</f>
        <v>286</v>
      </c>
      <c r="Z52">
        <f ca="1">ROUND(SQRT((VLOOKUP($A52,városok!$A$2:$C$346,2,0)-VLOOKUP(Z$1,városok!$A$2:$C$346,2,0))^2+(VLOOKUP($A52,városok!$A$2:$C$346,3,0)-VLOOKUP(Z$1,városok!$A$2:$C$346,3,0))^2)/1000,0)</f>
        <v>305</v>
      </c>
      <c r="AA52">
        <f ca="1">ROUND(SQRT((VLOOKUP($A52,városok!$A$2:$C$346,2,0)-VLOOKUP(AA$1,városok!$A$2:$C$346,2,0))^2+(VLOOKUP($A52,városok!$A$2:$C$346,3,0)-VLOOKUP(AA$1,városok!$A$2:$C$346,3,0))^2)/1000,0)</f>
        <v>358</v>
      </c>
      <c r="AB52">
        <f ca="1">ROUND(SQRT((VLOOKUP($A52,városok!$A$2:$C$346,2,0)-VLOOKUP(AB$1,városok!$A$2:$C$346,2,0))^2+(VLOOKUP($A52,városok!$A$2:$C$346,3,0)-VLOOKUP(AB$1,városok!$A$2:$C$346,3,0))^2)/1000,0)</f>
        <v>136</v>
      </c>
      <c r="AC52">
        <f ca="1">ROUND(SQRT((VLOOKUP($A52,városok!$A$2:$C$346,2,0)-VLOOKUP(AC$1,városok!$A$2:$C$346,2,0))^2+(VLOOKUP($A52,városok!$A$2:$C$346,3,0)-VLOOKUP(AC$1,városok!$A$2:$C$346,3,0))^2)/1000,0)</f>
        <v>121</v>
      </c>
      <c r="AD52">
        <f ca="1">ROUND(SQRT((VLOOKUP($A52,városok!$A$2:$C$346,2,0)-VLOOKUP(AD$1,városok!$A$2:$C$346,2,0))^2+(VLOOKUP($A52,városok!$A$2:$C$346,3,0)-VLOOKUP(AD$1,városok!$A$2:$C$346,3,0))^2)/1000,0)</f>
        <v>115</v>
      </c>
      <c r="AE52">
        <f ca="1">ROUND(SQRT((VLOOKUP($A52,városok!$A$2:$C$346,2,0)-VLOOKUP(AE$1,városok!$A$2:$C$346,2,0))^2+(VLOOKUP($A52,városok!$A$2:$C$346,3,0)-VLOOKUP(AE$1,városok!$A$2:$C$346,3,0))^2)/1000,0)</f>
        <v>99</v>
      </c>
      <c r="AF52">
        <f ca="1">ROUND(SQRT((VLOOKUP($A52,városok!$A$2:$C$346,2,0)-VLOOKUP(AF$1,városok!$A$2:$C$346,2,0))^2+(VLOOKUP($A52,városok!$A$2:$C$346,3,0)-VLOOKUP(AF$1,városok!$A$2:$C$346,3,0))^2)/1000,0)</f>
        <v>171</v>
      </c>
      <c r="AG52">
        <f ca="1">ROUND(SQRT((VLOOKUP($A52,városok!$A$2:$C$346,2,0)-VLOOKUP(AG$1,városok!$A$2:$C$346,2,0))^2+(VLOOKUP($A52,városok!$A$2:$C$346,3,0)-VLOOKUP(AG$1,városok!$A$2:$C$346,3,0))^2)/1000,0)</f>
        <v>170</v>
      </c>
      <c r="AH52">
        <f ca="1">ROUND(SQRT((VLOOKUP($A52,városok!$A$2:$C$346,2,0)-VLOOKUP(AH$1,városok!$A$2:$C$346,2,0))^2+(VLOOKUP($A52,városok!$A$2:$C$346,3,0)-VLOOKUP(AH$1,városok!$A$2:$C$346,3,0))^2)/1000,0)</f>
        <v>168</v>
      </c>
      <c r="AI52">
        <f ca="1">ROUND(SQRT((VLOOKUP($A52,városok!$A$2:$C$346,2,0)-VLOOKUP(AI$1,városok!$A$2:$C$346,2,0))^2+(VLOOKUP($A52,városok!$A$2:$C$346,3,0)-VLOOKUP(AI$1,városok!$A$2:$C$346,3,0))^2)/1000,0)</f>
        <v>189</v>
      </c>
      <c r="AJ52">
        <f ca="1">ROUND(SQRT((VLOOKUP($A52,városok!$A$2:$C$346,2,0)-VLOOKUP(AJ$1,városok!$A$2:$C$346,2,0))^2+(VLOOKUP($A52,városok!$A$2:$C$346,3,0)-VLOOKUP(AJ$1,városok!$A$2:$C$346,3,0))^2)/1000,0)</f>
        <v>154</v>
      </c>
      <c r="AK52">
        <f ca="1">ROUND(SQRT((VLOOKUP($A52,városok!$A$2:$C$346,2,0)-VLOOKUP(AK$1,városok!$A$2:$C$346,2,0))^2+(VLOOKUP($A52,városok!$A$2:$C$346,3,0)-VLOOKUP(AK$1,városok!$A$2:$C$346,3,0))^2)/1000,0)</f>
        <v>97</v>
      </c>
      <c r="AL52">
        <f ca="1">ROUND(SQRT((VLOOKUP($A52,városok!$A$2:$C$346,2,0)-VLOOKUP(AL$1,városok!$A$2:$C$346,2,0))^2+(VLOOKUP($A52,városok!$A$2:$C$346,3,0)-VLOOKUP(AL$1,városok!$A$2:$C$346,3,0))^2)/1000,0)</f>
        <v>108</v>
      </c>
      <c r="AM52">
        <f ca="1">ROUND(SQRT((VLOOKUP($A52,városok!$A$2:$C$346,2,0)-VLOOKUP(AM$1,városok!$A$2:$C$346,2,0))^2+(VLOOKUP($A52,városok!$A$2:$C$346,3,0)-VLOOKUP(AM$1,városok!$A$2:$C$346,3,0))^2)/1000,0)</f>
        <v>102</v>
      </c>
      <c r="AN52">
        <f ca="1">ROUND(SQRT((VLOOKUP($A52,városok!$A$2:$C$346,2,0)-VLOOKUP(AN$1,városok!$A$2:$C$346,2,0))^2+(VLOOKUP($A52,városok!$A$2:$C$346,3,0)-VLOOKUP(AN$1,városok!$A$2:$C$346,3,0))^2)/1000,0)</f>
        <v>225</v>
      </c>
      <c r="AO52">
        <f ca="1">ROUND(SQRT((VLOOKUP($A52,városok!$A$2:$C$346,2,0)-VLOOKUP(AO$1,városok!$A$2:$C$346,2,0))^2+(VLOOKUP($A52,városok!$A$2:$C$346,3,0)-VLOOKUP(AO$1,városok!$A$2:$C$346,3,0))^2)/1000,0)</f>
        <v>258</v>
      </c>
      <c r="AP52">
        <f ca="1">ROUND(SQRT((VLOOKUP($A52,városok!$A$2:$C$346,2,0)-VLOOKUP(AP$1,városok!$A$2:$C$346,2,0))^2+(VLOOKUP($A52,városok!$A$2:$C$346,3,0)-VLOOKUP(AP$1,városok!$A$2:$C$346,3,0))^2)/1000,0)</f>
        <v>239</v>
      </c>
      <c r="AQ52">
        <f ca="1">ROUND(SQRT((VLOOKUP($A52,városok!$A$2:$C$346,2,0)-VLOOKUP(AQ$1,városok!$A$2:$C$346,2,0))^2+(VLOOKUP($A52,városok!$A$2:$C$346,3,0)-VLOOKUP(AQ$1,városok!$A$2:$C$346,3,0))^2)/1000,0)</f>
        <v>230</v>
      </c>
      <c r="AR52">
        <f ca="1">ROUND(SQRT((VLOOKUP($A52,városok!$A$2:$C$346,2,0)-VLOOKUP(AR$1,városok!$A$2:$C$346,2,0))^2+(VLOOKUP($A52,városok!$A$2:$C$346,3,0)-VLOOKUP(AR$1,városok!$A$2:$C$346,3,0))^2)/1000,0)</f>
        <v>191</v>
      </c>
      <c r="AS52">
        <f ca="1">ROUND(SQRT((VLOOKUP($A52,városok!$A$2:$C$346,2,0)-VLOOKUP(AS$1,városok!$A$2:$C$346,2,0))^2+(VLOOKUP($A52,városok!$A$2:$C$346,3,0)-VLOOKUP(AS$1,városok!$A$2:$C$346,3,0))^2)/1000,0)</f>
        <v>206</v>
      </c>
      <c r="AT52">
        <f ca="1">ROUND(SQRT((VLOOKUP($A52,városok!$A$2:$C$346,2,0)-VLOOKUP(AT$1,városok!$A$2:$C$346,2,0))^2+(VLOOKUP($A52,városok!$A$2:$C$346,3,0)-VLOOKUP(AT$1,városok!$A$2:$C$346,3,0))^2)/1000,0)</f>
        <v>198</v>
      </c>
      <c r="AU52">
        <f ca="1">ROUND(SQRT((VLOOKUP($A52,városok!$A$2:$C$346,2,0)-VLOOKUP(AU$1,városok!$A$2:$C$346,2,0))^2+(VLOOKUP($A52,városok!$A$2:$C$346,3,0)-VLOOKUP(AU$1,városok!$A$2:$C$346,3,0))^2)/1000,0)</f>
        <v>189</v>
      </c>
      <c r="AV52">
        <f ca="1">ROUND(SQRT((VLOOKUP($A52,városok!$A$2:$C$346,2,0)-VLOOKUP(AV$1,városok!$A$2:$C$346,2,0))^2+(VLOOKUP($A52,városok!$A$2:$C$346,3,0)-VLOOKUP(AV$1,városok!$A$2:$C$346,3,0))^2)/1000,0)</f>
        <v>186</v>
      </c>
      <c r="AW52">
        <f ca="1">ROUND(SQRT((VLOOKUP($A52,városok!$A$2:$C$346,2,0)-VLOOKUP(AW$1,városok!$A$2:$C$346,2,0))^2+(VLOOKUP($A52,városok!$A$2:$C$346,3,0)-VLOOKUP(AW$1,városok!$A$2:$C$346,3,0))^2)/1000,0)</f>
        <v>188</v>
      </c>
      <c r="AX52">
        <f ca="1">ROUND(SQRT((VLOOKUP($A52,városok!$A$2:$C$346,2,0)-VLOOKUP(AX$1,városok!$A$2:$C$346,2,0))^2+(VLOOKUP($A52,városok!$A$2:$C$346,3,0)-VLOOKUP(AX$1,városok!$A$2:$C$346,3,0))^2)/1000,0)</f>
        <v>110</v>
      </c>
      <c r="AY52">
        <f ca="1">ROUND(SQRT((VLOOKUP($A52,városok!$A$2:$C$346,2,0)-VLOOKUP(AY$1,városok!$A$2:$C$346,2,0))^2+(VLOOKUP($A52,városok!$A$2:$C$346,3,0)-VLOOKUP(AY$1,városok!$A$2:$C$346,3,0))^2)/1000,0)</f>
        <v>199</v>
      </c>
      <c r="AZ52">
        <f ca="1">ROUND(SQRT((VLOOKUP($A52,városok!$A$2:$C$346,2,0)-VLOOKUP(AZ$1,városok!$A$2:$C$346,2,0))^2+(VLOOKUP($A52,városok!$A$2:$C$346,3,0)-VLOOKUP(AZ$1,városok!$A$2:$C$346,3,0))^2)/1000,0)</f>
        <v>212</v>
      </c>
      <c r="BA52">
        <f ca="1">ROUND(SQRT((VLOOKUP($A52,városok!$A$2:$C$346,2,0)-VLOOKUP(BA$1,városok!$A$2:$C$346,2,0))^2+(VLOOKUP($A52,városok!$A$2:$C$346,3,0)-VLOOKUP(BA$1,városok!$A$2:$C$346,3,0))^2)/1000,0)</f>
        <v>249</v>
      </c>
      <c r="BB52">
        <f ca="1">ROUND(SQRT((VLOOKUP($A52,városok!$A$2:$C$346,2,0)-VLOOKUP(BB$1,városok!$A$2:$C$346,2,0))^2+(VLOOKUP($A52,városok!$A$2:$C$346,3,0)-VLOOKUP(BB$1,városok!$A$2:$C$346,3,0))^2)/1000,0)</f>
        <v>228</v>
      </c>
      <c r="BC52">
        <f ca="1">ROUND(SQRT((VLOOKUP($A52,városok!$A$2:$C$346,2,0)-VLOOKUP(BC$1,városok!$A$2:$C$346,2,0))^2+(VLOOKUP($A52,városok!$A$2:$C$346,3,0)-VLOOKUP(BC$1,városok!$A$2:$C$346,3,0))^2)/1000,0)</f>
        <v>239</v>
      </c>
      <c r="BD52">
        <f ca="1">ROUND(SQRT((VLOOKUP($A52,városok!$A$2:$C$346,2,0)-VLOOKUP(BD$1,városok!$A$2:$C$346,2,0))^2+(VLOOKUP($A52,városok!$A$2:$C$346,3,0)-VLOOKUP(BD$1,városok!$A$2:$C$346,3,0))^2)/1000,0)</f>
        <v>224</v>
      </c>
      <c r="BE52">
        <f ca="1">ROUND(SQRT((VLOOKUP($A52,városok!$A$2:$C$346,2,0)-VLOOKUP(BE$1,városok!$A$2:$C$346,2,0))^2+(VLOOKUP($A52,városok!$A$2:$C$346,3,0)-VLOOKUP(BE$1,városok!$A$2:$C$346,3,0))^2)/1000,0)</f>
        <v>207</v>
      </c>
      <c r="BF52">
        <f ca="1">ROUND(SQRT((VLOOKUP($A52,városok!$A$2:$C$346,2,0)-VLOOKUP(BF$1,városok!$A$2:$C$346,2,0))^2+(VLOOKUP($A52,városok!$A$2:$C$346,3,0)-VLOOKUP(BF$1,városok!$A$2:$C$346,3,0))^2)/1000,0)</f>
        <v>220</v>
      </c>
      <c r="BG52">
        <f ca="1">ROUND(SQRT((VLOOKUP($A52,városok!$A$2:$C$346,2,0)-VLOOKUP(BG$1,városok!$A$2:$C$346,2,0))^2+(VLOOKUP($A52,városok!$A$2:$C$346,3,0)-VLOOKUP(BG$1,városok!$A$2:$C$346,3,0))^2)/1000,0)</f>
        <v>195</v>
      </c>
      <c r="BH52">
        <f ca="1">ROUND(SQRT((VLOOKUP($A52,városok!$A$2:$C$346,2,0)-VLOOKUP(BH$1,városok!$A$2:$C$346,2,0))^2+(VLOOKUP($A52,városok!$A$2:$C$346,3,0)-VLOOKUP(BH$1,városok!$A$2:$C$346,3,0))^2)/1000,0)</f>
        <v>195</v>
      </c>
      <c r="BI52">
        <f ca="1">ROUND(SQRT((VLOOKUP($A52,városok!$A$2:$C$346,2,0)-VLOOKUP(BI$1,városok!$A$2:$C$346,2,0))^2+(VLOOKUP($A52,városok!$A$2:$C$346,3,0)-VLOOKUP(BI$1,városok!$A$2:$C$346,3,0))^2)/1000,0)</f>
        <v>176</v>
      </c>
      <c r="BJ52">
        <f ca="1">ROUND(SQRT((VLOOKUP($A52,városok!$A$2:$C$346,2,0)-VLOOKUP(BJ$1,városok!$A$2:$C$346,2,0))^2+(VLOOKUP($A52,városok!$A$2:$C$346,3,0)-VLOOKUP(BJ$1,városok!$A$2:$C$346,3,0))^2)/1000,0)</f>
        <v>189</v>
      </c>
      <c r="BK52">
        <f ca="1">ROUND(SQRT((VLOOKUP($A52,városok!$A$2:$C$346,2,0)-VLOOKUP(BK$1,városok!$A$2:$C$346,2,0))^2+(VLOOKUP($A52,városok!$A$2:$C$346,3,0)-VLOOKUP(BK$1,városok!$A$2:$C$346,3,0))^2)/1000,0)</f>
        <v>170</v>
      </c>
      <c r="BL52">
        <f ca="1">ROUND(SQRT((VLOOKUP($A52,városok!$A$2:$C$346,2,0)-VLOOKUP(BL$1,városok!$A$2:$C$346,2,0))^2+(VLOOKUP($A52,városok!$A$2:$C$346,3,0)-VLOOKUP(BL$1,városok!$A$2:$C$346,3,0))^2)/1000,0)</f>
        <v>336</v>
      </c>
      <c r="BM52">
        <f ca="1">ROUND(SQRT((VLOOKUP($A52,városok!$A$2:$C$346,2,0)-VLOOKUP(BM$1,városok!$A$2:$C$346,2,0))^2+(VLOOKUP($A52,városok!$A$2:$C$346,3,0)-VLOOKUP(BM$1,városok!$A$2:$C$346,3,0))^2)/1000,0)</f>
        <v>317</v>
      </c>
      <c r="BN52">
        <f ca="1">ROUND(SQRT((VLOOKUP($A52,városok!$A$2:$C$346,2,0)-VLOOKUP(BN$1,városok!$A$2:$C$346,2,0))^2+(VLOOKUP($A52,városok!$A$2:$C$346,3,0)-VLOOKUP(BN$1,városok!$A$2:$C$346,3,0))^2)/1000,0)</f>
        <v>340</v>
      </c>
      <c r="BO52">
        <f ca="1">ROUND(SQRT((VLOOKUP($A52,városok!$A$2:$C$346,2,0)-VLOOKUP(BO$1,városok!$A$2:$C$346,2,0))^2+(VLOOKUP($A52,városok!$A$2:$C$346,3,0)-VLOOKUP(BO$1,városok!$A$2:$C$346,3,0))^2)/1000,0)</f>
        <v>232</v>
      </c>
      <c r="BP52">
        <f ca="1">ROUND(SQRT((VLOOKUP($A52,városok!$A$2:$C$346,2,0)-VLOOKUP(BP$1,városok!$A$2:$C$346,2,0))^2+(VLOOKUP($A52,városok!$A$2:$C$346,3,0)-VLOOKUP(BP$1,városok!$A$2:$C$346,3,0))^2)/1000,0)</f>
        <v>225</v>
      </c>
      <c r="BQ52">
        <f ca="1">ROUND(SQRT((VLOOKUP($A52,városok!$A$2:$C$346,2,0)-VLOOKUP(BQ$1,városok!$A$2:$C$346,2,0))^2+(VLOOKUP($A52,városok!$A$2:$C$346,3,0)-VLOOKUP(BQ$1,városok!$A$2:$C$346,3,0))^2)/1000,0)</f>
        <v>241</v>
      </c>
      <c r="BR52">
        <f ca="1">ROUND(SQRT((VLOOKUP($A52,városok!$A$2:$C$346,2,0)-VLOOKUP(BR$1,városok!$A$2:$C$346,2,0))^2+(VLOOKUP($A52,városok!$A$2:$C$346,3,0)-VLOOKUP(BR$1,városok!$A$2:$C$346,3,0))^2)/1000,0)</f>
        <v>283</v>
      </c>
      <c r="BS52">
        <f ca="1">ROUND(SQRT((VLOOKUP($A52,városok!$A$2:$C$346,2,0)-VLOOKUP(BS$1,városok!$A$2:$C$346,2,0))^2+(VLOOKUP($A52,városok!$A$2:$C$346,3,0)-VLOOKUP(BS$1,városok!$A$2:$C$346,3,0))^2)/1000,0)</f>
        <v>301</v>
      </c>
      <c r="BT52">
        <f ca="1">ROUND(SQRT((VLOOKUP($A52,városok!$A$2:$C$346,2,0)-VLOOKUP(BT$1,városok!$A$2:$C$346,2,0))^2+(VLOOKUP($A52,városok!$A$2:$C$346,3,0)-VLOOKUP(BT$1,városok!$A$2:$C$346,3,0))^2)/1000,0)</f>
        <v>315</v>
      </c>
    </row>
    <row r="53" spans="1:72" x14ac:dyDescent="0.2">
      <c r="A53" t="str">
        <f>városok!A53</f>
        <v>Orosháza</v>
      </c>
      <c r="B53">
        <f ca="1">ROUND(SQRT((VLOOKUP($A53,városok!$A$2:$C$346,2,0)-VLOOKUP(B$1,városok!$A$2:$C$346,2,0))^2+(VLOOKUP($A53,városok!$A$2:$C$346,3,0)-VLOOKUP(B$1,városok!$A$2:$C$346,3,0))^2)/1000,0)</f>
        <v>138</v>
      </c>
      <c r="C53">
        <f ca="1">ROUND(SQRT((VLOOKUP($A53,városok!$A$2:$C$346,2,0)-VLOOKUP(C$1,városok!$A$2:$C$346,2,0))^2+(VLOOKUP($A53,városok!$A$2:$C$346,3,0)-VLOOKUP(C$1,városok!$A$2:$C$346,3,0))^2)/1000,0)</f>
        <v>130</v>
      </c>
      <c r="D53">
        <f ca="1">ROUND(SQRT((VLOOKUP($A53,városok!$A$2:$C$346,2,0)-VLOOKUP(D$1,városok!$A$2:$C$346,2,0))^2+(VLOOKUP($A53,városok!$A$2:$C$346,3,0)-VLOOKUP(D$1,városok!$A$2:$C$346,3,0))^2)/1000,0)</f>
        <v>84</v>
      </c>
      <c r="E53">
        <f ca="1">ROUND(SQRT((VLOOKUP($A53,városok!$A$2:$C$346,2,0)-VLOOKUP(E$1,városok!$A$2:$C$346,2,0))^2+(VLOOKUP($A53,városok!$A$2:$C$346,3,0)-VLOOKUP(E$1,városok!$A$2:$C$346,3,0))^2)/1000,0)</f>
        <v>190</v>
      </c>
      <c r="F53">
        <f ca="1">ROUND(SQRT((VLOOKUP($A53,városok!$A$2:$C$346,2,0)-VLOOKUP(F$1,városok!$A$2:$C$346,2,0))^2+(VLOOKUP($A53,városok!$A$2:$C$346,3,0)-VLOOKUP(F$1,városok!$A$2:$C$346,3,0))^2)/1000,0)</f>
        <v>166</v>
      </c>
      <c r="G53">
        <f ca="1">ROUND(SQRT((VLOOKUP($A53,városok!$A$2:$C$346,2,0)-VLOOKUP(G$1,városok!$A$2:$C$346,2,0))^2+(VLOOKUP($A53,városok!$A$2:$C$346,3,0)-VLOOKUP(G$1,városok!$A$2:$C$346,3,0))^2)/1000,0)</f>
        <v>194</v>
      </c>
      <c r="H53">
        <f ca="1">ROUND(SQRT((VLOOKUP($A53,városok!$A$2:$C$346,2,0)-VLOOKUP(H$1,városok!$A$2:$C$346,2,0))^2+(VLOOKUP($A53,városok!$A$2:$C$346,3,0)-VLOOKUP(H$1,városok!$A$2:$C$346,3,0))^2)/1000,0)</f>
        <v>228</v>
      </c>
      <c r="I53">
        <f ca="1">ROUND(SQRT((VLOOKUP($A53,városok!$A$2:$C$346,2,0)-VLOOKUP(I$1,városok!$A$2:$C$346,2,0))^2+(VLOOKUP($A53,városok!$A$2:$C$346,3,0)-VLOOKUP(I$1,városok!$A$2:$C$346,3,0))^2)/1000,0)</f>
        <v>34</v>
      </c>
      <c r="J53">
        <f ca="1">ROUND(SQRT((VLOOKUP($A53,városok!$A$2:$C$346,2,0)-VLOOKUP(J$1,városok!$A$2:$C$346,2,0))^2+(VLOOKUP($A53,városok!$A$2:$C$346,3,0)-VLOOKUP(J$1,városok!$A$2:$C$346,3,0))^2)/1000,0)</f>
        <v>47</v>
      </c>
      <c r="K53">
        <f ca="1">ROUND(SQRT((VLOOKUP($A53,városok!$A$2:$C$346,2,0)-VLOOKUP(K$1,városok!$A$2:$C$346,2,0))^2+(VLOOKUP($A53,városok!$A$2:$C$346,3,0)-VLOOKUP(K$1,városok!$A$2:$C$346,3,0))^2)/1000,0)</f>
        <v>0</v>
      </c>
      <c r="L53">
        <f ca="1">ROUND(SQRT((VLOOKUP($A53,városok!$A$2:$C$346,2,0)-VLOOKUP(L$1,városok!$A$2:$C$346,2,0))^2+(VLOOKUP($A53,városok!$A$2:$C$346,3,0)-VLOOKUP(L$1,városok!$A$2:$C$346,3,0))^2)/1000,0)</f>
        <v>188</v>
      </c>
      <c r="M53">
        <f ca="1">ROUND(SQRT((VLOOKUP($A53,városok!$A$2:$C$346,2,0)-VLOOKUP(M$1,városok!$A$2:$C$346,2,0))^2+(VLOOKUP($A53,városok!$A$2:$C$346,3,0)-VLOOKUP(M$1,városok!$A$2:$C$346,3,0))^2)/1000,0)</f>
        <v>172</v>
      </c>
      <c r="N53">
        <f ca="1">ROUND(SQRT((VLOOKUP($A53,városok!$A$2:$C$346,2,0)-VLOOKUP(N$1,városok!$A$2:$C$346,2,0))^2+(VLOOKUP($A53,városok!$A$2:$C$346,3,0)-VLOOKUP(N$1,városok!$A$2:$C$346,3,0))^2)/1000,0)</f>
        <v>187</v>
      </c>
      <c r="O53">
        <f ca="1">ROUND(SQRT((VLOOKUP($A53,városok!$A$2:$C$346,2,0)-VLOOKUP(O$1,városok!$A$2:$C$346,2,0))^2+(VLOOKUP($A53,városok!$A$2:$C$346,3,0)-VLOOKUP(O$1,városok!$A$2:$C$346,3,0))^2)/1000,0)</f>
        <v>217</v>
      </c>
      <c r="P53">
        <f ca="1">ROUND(SQRT((VLOOKUP($A53,városok!$A$2:$C$346,2,0)-VLOOKUP(P$1,városok!$A$2:$C$346,2,0))^2+(VLOOKUP($A53,városok!$A$2:$C$346,3,0)-VLOOKUP(P$1,városok!$A$2:$C$346,3,0))^2)/1000,0)</f>
        <v>217</v>
      </c>
      <c r="Q53">
        <f ca="1">ROUND(SQRT((VLOOKUP($A53,városok!$A$2:$C$346,2,0)-VLOOKUP(Q$1,városok!$A$2:$C$346,2,0))^2+(VLOOKUP($A53,városok!$A$2:$C$346,3,0)-VLOOKUP(Q$1,városok!$A$2:$C$346,3,0))^2)/1000,0)</f>
        <v>31</v>
      </c>
      <c r="R53">
        <f ca="1">ROUND(SQRT((VLOOKUP($A53,városok!$A$2:$C$346,2,0)-VLOOKUP(R$1,városok!$A$2:$C$346,2,0))^2+(VLOOKUP($A53,városok!$A$2:$C$346,3,0)-VLOOKUP(R$1,városok!$A$2:$C$346,3,0))^2)/1000,0)</f>
        <v>41</v>
      </c>
      <c r="S53">
        <f ca="1">ROUND(SQRT((VLOOKUP($A53,városok!$A$2:$C$346,2,0)-VLOOKUP(S$1,városok!$A$2:$C$346,2,0))^2+(VLOOKUP($A53,városok!$A$2:$C$346,3,0)-VLOOKUP(S$1,városok!$A$2:$C$346,3,0))^2)/1000,0)</f>
        <v>53</v>
      </c>
      <c r="T53">
        <f ca="1">ROUND(SQRT((VLOOKUP($A53,városok!$A$2:$C$346,2,0)-VLOOKUP(T$1,városok!$A$2:$C$346,2,0))^2+(VLOOKUP($A53,városok!$A$2:$C$346,3,0)-VLOOKUP(T$1,városok!$A$2:$C$346,3,0))^2)/1000,0)</f>
        <v>186</v>
      </c>
      <c r="U53">
        <f ca="1">ROUND(SQRT((VLOOKUP($A53,városok!$A$2:$C$346,2,0)-VLOOKUP(U$1,városok!$A$2:$C$346,2,0))^2+(VLOOKUP($A53,városok!$A$2:$C$346,3,0)-VLOOKUP(U$1,városok!$A$2:$C$346,3,0))^2)/1000,0)</f>
        <v>140</v>
      </c>
      <c r="V53">
        <f ca="1">ROUND(SQRT((VLOOKUP($A53,városok!$A$2:$C$346,2,0)-VLOOKUP(V$1,városok!$A$2:$C$346,2,0))^2+(VLOOKUP($A53,városok!$A$2:$C$346,3,0)-VLOOKUP(V$1,városok!$A$2:$C$346,3,0))^2)/1000,0)</f>
        <v>189</v>
      </c>
      <c r="W53">
        <f ca="1">ROUND(SQRT((VLOOKUP($A53,városok!$A$2:$C$346,2,0)-VLOOKUP(W$1,városok!$A$2:$C$346,2,0))^2+(VLOOKUP($A53,városok!$A$2:$C$346,3,0)-VLOOKUP(W$1,városok!$A$2:$C$346,3,0))^2)/1000,0)</f>
        <v>161</v>
      </c>
      <c r="X53">
        <f ca="1">ROUND(SQRT((VLOOKUP($A53,városok!$A$2:$C$346,2,0)-VLOOKUP(X$1,városok!$A$2:$C$346,2,0))^2+(VLOOKUP($A53,városok!$A$2:$C$346,3,0)-VLOOKUP(X$1,városok!$A$2:$C$346,3,0))^2)/1000,0)</f>
        <v>196</v>
      </c>
      <c r="Y53">
        <f ca="1">ROUND(SQRT((VLOOKUP($A53,városok!$A$2:$C$346,2,0)-VLOOKUP(Y$1,városok!$A$2:$C$346,2,0))^2+(VLOOKUP($A53,városok!$A$2:$C$346,3,0)-VLOOKUP(Y$1,városok!$A$2:$C$346,3,0))^2)/1000,0)</f>
        <v>262</v>
      </c>
      <c r="Z53">
        <f ca="1">ROUND(SQRT((VLOOKUP($A53,városok!$A$2:$C$346,2,0)-VLOOKUP(Z$1,városok!$A$2:$C$346,2,0))^2+(VLOOKUP($A53,városok!$A$2:$C$346,3,0)-VLOOKUP(Z$1,városok!$A$2:$C$346,3,0))^2)/1000,0)</f>
        <v>281</v>
      </c>
      <c r="AA53">
        <f ca="1">ROUND(SQRT((VLOOKUP($A53,városok!$A$2:$C$346,2,0)-VLOOKUP(AA$1,városok!$A$2:$C$346,2,0))^2+(VLOOKUP($A53,városok!$A$2:$C$346,3,0)-VLOOKUP(AA$1,városok!$A$2:$C$346,3,0))^2)/1000,0)</f>
        <v>334</v>
      </c>
      <c r="AB53">
        <f ca="1">ROUND(SQRT((VLOOKUP($A53,városok!$A$2:$C$346,2,0)-VLOOKUP(AB$1,városok!$A$2:$C$346,2,0))^2+(VLOOKUP($A53,városok!$A$2:$C$346,3,0)-VLOOKUP(AB$1,városok!$A$2:$C$346,3,0))^2)/1000,0)</f>
        <v>130</v>
      </c>
      <c r="AC53">
        <f ca="1">ROUND(SQRT((VLOOKUP($A53,városok!$A$2:$C$346,2,0)-VLOOKUP(AC$1,városok!$A$2:$C$346,2,0))^2+(VLOOKUP($A53,városok!$A$2:$C$346,3,0)-VLOOKUP(AC$1,városok!$A$2:$C$346,3,0))^2)/1000,0)</f>
        <v>112</v>
      </c>
      <c r="AD53">
        <f ca="1">ROUND(SQRT((VLOOKUP($A53,városok!$A$2:$C$346,2,0)-VLOOKUP(AD$1,városok!$A$2:$C$346,2,0))^2+(VLOOKUP($A53,városok!$A$2:$C$346,3,0)-VLOOKUP(AD$1,városok!$A$2:$C$346,3,0))^2)/1000,0)</f>
        <v>103</v>
      </c>
      <c r="AE53">
        <f ca="1">ROUND(SQRT((VLOOKUP($A53,városok!$A$2:$C$346,2,0)-VLOOKUP(AE$1,városok!$A$2:$C$346,2,0))^2+(VLOOKUP($A53,városok!$A$2:$C$346,3,0)-VLOOKUP(AE$1,városok!$A$2:$C$346,3,0))^2)/1000,0)</f>
        <v>89</v>
      </c>
      <c r="AF53">
        <f ca="1">ROUND(SQRT((VLOOKUP($A53,városok!$A$2:$C$346,2,0)-VLOOKUP(AF$1,városok!$A$2:$C$346,2,0))^2+(VLOOKUP($A53,városok!$A$2:$C$346,3,0)-VLOOKUP(AF$1,városok!$A$2:$C$346,3,0))^2)/1000,0)</f>
        <v>150</v>
      </c>
      <c r="AG53">
        <f ca="1">ROUND(SQRT((VLOOKUP($A53,városok!$A$2:$C$346,2,0)-VLOOKUP(AG$1,városok!$A$2:$C$346,2,0))^2+(VLOOKUP($A53,városok!$A$2:$C$346,3,0)-VLOOKUP(AG$1,városok!$A$2:$C$346,3,0))^2)/1000,0)</f>
        <v>147</v>
      </c>
      <c r="AH53">
        <f ca="1">ROUND(SQRT((VLOOKUP($A53,városok!$A$2:$C$346,2,0)-VLOOKUP(AH$1,városok!$A$2:$C$346,2,0))^2+(VLOOKUP($A53,városok!$A$2:$C$346,3,0)-VLOOKUP(AH$1,városok!$A$2:$C$346,3,0))^2)/1000,0)</f>
        <v>144</v>
      </c>
      <c r="AI53">
        <f ca="1">ROUND(SQRT((VLOOKUP($A53,városok!$A$2:$C$346,2,0)-VLOOKUP(AI$1,városok!$A$2:$C$346,2,0))^2+(VLOOKUP($A53,városok!$A$2:$C$346,3,0)-VLOOKUP(AI$1,városok!$A$2:$C$346,3,0))^2)/1000,0)</f>
        <v>168</v>
      </c>
      <c r="AJ53">
        <f ca="1">ROUND(SQRT((VLOOKUP($A53,városok!$A$2:$C$346,2,0)-VLOOKUP(AJ$1,városok!$A$2:$C$346,2,0))^2+(VLOOKUP($A53,városok!$A$2:$C$346,3,0)-VLOOKUP(AJ$1,városok!$A$2:$C$346,3,0))^2)/1000,0)</f>
        <v>131</v>
      </c>
      <c r="AK53">
        <f ca="1">ROUND(SQRT((VLOOKUP($A53,városok!$A$2:$C$346,2,0)-VLOOKUP(AK$1,városok!$A$2:$C$346,2,0))^2+(VLOOKUP($A53,városok!$A$2:$C$346,3,0)-VLOOKUP(AK$1,városok!$A$2:$C$346,3,0))^2)/1000,0)</f>
        <v>83</v>
      </c>
      <c r="AL53">
        <f ca="1">ROUND(SQRT((VLOOKUP($A53,városok!$A$2:$C$346,2,0)-VLOOKUP(AL$1,városok!$A$2:$C$346,2,0))^2+(VLOOKUP($A53,városok!$A$2:$C$346,3,0)-VLOOKUP(AL$1,városok!$A$2:$C$346,3,0))^2)/1000,0)</f>
        <v>89</v>
      </c>
      <c r="AM53">
        <f ca="1">ROUND(SQRT((VLOOKUP($A53,városok!$A$2:$C$346,2,0)-VLOOKUP(AM$1,városok!$A$2:$C$346,2,0))^2+(VLOOKUP($A53,városok!$A$2:$C$346,3,0)-VLOOKUP(AM$1,városok!$A$2:$C$346,3,0))^2)/1000,0)</f>
        <v>78</v>
      </c>
      <c r="AN53">
        <f ca="1">ROUND(SQRT((VLOOKUP($A53,városok!$A$2:$C$346,2,0)-VLOOKUP(AN$1,városok!$A$2:$C$346,2,0))^2+(VLOOKUP($A53,városok!$A$2:$C$346,3,0)-VLOOKUP(AN$1,városok!$A$2:$C$346,3,0))^2)/1000,0)</f>
        <v>200</v>
      </c>
      <c r="AO53">
        <f ca="1">ROUND(SQRT((VLOOKUP($A53,városok!$A$2:$C$346,2,0)-VLOOKUP(AO$1,városok!$A$2:$C$346,2,0))^2+(VLOOKUP($A53,városok!$A$2:$C$346,3,0)-VLOOKUP(AO$1,városok!$A$2:$C$346,3,0))^2)/1000,0)</f>
        <v>233</v>
      </c>
      <c r="AP53">
        <f ca="1">ROUND(SQRT((VLOOKUP($A53,városok!$A$2:$C$346,2,0)-VLOOKUP(AP$1,városok!$A$2:$C$346,2,0))^2+(VLOOKUP($A53,városok!$A$2:$C$346,3,0)-VLOOKUP(AP$1,városok!$A$2:$C$346,3,0))^2)/1000,0)</f>
        <v>214</v>
      </c>
      <c r="AQ53">
        <f ca="1">ROUND(SQRT((VLOOKUP($A53,városok!$A$2:$C$346,2,0)-VLOOKUP(AQ$1,városok!$A$2:$C$346,2,0))^2+(VLOOKUP($A53,városok!$A$2:$C$346,3,0)-VLOOKUP(AQ$1,városok!$A$2:$C$346,3,0))^2)/1000,0)</f>
        <v>205</v>
      </c>
      <c r="AR53">
        <f ca="1">ROUND(SQRT((VLOOKUP($A53,városok!$A$2:$C$346,2,0)-VLOOKUP(AR$1,városok!$A$2:$C$346,2,0))^2+(VLOOKUP($A53,városok!$A$2:$C$346,3,0)-VLOOKUP(AR$1,városok!$A$2:$C$346,3,0))^2)/1000,0)</f>
        <v>168</v>
      </c>
      <c r="AS53">
        <f ca="1">ROUND(SQRT((VLOOKUP($A53,városok!$A$2:$C$346,2,0)-VLOOKUP(AS$1,városok!$A$2:$C$346,2,0))^2+(VLOOKUP($A53,városok!$A$2:$C$346,3,0)-VLOOKUP(AS$1,városok!$A$2:$C$346,3,0))^2)/1000,0)</f>
        <v>184</v>
      </c>
      <c r="AT53">
        <f ca="1">ROUND(SQRT((VLOOKUP($A53,városok!$A$2:$C$346,2,0)-VLOOKUP(AT$1,városok!$A$2:$C$346,2,0))^2+(VLOOKUP($A53,városok!$A$2:$C$346,3,0)-VLOOKUP(AT$1,városok!$A$2:$C$346,3,0))^2)/1000,0)</f>
        <v>173</v>
      </c>
      <c r="AU53">
        <f ca="1">ROUND(SQRT((VLOOKUP($A53,városok!$A$2:$C$346,2,0)-VLOOKUP(AU$1,városok!$A$2:$C$346,2,0))^2+(VLOOKUP($A53,városok!$A$2:$C$346,3,0)-VLOOKUP(AU$1,városok!$A$2:$C$346,3,0))^2)/1000,0)</f>
        <v>164</v>
      </c>
      <c r="AV53">
        <f ca="1">ROUND(SQRT((VLOOKUP($A53,városok!$A$2:$C$346,2,0)-VLOOKUP(AV$1,városok!$A$2:$C$346,2,0))^2+(VLOOKUP($A53,városok!$A$2:$C$346,3,0)-VLOOKUP(AV$1,városok!$A$2:$C$346,3,0))^2)/1000,0)</f>
        <v>161</v>
      </c>
      <c r="AW53">
        <f ca="1">ROUND(SQRT((VLOOKUP($A53,városok!$A$2:$C$346,2,0)-VLOOKUP(AW$1,városok!$A$2:$C$346,2,0))^2+(VLOOKUP($A53,városok!$A$2:$C$346,3,0)-VLOOKUP(AW$1,városok!$A$2:$C$346,3,0))^2)/1000,0)</f>
        <v>163</v>
      </c>
      <c r="AX53">
        <f ca="1">ROUND(SQRT((VLOOKUP($A53,városok!$A$2:$C$346,2,0)-VLOOKUP(AX$1,városok!$A$2:$C$346,2,0))^2+(VLOOKUP($A53,városok!$A$2:$C$346,3,0)-VLOOKUP(AX$1,városok!$A$2:$C$346,3,0))^2)/1000,0)</f>
        <v>85</v>
      </c>
      <c r="AY53">
        <f ca="1">ROUND(SQRT((VLOOKUP($A53,városok!$A$2:$C$346,2,0)-VLOOKUP(AY$1,városok!$A$2:$C$346,2,0))^2+(VLOOKUP($A53,városok!$A$2:$C$346,3,0)-VLOOKUP(AY$1,városok!$A$2:$C$346,3,0))^2)/1000,0)</f>
        <v>174</v>
      </c>
      <c r="AZ53">
        <f ca="1">ROUND(SQRT((VLOOKUP($A53,városok!$A$2:$C$346,2,0)-VLOOKUP(AZ$1,városok!$A$2:$C$346,2,0))^2+(VLOOKUP($A53,városok!$A$2:$C$346,3,0)-VLOOKUP(AZ$1,városok!$A$2:$C$346,3,0))^2)/1000,0)</f>
        <v>187</v>
      </c>
      <c r="BA53">
        <f ca="1">ROUND(SQRT((VLOOKUP($A53,városok!$A$2:$C$346,2,0)-VLOOKUP(BA$1,városok!$A$2:$C$346,2,0))^2+(VLOOKUP($A53,városok!$A$2:$C$346,3,0)-VLOOKUP(BA$1,városok!$A$2:$C$346,3,0))^2)/1000,0)</f>
        <v>228</v>
      </c>
      <c r="BB53">
        <f ca="1">ROUND(SQRT((VLOOKUP($A53,városok!$A$2:$C$346,2,0)-VLOOKUP(BB$1,városok!$A$2:$C$346,2,0))^2+(VLOOKUP($A53,városok!$A$2:$C$346,3,0)-VLOOKUP(BB$1,városok!$A$2:$C$346,3,0))^2)/1000,0)</f>
        <v>209</v>
      </c>
      <c r="BC53">
        <f ca="1">ROUND(SQRT((VLOOKUP($A53,városok!$A$2:$C$346,2,0)-VLOOKUP(BC$1,városok!$A$2:$C$346,2,0))^2+(VLOOKUP($A53,városok!$A$2:$C$346,3,0)-VLOOKUP(BC$1,városok!$A$2:$C$346,3,0))^2)/1000,0)</f>
        <v>222</v>
      </c>
      <c r="BD53">
        <f ca="1">ROUND(SQRT((VLOOKUP($A53,városok!$A$2:$C$346,2,0)-VLOOKUP(BD$1,városok!$A$2:$C$346,2,0))^2+(VLOOKUP($A53,városok!$A$2:$C$346,3,0)-VLOOKUP(BD$1,városok!$A$2:$C$346,3,0))^2)/1000,0)</f>
        <v>203</v>
      </c>
      <c r="BE53">
        <f ca="1">ROUND(SQRT((VLOOKUP($A53,városok!$A$2:$C$346,2,0)-VLOOKUP(BE$1,városok!$A$2:$C$346,2,0))^2+(VLOOKUP($A53,városok!$A$2:$C$346,3,0)-VLOOKUP(BE$1,városok!$A$2:$C$346,3,0))^2)/1000,0)</f>
        <v>208</v>
      </c>
      <c r="BF53">
        <f ca="1">ROUND(SQRT((VLOOKUP($A53,városok!$A$2:$C$346,2,0)-VLOOKUP(BF$1,városok!$A$2:$C$346,2,0))^2+(VLOOKUP($A53,városok!$A$2:$C$346,3,0)-VLOOKUP(BF$1,városok!$A$2:$C$346,3,0))^2)/1000,0)</f>
        <v>213</v>
      </c>
      <c r="BG53">
        <f ca="1">ROUND(SQRT((VLOOKUP($A53,városok!$A$2:$C$346,2,0)-VLOOKUP(BG$1,városok!$A$2:$C$346,2,0))^2+(VLOOKUP($A53,városok!$A$2:$C$346,3,0)-VLOOKUP(BG$1,városok!$A$2:$C$346,3,0))^2)/1000,0)</f>
        <v>184</v>
      </c>
      <c r="BH53">
        <f ca="1">ROUND(SQRT((VLOOKUP($A53,városok!$A$2:$C$346,2,0)-VLOOKUP(BH$1,városok!$A$2:$C$346,2,0))^2+(VLOOKUP($A53,városok!$A$2:$C$346,3,0)-VLOOKUP(BH$1,városok!$A$2:$C$346,3,0))^2)/1000,0)</f>
        <v>184</v>
      </c>
      <c r="BI53">
        <f ca="1">ROUND(SQRT((VLOOKUP($A53,városok!$A$2:$C$346,2,0)-VLOOKUP(BI$1,városok!$A$2:$C$346,2,0))^2+(VLOOKUP($A53,városok!$A$2:$C$346,3,0)-VLOOKUP(BI$1,városok!$A$2:$C$346,3,0))^2)/1000,0)</f>
        <v>158</v>
      </c>
      <c r="BJ53">
        <f ca="1">ROUND(SQRT((VLOOKUP($A53,városok!$A$2:$C$346,2,0)-VLOOKUP(BJ$1,városok!$A$2:$C$346,2,0))^2+(VLOOKUP($A53,városok!$A$2:$C$346,3,0)-VLOOKUP(BJ$1,városok!$A$2:$C$346,3,0))^2)/1000,0)</f>
        <v>173</v>
      </c>
      <c r="BK53">
        <f ca="1">ROUND(SQRT((VLOOKUP($A53,városok!$A$2:$C$346,2,0)-VLOOKUP(BK$1,városok!$A$2:$C$346,2,0))^2+(VLOOKUP($A53,városok!$A$2:$C$346,3,0)-VLOOKUP(BK$1,városok!$A$2:$C$346,3,0))^2)/1000,0)</f>
        <v>153</v>
      </c>
      <c r="BL53">
        <f ca="1">ROUND(SQRT((VLOOKUP($A53,városok!$A$2:$C$346,2,0)-VLOOKUP(BL$1,városok!$A$2:$C$346,2,0))^2+(VLOOKUP($A53,városok!$A$2:$C$346,3,0)-VLOOKUP(BL$1,városok!$A$2:$C$346,3,0))^2)/1000,0)</f>
        <v>314</v>
      </c>
      <c r="BM53">
        <f ca="1">ROUND(SQRT((VLOOKUP($A53,városok!$A$2:$C$346,2,0)-VLOOKUP(BM$1,városok!$A$2:$C$346,2,0))^2+(VLOOKUP($A53,városok!$A$2:$C$346,3,0)-VLOOKUP(BM$1,városok!$A$2:$C$346,3,0))^2)/1000,0)</f>
        <v>295</v>
      </c>
      <c r="BN53">
        <f ca="1">ROUND(SQRT((VLOOKUP($A53,városok!$A$2:$C$346,2,0)-VLOOKUP(BN$1,városok!$A$2:$C$346,2,0))^2+(VLOOKUP($A53,városok!$A$2:$C$346,3,0)-VLOOKUP(BN$1,városok!$A$2:$C$346,3,0))^2)/1000,0)</f>
        <v>317</v>
      </c>
      <c r="BO53">
        <f ca="1">ROUND(SQRT((VLOOKUP($A53,városok!$A$2:$C$346,2,0)-VLOOKUP(BO$1,városok!$A$2:$C$346,2,0))^2+(VLOOKUP($A53,városok!$A$2:$C$346,3,0)-VLOOKUP(BO$1,városok!$A$2:$C$346,3,0))^2)/1000,0)</f>
        <v>209</v>
      </c>
      <c r="BP53">
        <f ca="1">ROUND(SQRT((VLOOKUP($A53,városok!$A$2:$C$346,2,0)-VLOOKUP(BP$1,városok!$A$2:$C$346,2,0))^2+(VLOOKUP($A53,városok!$A$2:$C$346,3,0)-VLOOKUP(BP$1,városok!$A$2:$C$346,3,0))^2)/1000,0)</f>
        <v>202</v>
      </c>
      <c r="BQ53">
        <f ca="1">ROUND(SQRT((VLOOKUP($A53,városok!$A$2:$C$346,2,0)-VLOOKUP(BQ$1,városok!$A$2:$C$346,2,0))^2+(VLOOKUP($A53,városok!$A$2:$C$346,3,0)-VLOOKUP(BQ$1,városok!$A$2:$C$346,3,0))^2)/1000,0)</f>
        <v>218</v>
      </c>
      <c r="BR53">
        <f ca="1">ROUND(SQRT((VLOOKUP($A53,városok!$A$2:$C$346,2,0)-VLOOKUP(BR$1,városok!$A$2:$C$346,2,0))^2+(VLOOKUP($A53,városok!$A$2:$C$346,3,0)-VLOOKUP(BR$1,városok!$A$2:$C$346,3,0))^2)/1000,0)</f>
        <v>262</v>
      </c>
      <c r="BS53">
        <f ca="1">ROUND(SQRT((VLOOKUP($A53,városok!$A$2:$C$346,2,0)-VLOOKUP(BS$1,városok!$A$2:$C$346,2,0))^2+(VLOOKUP($A53,városok!$A$2:$C$346,3,0)-VLOOKUP(BS$1,városok!$A$2:$C$346,3,0))^2)/1000,0)</f>
        <v>282</v>
      </c>
      <c r="BT53">
        <f ca="1">ROUND(SQRT((VLOOKUP($A53,városok!$A$2:$C$346,2,0)-VLOOKUP(BT$1,városok!$A$2:$C$346,2,0))^2+(VLOOKUP($A53,városok!$A$2:$C$346,3,0)-VLOOKUP(BT$1,városok!$A$2:$C$346,3,0))^2)/1000,0)</f>
        <v>294</v>
      </c>
    </row>
    <row r="54" spans="1:72" x14ac:dyDescent="0.2">
      <c r="A54" t="str">
        <f>városok!A54</f>
        <v>Sarkad</v>
      </c>
      <c r="B54">
        <f ca="1">ROUND(SQRT((VLOOKUP($A54,városok!$A$2:$C$346,2,0)-VLOOKUP(B$1,városok!$A$2:$C$346,2,0))^2+(VLOOKUP($A54,városok!$A$2:$C$346,3,0)-VLOOKUP(B$1,városok!$A$2:$C$346,3,0))^2)/1000,0)</f>
        <v>195</v>
      </c>
      <c r="C54">
        <f ca="1">ROUND(SQRT((VLOOKUP($A54,városok!$A$2:$C$346,2,0)-VLOOKUP(C$1,városok!$A$2:$C$346,2,0))^2+(VLOOKUP($A54,városok!$A$2:$C$346,3,0)-VLOOKUP(C$1,városok!$A$2:$C$346,3,0))^2)/1000,0)</f>
        <v>185</v>
      </c>
      <c r="D54">
        <f ca="1">ROUND(SQRT((VLOOKUP($A54,városok!$A$2:$C$346,2,0)-VLOOKUP(D$1,városok!$A$2:$C$346,2,0))^2+(VLOOKUP($A54,városok!$A$2:$C$346,3,0)-VLOOKUP(D$1,városok!$A$2:$C$346,3,0))^2)/1000,0)</f>
        <v>130</v>
      </c>
      <c r="E54">
        <f ca="1">ROUND(SQRT((VLOOKUP($A54,városok!$A$2:$C$346,2,0)-VLOOKUP(E$1,városok!$A$2:$C$346,2,0))^2+(VLOOKUP($A54,városok!$A$2:$C$346,3,0)-VLOOKUP(E$1,városok!$A$2:$C$346,3,0))^2)/1000,0)</f>
        <v>247</v>
      </c>
      <c r="F54">
        <f ca="1">ROUND(SQRT((VLOOKUP($A54,városok!$A$2:$C$346,2,0)-VLOOKUP(F$1,városok!$A$2:$C$346,2,0))^2+(VLOOKUP($A54,városok!$A$2:$C$346,3,0)-VLOOKUP(F$1,városok!$A$2:$C$346,3,0))^2)/1000,0)</f>
        <v>223</v>
      </c>
      <c r="G54">
        <f ca="1">ROUND(SQRT((VLOOKUP($A54,városok!$A$2:$C$346,2,0)-VLOOKUP(G$1,városok!$A$2:$C$346,2,0))^2+(VLOOKUP($A54,városok!$A$2:$C$346,3,0)-VLOOKUP(G$1,városok!$A$2:$C$346,3,0))^2)/1000,0)</f>
        <v>251</v>
      </c>
      <c r="H54">
        <f ca="1">ROUND(SQRT((VLOOKUP($A54,városok!$A$2:$C$346,2,0)-VLOOKUP(H$1,városok!$A$2:$C$346,2,0))^2+(VLOOKUP($A54,városok!$A$2:$C$346,3,0)-VLOOKUP(H$1,városok!$A$2:$C$346,3,0))^2)/1000,0)</f>
        <v>285</v>
      </c>
      <c r="I54">
        <f ca="1">ROUND(SQRT((VLOOKUP($A54,városok!$A$2:$C$346,2,0)-VLOOKUP(I$1,városok!$A$2:$C$346,2,0))^2+(VLOOKUP($A54,városok!$A$2:$C$346,3,0)-VLOOKUP(I$1,városok!$A$2:$C$346,3,0))^2)/1000,0)</f>
        <v>23</v>
      </c>
      <c r="J54">
        <f ca="1">ROUND(SQRT((VLOOKUP($A54,városok!$A$2:$C$346,2,0)-VLOOKUP(J$1,városok!$A$2:$C$346,2,0))^2+(VLOOKUP($A54,városok!$A$2:$C$346,3,0)-VLOOKUP(J$1,városok!$A$2:$C$346,3,0))^2)/1000,0)</f>
        <v>13</v>
      </c>
      <c r="K54">
        <f ca="1">ROUND(SQRT((VLOOKUP($A54,városok!$A$2:$C$346,2,0)-VLOOKUP(K$1,városok!$A$2:$C$346,2,0))^2+(VLOOKUP($A54,városok!$A$2:$C$346,3,0)-VLOOKUP(K$1,városok!$A$2:$C$346,3,0))^2)/1000,0)</f>
        <v>57</v>
      </c>
      <c r="L54">
        <f ca="1">ROUND(SQRT((VLOOKUP($A54,városok!$A$2:$C$346,2,0)-VLOOKUP(L$1,városok!$A$2:$C$346,2,0))^2+(VLOOKUP($A54,városok!$A$2:$C$346,3,0)-VLOOKUP(L$1,városok!$A$2:$C$346,3,0))^2)/1000,0)</f>
        <v>178</v>
      </c>
      <c r="M54">
        <f ca="1">ROUND(SQRT((VLOOKUP($A54,városok!$A$2:$C$346,2,0)-VLOOKUP(M$1,városok!$A$2:$C$346,2,0))^2+(VLOOKUP($A54,városok!$A$2:$C$346,3,0)-VLOOKUP(M$1,városok!$A$2:$C$346,3,0))^2)/1000,0)</f>
        <v>158</v>
      </c>
      <c r="N54">
        <f ca="1">ROUND(SQRT((VLOOKUP($A54,városok!$A$2:$C$346,2,0)-VLOOKUP(N$1,városok!$A$2:$C$346,2,0))^2+(VLOOKUP($A54,városok!$A$2:$C$346,3,0)-VLOOKUP(N$1,városok!$A$2:$C$346,3,0))^2)/1000,0)</f>
        <v>184</v>
      </c>
      <c r="O54">
        <f ca="1">ROUND(SQRT((VLOOKUP($A54,városok!$A$2:$C$346,2,0)-VLOOKUP(O$1,városok!$A$2:$C$346,2,0))^2+(VLOOKUP($A54,városok!$A$2:$C$346,3,0)-VLOOKUP(O$1,városok!$A$2:$C$346,3,0))^2)/1000,0)</f>
        <v>186</v>
      </c>
      <c r="P54">
        <f ca="1">ROUND(SQRT((VLOOKUP($A54,városok!$A$2:$C$346,2,0)-VLOOKUP(P$1,városok!$A$2:$C$346,2,0))^2+(VLOOKUP($A54,városok!$A$2:$C$346,3,0)-VLOOKUP(P$1,városok!$A$2:$C$346,3,0))^2)/1000,0)</f>
        <v>186</v>
      </c>
      <c r="Q54">
        <f ca="1">ROUND(SQRT((VLOOKUP($A54,városok!$A$2:$C$346,2,0)-VLOOKUP(Q$1,városok!$A$2:$C$346,2,0))^2+(VLOOKUP($A54,városok!$A$2:$C$346,3,0)-VLOOKUP(Q$1,városok!$A$2:$C$346,3,0))^2)/1000,0)</f>
        <v>88</v>
      </c>
      <c r="R54">
        <f ca="1">ROUND(SQRT((VLOOKUP($A54,városok!$A$2:$C$346,2,0)-VLOOKUP(R$1,városok!$A$2:$C$346,2,0))^2+(VLOOKUP($A54,városok!$A$2:$C$346,3,0)-VLOOKUP(R$1,városok!$A$2:$C$346,3,0))^2)/1000,0)</f>
        <v>90</v>
      </c>
      <c r="S54">
        <f ca="1">ROUND(SQRT((VLOOKUP($A54,városok!$A$2:$C$346,2,0)-VLOOKUP(S$1,városok!$A$2:$C$346,2,0))^2+(VLOOKUP($A54,városok!$A$2:$C$346,3,0)-VLOOKUP(S$1,városok!$A$2:$C$346,3,0))^2)/1000,0)</f>
        <v>108</v>
      </c>
      <c r="T54">
        <f ca="1">ROUND(SQRT((VLOOKUP($A54,városok!$A$2:$C$346,2,0)-VLOOKUP(T$1,városok!$A$2:$C$346,2,0))^2+(VLOOKUP($A54,városok!$A$2:$C$346,3,0)-VLOOKUP(T$1,városok!$A$2:$C$346,3,0))^2)/1000,0)</f>
        <v>224</v>
      </c>
      <c r="U54">
        <f ca="1">ROUND(SQRT((VLOOKUP($A54,városok!$A$2:$C$346,2,0)-VLOOKUP(U$1,városok!$A$2:$C$346,2,0))^2+(VLOOKUP($A54,városok!$A$2:$C$346,3,0)-VLOOKUP(U$1,városok!$A$2:$C$346,3,0))^2)/1000,0)</f>
        <v>188</v>
      </c>
      <c r="V54">
        <f ca="1">ROUND(SQRT((VLOOKUP($A54,városok!$A$2:$C$346,2,0)-VLOOKUP(V$1,városok!$A$2:$C$346,2,0))^2+(VLOOKUP($A54,városok!$A$2:$C$346,3,0)-VLOOKUP(V$1,városok!$A$2:$C$346,3,0))^2)/1000,0)</f>
        <v>237</v>
      </c>
      <c r="W54">
        <f ca="1">ROUND(SQRT((VLOOKUP($A54,városok!$A$2:$C$346,2,0)-VLOOKUP(W$1,városok!$A$2:$C$346,2,0))^2+(VLOOKUP($A54,városok!$A$2:$C$346,3,0)-VLOOKUP(W$1,városok!$A$2:$C$346,3,0))^2)/1000,0)</f>
        <v>211</v>
      </c>
      <c r="X54">
        <f ca="1">ROUND(SQRT((VLOOKUP($A54,városok!$A$2:$C$346,2,0)-VLOOKUP(X$1,városok!$A$2:$C$346,2,0))^2+(VLOOKUP($A54,városok!$A$2:$C$346,3,0)-VLOOKUP(X$1,városok!$A$2:$C$346,3,0))^2)/1000,0)</f>
        <v>240</v>
      </c>
      <c r="Y54">
        <f ca="1">ROUND(SQRT((VLOOKUP($A54,városok!$A$2:$C$346,2,0)-VLOOKUP(Y$1,városok!$A$2:$C$346,2,0))^2+(VLOOKUP($A54,városok!$A$2:$C$346,3,0)-VLOOKUP(Y$1,városok!$A$2:$C$346,3,0))^2)/1000,0)</f>
        <v>302</v>
      </c>
      <c r="Z54">
        <f ca="1">ROUND(SQRT((VLOOKUP($A54,városok!$A$2:$C$346,2,0)-VLOOKUP(Z$1,városok!$A$2:$C$346,2,0))^2+(VLOOKUP($A54,városok!$A$2:$C$346,3,0)-VLOOKUP(Z$1,városok!$A$2:$C$346,3,0))^2)/1000,0)</f>
        <v>321</v>
      </c>
      <c r="AA54">
        <f ca="1">ROUND(SQRT((VLOOKUP($A54,városok!$A$2:$C$346,2,0)-VLOOKUP(AA$1,városok!$A$2:$C$346,2,0))^2+(VLOOKUP($A54,városok!$A$2:$C$346,3,0)-VLOOKUP(AA$1,városok!$A$2:$C$346,3,0))^2)/1000,0)</f>
        <v>378</v>
      </c>
      <c r="AB54">
        <f ca="1">ROUND(SQRT((VLOOKUP($A54,városok!$A$2:$C$346,2,0)-VLOOKUP(AB$1,városok!$A$2:$C$346,2,0))^2+(VLOOKUP($A54,városok!$A$2:$C$346,3,0)-VLOOKUP(AB$1,városok!$A$2:$C$346,3,0))^2)/1000,0)</f>
        <v>90</v>
      </c>
      <c r="AC54">
        <f ca="1">ROUND(SQRT((VLOOKUP($A54,városok!$A$2:$C$346,2,0)-VLOOKUP(AC$1,városok!$A$2:$C$346,2,0))^2+(VLOOKUP($A54,városok!$A$2:$C$346,3,0)-VLOOKUP(AC$1,városok!$A$2:$C$346,3,0))^2)/1000,0)</f>
        <v>79</v>
      </c>
      <c r="AD54">
        <f ca="1">ROUND(SQRT((VLOOKUP($A54,városok!$A$2:$C$346,2,0)-VLOOKUP(AD$1,városok!$A$2:$C$346,2,0))^2+(VLOOKUP($A54,városok!$A$2:$C$346,3,0)-VLOOKUP(AD$1,városok!$A$2:$C$346,3,0))^2)/1000,0)</f>
        <v>78</v>
      </c>
      <c r="AE54">
        <f ca="1">ROUND(SQRT((VLOOKUP($A54,városok!$A$2:$C$346,2,0)-VLOOKUP(AE$1,városok!$A$2:$C$346,2,0))^2+(VLOOKUP($A54,városok!$A$2:$C$346,3,0)-VLOOKUP(AE$1,városok!$A$2:$C$346,3,0))^2)/1000,0)</f>
        <v>63</v>
      </c>
      <c r="AF54">
        <f ca="1">ROUND(SQRT((VLOOKUP($A54,városok!$A$2:$C$346,2,0)-VLOOKUP(AF$1,városok!$A$2:$C$346,2,0))^2+(VLOOKUP($A54,városok!$A$2:$C$346,3,0)-VLOOKUP(AF$1,városok!$A$2:$C$346,3,0))^2)/1000,0)</f>
        <v>150</v>
      </c>
      <c r="AG54">
        <f ca="1">ROUND(SQRT((VLOOKUP($A54,városok!$A$2:$C$346,2,0)-VLOOKUP(AG$1,városok!$A$2:$C$346,2,0))^2+(VLOOKUP($A54,városok!$A$2:$C$346,3,0)-VLOOKUP(AG$1,városok!$A$2:$C$346,3,0))^2)/1000,0)</f>
        <v>160</v>
      </c>
      <c r="AH54">
        <f ca="1">ROUND(SQRT((VLOOKUP($A54,városok!$A$2:$C$346,2,0)-VLOOKUP(AH$1,városok!$A$2:$C$346,2,0))^2+(VLOOKUP($A54,városok!$A$2:$C$346,3,0)-VLOOKUP(AH$1,városok!$A$2:$C$346,3,0))^2)/1000,0)</f>
        <v>165</v>
      </c>
      <c r="AI54">
        <f ca="1">ROUND(SQRT((VLOOKUP($A54,városok!$A$2:$C$346,2,0)-VLOOKUP(AI$1,városok!$A$2:$C$346,2,0))^2+(VLOOKUP($A54,városok!$A$2:$C$346,3,0)-VLOOKUP(AI$1,városok!$A$2:$C$346,3,0))^2)/1000,0)</f>
        <v>172</v>
      </c>
      <c r="AJ54">
        <f ca="1">ROUND(SQRT((VLOOKUP($A54,városok!$A$2:$C$346,2,0)-VLOOKUP(AJ$1,városok!$A$2:$C$346,2,0))^2+(VLOOKUP($A54,városok!$A$2:$C$346,3,0)-VLOOKUP(AJ$1,városok!$A$2:$C$346,3,0))^2)/1000,0)</f>
        <v>146</v>
      </c>
      <c r="AK54">
        <f ca="1">ROUND(SQRT((VLOOKUP($A54,városok!$A$2:$C$346,2,0)-VLOOKUP(AK$1,városok!$A$2:$C$346,2,0))^2+(VLOOKUP($A54,városok!$A$2:$C$346,3,0)-VLOOKUP(AK$1,városok!$A$2:$C$346,3,0))^2)/1000,0)</f>
        <v>68</v>
      </c>
      <c r="AL54">
        <f ca="1">ROUND(SQRT((VLOOKUP($A54,városok!$A$2:$C$346,2,0)-VLOOKUP(AL$1,városok!$A$2:$C$346,2,0))^2+(VLOOKUP($A54,városok!$A$2:$C$346,3,0)-VLOOKUP(AL$1,városok!$A$2:$C$346,3,0))^2)/1000,0)</f>
        <v>90</v>
      </c>
      <c r="AM54">
        <f ca="1">ROUND(SQRT((VLOOKUP($A54,városok!$A$2:$C$346,2,0)-VLOOKUP(AM$1,városok!$A$2:$C$346,2,0))^2+(VLOOKUP($A54,városok!$A$2:$C$346,3,0)-VLOOKUP(AM$1,városok!$A$2:$C$346,3,0))^2)/1000,0)</f>
        <v>103</v>
      </c>
      <c r="AN54">
        <f ca="1">ROUND(SQRT((VLOOKUP($A54,városok!$A$2:$C$346,2,0)-VLOOKUP(AN$1,városok!$A$2:$C$346,2,0))^2+(VLOOKUP($A54,városok!$A$2:$C$346,3,0)-VLOOKUP(AN$1,városok!$A$2:$C$346,3,0))^2)/1000,0)</f>
        <v>231</v>
      </c>
      <c r="AO54">
        <f ca="1">ROUND(SQRT((VLOOKUP($A54,városok!$A$2:$C$346,2,0)-VLOOKUP(AO$1,városok!$A$2:$C$346,2,0))^2+(VLOOKUP($A54,városok!$A$2:$C$346,3,0)-VLOOKUP(AO$1,városok!$A$2:$C$346,3,0))^2)/1000,0)</f>
        <v>270</v>
      </c>
      <c r="AP54">
        <f ca="1">ROUND(SQRT((VLOOKUP($A54,városok!$A$2:$C$346,2,0)-VLOOKUP(AP$1,városok!$A$2:$C$346,2,0))^2+(VLOOKUP($A54,városok!$A$2:$C$346,3,0)-VLOOKUP(AP$1,városok!$A$2:$C$346,3,0))^2)/1000,0)</f>
        <v>251</v>
      </c>
      <c r="AQ54">
        <f ca="1">ROUND(SQRT((VLOOKUP($A54,városok!$A$2:$C$346,2,0)-VLOOKUP(AQ$1,városok!$A$2:$C$346,2,0))^2+(VLOOKUP($A54,városok!$A$2:$C$346,3,0)-VLOOKUP(AQ$1,városok!$A$2:$C$346,3,0))^2)/1000,0)</f>
        <v>243</v>
      </c>
      <c r="AR54">
        <f ca="1">ROUND(SQRT((VLOOKUP($A54,városok!$A$2:$C$346,2,0)-VLOOKUP(AR$1,városok!$A$2:$C$346,2,0))^2+(VLOOKUP($A54,városok!$A$2:$C$346,3,0)-VLOOKUP(AR$1,városok!$A$2:$C$346,3,0))^2)/1000,0)</f>
        <v>183</v>
      </c>
      <c r="AS54">
        <f ca="1">ROUND(SQRT((VLOOKUP($A54,városok!$A$2:$C$346,2,0)-VLOOKUP(AS$1,városok!$A$2:$C$346,2,0))^2+(VLOOKUP($A54,városok!$A$2:$C$346,3,0)-VLOOKUP(AS$1,városok!$A$2:$C$346,3,0))^2)/1000,0)</f>
        <v>193</v>
      </c>
      <c r="AT54">
        <f ca="1">ROUND(SQRT((VLOOKUP($A54,városok!$A$2:$C$346,2,0)-VLOOKUP(AT$1,városok!$A$2:$C$346,2,0))^2+(VLOOKUP($A54,városok!$A$2:$C$346,3,0)-VLOOKUP(AT$1,városok!$A$2:$C$346,3,0))^2)/1000,0)</f>
        <v>210</v>
      </c>
      <c r="AU54">
        <f ca="1">ROUND(SQRT((VLOOKUP($A54,városok!$A$2:$C$346,2,0)-VLOOKUP(AU$1,városok!$A$2:$C$346,2,0))^2+(VLOOKUP($A54,városok!$A$2:$C$346,3,0)-VLOOKUP(AU$1,városok!$A$2:$C$346,3,0))^2)/1000,0)</f>
        <v>200</v>
      </c>
      <c r="AV54">
        <f ca="1">ROUND(SQRT((VLOOKUP($A54,városok!$A$2:$C$346,2,0)-VLOOKUP(AV$1,városok!$A$2:$C$346,2,0))^2+(VLOOKUP($A54,városok!$A$2:$C$346,3,0)-VLOOKUP(AV$1,városok!$A$2:$C$346,3,0))^2)/1000,0)</f>
        <v>199</v>
      </c>
      <c r="AW54">
        <f ca="1">ROUND(SQRT((VLOOKUP($A54,városok!$A$2:$C$346,2,0)-VLOOKUP(AW$1,városok!$A$2:$C$346,2,0))^2+(VLOOKUP($A54,városok!$A$2:$C$346,3,0)-VLOOKUP(AW$1,városok!$A$2:$C$346,3,0))^2)/1000,0)</f>
        <v>201</v>
      </c>
      <c r="AX54">
        <f ca="1">ROUND(SQRT((VLOOKUP($A54,városok!$A$2:$C$346,2,0)-VLOOKUP(AX$1,városok!$A$2:$C$346,2,0))^2+(VLOOKUP($A54,városok!$A$2:$C$346,3,0)-VLOOKUP(AX$1,városok!$A$2:$C$346,3,0))^2)/1000,0)</f>
        <v>126</v>
      </c>
      <c r="AY54">
        <f ca="1">ROUND(SQRT((VLOOKUP($A54,városok!$A$2:$C$346,2,0)-VLOOKUP(AY$1,városok!$A$2:$C$346,2,0))^2+(VLOOKUP($A54,városok!$A$2:$C$346,3,0)-VLOOKUP(AY$1,városok!$A$2:$C$346,3,0))^2)/1000,0)</f>
        <v>204</v>
      </c>
      <c r="AZ54">
        <f ca="1">ROUND(SQRT((VLOOKUP($A54,városok!$A$2:$C$346,2,0)-VLOOKUP(AZ$1,városok!$A$2:$C$346,2,0))^2+(VLOOKUP($A54,városok!$A$2:$C$346,3,0)-VLOOKUP(AZ$1,városok!$A$2:$C$346,3,0))^2)/1000,0)</f>
        <v>216</v>
      </c>
      <c r="BA54">
        <f ca="1">ROUND(SQRT((VLOOKUP($A54,városok!$A$2:$C$346,2,0)-VLOOKUP(BA$1,városok!$A$2:$C$346,2,0))^2+(VLOOKUP($A54,városok!$A$2:$C$346,3,0)-VLOOKUP(BA$1,városok!$A$2:$C$346,3,0))^2)/1000,0)</f>
        <v>280</v>
      </c>
      <c r="BB54">
        <f ca="1">ROUND(SQRT((VLOOKUP($A54,városok!$A$2:$C$346,2,0)-VLOOKUP(BB$1,városok!$A$2:$C$346,2,0))^2+(VLOOKUP($A54,városok!$A$2:$C$346,3,0)-VLOOKUP(BB$1,városok!$A$2:$C$346,3,0))^2)/1000,0)</f>
        <v>264</v>
      </c>
      <c r="BC54">
        <f ca="1">ROUND(SQRT((VLOOKUP($A54,városok!$A$2:$C$346,2,0)-VLOOKUP(BC$1,városok!$A$2:$C$346,2,0))^2+(VLOOKUP($A54,városok!$A$2:$C$346,3,0)-VLOOKUP(BC$1,városok!$A$2:$C$346,3,0))^2)/1000,0)</f>
        <v>277</v>
      </c>
      <c r="BD54">
        <f ca="1">ROUND(SQRT((VLOOKUP($A54,városok!$A$2:$C$346,2,0)-VLOOKUP(BD$1,városok!$A$2:$C$346,2,0))^2+(VLOOKUP($A54,városok!$A$2:$C$346,3,0)-VLOOKUP(BD$1,városok!$A$2:$C$346,3,0))^2)/1000,0)</f>
        <v>253</v>
      </c>
      <c r="BE54">
        <f ca="1">ROUND(SQRT((VLOOKUP($A54,városok!$A$2:$C$346,2,0)-VLOOKUP(BE$1,városok!$A$2:$C$346,2,0))^2+(VLOOKUP($A54,városok!$A$2:$C$346,3,0)-VLOOKUP(BE$1,városok!$A$2:$C$346,3,0))^2)/1000,0)</f>
        <v>157</v>
      </c>
      <c r="BF54">
        <f ca="1">ROUND(SQRT((VLOOKUP($A54,városok!$A$2:$C$346,2,0)-VLOOKUP(BF$1,városok!$A$2:$C$346,2,0))^2+(VLOOKUP($A54,városok!$A$2:$C$346,3,0)-VLOOKUP(BF$1,városok!$A$2:$C$346,3,0))^2)/1000,0)</f>
        <v>173</v>
      </c>
      <c r="BG54">
        <f ca="1">ROUND(SQRT((VLOOKUP($A54,városok!$A$2:$C$346,2,0)-VLOOKUP(BG$1,városok!$A$2:$C$346,2,0))^2+(VLOOKUP($A54,városok!$A$2:$C$346,3,0)-VLOOKUP(BG$1,városok!$A$2:$C$346,3,0))^2)/1000,0)</f>
        <v>154</v>
      </c>
      <c r="BH54">
        <f ca="1">ROUND(SQRT((VLOOKUP($A54,városok!$A$2:$C$346,2,0)-VLOOKUP(BH$1,városok!$A$2:$C$346,2,0))^2+(VLOOKUP($A54,városok!$A$2:$C$346,3,0)-VLOOKUP(BH$1,városok!$A$2:$C$346,3,0))^2)/1000,0)</f>
        <v>154</v>
      </c>
      <c r="BI54">
        <f ca="1">ROUND(SQRT((VLOOKUP($A54,városok!$A$2:$C$346,2,0)-VLOOKUP(BI$1,városok!$A$2:$C$346,2,0))^2+(VLOOKUP($A54,városok!$A$2:$C$346,3,0)-VLOOKUP(BI$1,városok!$A$2:$C$346,3,0))^2)/1000,0)</f>
        <v>214</v>
      </c>
      <c r="BJ54">
        <f ca="1">ROUND(SQRT((VLOOKUP($A54,városok!$A$2:$C$346,2,0)-VLOOKUP(BJ$1,városok!$A$2:$C$346,2,0))^2+(VLOOKUP($A54,városok!$A$2:$C$346,3,0)-VLOOKUP(BJ$1,városok!$A$2:$C$346,3,0))^2)/1000,0)</f>
        <v>229</v>
      </c>
      <c r="BK54">
        <f ca="1">ROUND(SQRT((VLOOKUP($A54,városok!$A$2:$C$346,2,0)-VLOOKUP(BK$1,városok!$A$2:$C$346,2,0))^2+(VLOOKUP($A54,városok!$A$2:$C$346,3,0)-VLOOKUP(BK$1,városok!$A$2:$C$346,3,0))^2)/1000,0)</f>
        <v>209</v>
      </c>
      <c r="BL54">
        <f ca="1">ROUND(SQRT((VLOOKUP($A54,városok!$A$2:$C$346,2,0)-VLOOKUP(BL$1,városok!$A$2:$C$346,2,0))^2+(VLOOKUP($A54,városok!$A$2:$C$346,3,0)-VLOOKUP(BL$1,városok!$A$2:$C$346,3,0))^2)/1000,0)</f>
        <v>365</v>
      </c>
      <c r="BM54">
        <f ca="1">ROUND(SQRT((VLOOKUP($A54,városok!$A$2:$C$346,2,0)-VLOOKUP(BM$1,városok!$A$2:$C$346,2,0))^2+(VLOOKUP($A54,városok!$A$2:$C$346,3,0)-VLOOKUP(BM$1,városok!$A$2:$C$346,3,0))^2)/1000,0)</f>
        <v>342</v>
      </c>
      <c r="BN54">
        <f ca="1">ROUND(SQRT((VLOOKUP($A54,városok!$A$2:$C$346,2,0)-VLOOKUP(BN$1,városok!$A$2:$C$346,2,0))^2+(VLOOKUP($A54,városok!$A$2:$C$346,3,0)-VLOOKUP(BN$1,városok!$A$2:$C$346,3,0))^2)/1000,0)</f>
        <v>365</v>
      </c>
      <c r="BO54">
        <f ca="1">ROUND(SQRT((VLOOKUP($A54,városok!$A$2:$C$346,2,0)-VLOOKUP(BO$1,városok!$A$2:$C$346,2,0))^2+(VLOOKUP($A54,városok!$A$2:$C$346,3,0)-VLOOKUP(BO$1,városok!$A$2:$C$346,3,0))^2)/1000,0)</f>
        <v>258</v>
      </c>
      <c r="BP54">
        <f ca="1">ROUND(SQRT((VLOOKUP($A54,városok!$A$2:$C$346,2,0)-VLOOKUP(BP$1,városok!$A$2:$C$346,2,0))^2+(VLOOKUP($A54,városok!$A$2:$C$346,3,0)-VLOOKUP(BP$1,városok!$A$2:$C$346,3,0))^2)/1000,0)</f>
        <v>251</v>
      </c>
      <c r="BQ54">
        <f ca="1">ROUND(SQRT((VLOOKUP($A54,városok!$A$2:$C$346,2,0)-VLOOKUP(BQ$1,városok!$A$2:$C$346,2,0))^2+(VLOOKUP($A54,városok!$A$2:$C$346,3,0)-VLOOKUP(BQ$1,városok!$A$2:$C$346,3,0))^2)/1000,0)</f>
        <v>266</v>
      </c>
      <c r="BR54">
        <f ca="1">ROUND(SQRT((VLOOKUP($A54,városok!$A$2:$C$346,2,0)-VLOOKUP(BR$1,városok!$A$2:$C$346,2,0))^2+(VLOOKUP($A54,városok!$A$2:$C$346,3,0)-VLOOKUP(BR$1,városok!$A$2:$C$346,3,0))^2)/1000,0)</f>
        <v>315</v>
      </c>
      <c r="BS54">
        <f ca="1">ROUND(SQRT((VLOOKUP($A54,városok!$A$2:$C$346,2,0)-VLOOKUP(BS$1,városok!$A$2:$C$346,2,0))^2+(VLOOKUP($A54,városok!$A$2:$C$346,3,0)-VLOOKUP(BS$1,városok!$A$2:$C$346,3,0))^2)/1000,0)</f>
        <v>337</v>
      </c>
      <c r="BT54">
        <f ca="1">ROUND(SQRT((VLOOKUP($A54,városok!$A$2:$C$346,2,0)-VLOOKUP(BT$1,városok!$A$2:$C$346,2,0))^2+(VLOOKUP($A54,városok!$A$2:$C$346,3,0)-VLOOKUP(BT$1,városok!$A$2:$C$346,3,0))^2)/1000,0)</f>
        <v>346</v>
      </c>
    </row>
    <row r="55" spans="1:72" x14ac:dyDescent="0.2">
      <c r="A55" t="str">
        <f>városok!A55</f>
        <v>Szarvas</v>
      </c>
      <c r="B55">
        <f ca="1">ROUND(SQRT((VLOOKUP($A55,városok!$A$2:$C$346,2,0)-VLOOKUP(B$1,városok!$A$2:$C$346,2,0))^2+(VLOOKUP($A55,városok!$A$2:$C$346,3,0)-VLOOKUP(B$1,városok!$A$2:$C$346,3,0))^2)/1000,0)</f>
        <v>144</v>
      </c>
      <c r="C55">
        <f ca="1">ROUND(SQRT((VLOOKUP($A55,városok!$A$2:$C$346,2,0)-VLOOKUP(C$1,városok!$A$2:$C$346,2,0))^2+(VLOOKUP($A55,városok!$A$2:$C$346,3,0)-VLOOKUP(C$1,városok!$A$2:$C$346,3,0))^2)/1000,0)</f>
        <v>126</v>
      </c>
      <c r="D55">
        <f ca="1">ROUND(SQRT((VLOOKUP($A55,városok!$A$2:$C$346,2,0)-VLOOKUP(D$1,városok!$A$2:$C$346,2,0))^2+(VLOOKUP($A55,városok!$A$2:$C$346,3,0)-VLOOKUP(D$1,városok!$A$2:$C$346,3,0))^2)/1000,0)</f>
        <v>66</v>
      </c>
      <c r="E55">
        <f ca="1">ROUND(SQRT((VLOOKUP($A55,városok!$A$2:$C$346,2,0)-VLOOKUP(E$1,városok!$A$2:$C$346,2,0))^2+(VLOOKUP($A55,városok!$A$2:$C$346,3,0)-VLOOKUP(E$1,városok!$A$2:$C$346,3,0))^2)/1000,0)</f>
        <v>191</v>
      </c>
      <c r="F55">
        <f ca="1">ROUND(SQRT((VLOOKUP($A55,városok!$A$2:$C$346,2,0)-VLOOKUP(F$1,városok!$A$2:$C$346,2,0))^2+(VLOOKUP($A55,városok!$A$2:$C$346,3,0)-VLOOKUP(F$1,városok!$A$2:$C$346,3,0))^2)/1000,0)</f>
        <v>173</v>
      </c>
      <c r="G55">
        <f ca="1">ROUND(SQRT((VLOOKUP($A55,városok!$A$2:$C$346,2,0)-VLOOKUP(G$1,városok!$A$2:$C$346,2,0))^2+(VLOOKUP($A55,városok!$A$2:$C$346,3,0)-VLOOKUP(G$1,városok!$A$2:$C$346,3,0))^2)/1000,0)</f>
        <v>197</v>
      </c>
      <c r="H55">
        <f ca="1">ROUND(SQRT((VLOOKUP($A55,városok!$A$2:$C$346,2,0)-VLOOKUP(H$1,városok!$A$2:$C$346,2,0))^2+(VLOOKUP($A55,városok!$A$2:$C$346,3,0)-VLOOKUP(H$1,városok!$A$2:$C$346,3,0))^2)/1000,0)</f>
        <v>230</v>
      </c>
      <c r="I55">
        <f ca="1">ROUND(SQRT((VLOOKUP($A55,városok!$A$2:$C$346,2,0)-VLOOKUP(I$1,városok!$A$2:$C$346,2,0))^2+(VLOOKUP($A55,városok!$A$2:$C$346,3,0)-VLOOKUP(I$1,városok!$A$2:$C$346,3,0))^2)/1000,0)</f>
        <v>46</v>
      </c>
      <c r="J55">
        <f ca="1">ROUND(SQRT((VLOOKUP($A55,városok!$A$2:$C$346,2,0)-VLOOKUP(J$1,városok!$A$2:$C$346,2,0))^2+(VLOOKUP($A55,városok!$A$2:$C$346,3,0)-VLOOKUP(J$1,városok!$A$2:$C$346,3,0))^2)/1000,0)</f>
        <v>60</v>
      </c>
      <c r="K55">
        <f ca="1">ROUND(SQRT((VLOOKUP($A55,városok!$A$2:$C$346,2,0)-VLOOKUP(K$1,városok!$A$2:$C$346,2,0))^2+(VLOOKUP($A55,városok!$A$2:$C$346,3,0)-VLOOKUP(K$1,városok!$A$2:$C$346,3,0))^2)/1000,0)</f>
        <v>35</v>
      </c>
      <c r="L55">
        <f ca="1">ROUND(SQRT((VLOOKUP($A55,városok!$A$2:$C$346,2,0)-VLOOKUP(L$1,városok!$A$2:$C$346,2,0))^2+(VLOOKUP($A55,városok!$A$2:$C$346,3,0)-VLOOKUP(L$1,városok!$A$2:$C$346,3,0))^2)/1000,0)</f>
        <v>155</v>
      </c>
      <c r="M55">
        <f ca="1">ROUND(SQRT((VLOOKUP($A55,városok!$A$2:$C$346,2,0)-VLOOKUP(M$1,városok!$A$2:$C$346,2,0))^2+(VLOOKUP($A55,városok!$A$2:$C$346,3,0)-VLOOKUP(M$1,városok!$A$2:$C$346,3,0))^2)/1000,0)</f>
        <v>139</v>
      </c>
      <c r="N55">
        <f ca="1">ROUND(SQRT((VLOOKUP($A55,városok!$A$2:$C$346,2,0)-VLOOKUP(N$1,városok!$A$2:$C$346,2,0))^2+(VLOOKUP($A55,városok!$A$2:$C$346,3,0)-VLOOKUP(N$1,városok!$A$2:$C$346,3,0))^2)/1000,0)</f>
        <v>152</v>
      </c>
      <c r="O55">
        <f ca="1">ROUND(SQRT((VLOOKUP($A55,városok!$A$2:$C$346,2,0)-VLOOKUP(O$1,városok!$A$2:$C$346,2,0))^2+(VLOOKUP($A55,városok!$A$2:$C$346,3,0)-VLOOKUP(O$1,városok!$A$2:$C$346,3,0))^2)/1000,0)</f>
        <v>189</v>
      </c>
      <c r="P55">
        <f ca="1">ROUND(SQRT((VLOOKUP($A55,városok!$A$2:$C$346,2,0)-VLOOKUP(P$1,városok!$A$2:$C$346,2,0))^2+(VLOOKUP($A55,városok!$A$2:$C$346,3,0)-VLOOKUP(P$1,városok!$A$2:$C$346,3,0))^2)/1000,0)</f>
        <v>189</v>
      </c>
      <c r="Q55">
        <f ca="1">ROUND(SQRT((VLOOKUP($A55,városok!$A$2:$C$346,2,0)-VLOOKUP(Q$1,városok!$A$2:$C$346,2,0))^2+(VLOOKUP($A55,városok!$A$2:$C$346,3,0)-VLOOKUP(Q$1,városok!$A$2:$C$346,3,0))^2)/1000,0)</f>
        <v>53</v>
      </c>
      <c r="R55">
        <f ca="1">ROUND(SQRT((VLOOKUP($A55,városok!$A$2:$C$346,2,0)-VLOOKUP(R$1,városok!$A$2:$C$346,2,0))^2+(VLOOKUP($A55,városok!$A$2:$C$346,3,0)-VLOOKUP(R$1,városok!$A$2:$C$346,3,0))^2)/1000,0)</f>
        <v>72</v>
      </c>
      <c r="S55">
        <f ca="1">ROUND(SQRT((VLOOKUP($A55,városok!$A$2:$C$346,2,0)-VLOOKUP(S$1,városok!$A$2:$C$346,2,0))^2+(VLOOKUP($A55,városok!$A$2:$C$346,3,0)-VLOOKUP(S$1,városok!$A$2:$C$346,3,0))^2)/1000,0)</f>
        <v>75</v>
      </c>
      <c r="T55">
        <f ca="1">ROUND(SQRT((VLOOKUP($A55,városok!$A$2:$C$346,2,0)-VLOOKUP(T$1,városok!$A$2:$C$346,2,0))^2+(VLOOKUP($A55,városok!$A$2:$C$346,3,0)-VLOOKUP(T$1,városok!$A$2:$C$346,3,0))^2)/1000,0)</f>
        <v>161</v>
      </c>
      <c r="U55">
        <f ca="1">ROUND(SQRT((VLOOKUP($A55,városok!$A$2:$C$346,2,0)-VLOOKUP(U$1,városok!$A$2:$C$346,2,0))^2+(VLOOKUP($A55,városok!$A$2:$C$346,3,0)-VLOOKUP(U$1,városok!$A$2:$C$346,3,0))^2)/1000,0)</f>
        <v>124</v>
      </c>
      <c r="V55">
        <f ca="1">ROUND(SQRT((VLOOKUP($A55,városok!$A$2:$C$346,2,0)-VLOOKUP(V$1,városok!$A$2:$C$346,2,0))^2+(VLOOKUP($A55,városok!$A$2:$C$346,3,0)-VLOOKUP(V$1,városok!$A$2:$C$346,3,0))^2)/1000,0)</f>
        <v>173</v>
      </c>
      <c r="W55">
        <f ca="1">ROUND(SQRT((VLOOKUP($A55,városok!$A$2:$C$346,2,0)-VLOOKUP(W$1,városok!$A$2:$C$346,2,0))^2+(VLOOKUP($A55,városok!$A$2:$C$346,3,0)-VLOOKUP(W$1,városok!$A$2:$C$346,3,0))^2)/1000,0)</f>
        <v>147</v>
      </c>
      <c r="X55">
        <f ca="1">ROUND(SQRT((VLOOKUP($A55,városok!$A$2:$C$346,2,0)-VLOOKUP(X$1,városok!$A$2:$C$346,2,0))^2+(VLOOKUP($A55,városok!$A$2:$C$346,3,0)-VLOOKUP(X$1,városok!$A$2:$C$346,3,0))^2)/1000,0)</f>
        <v>176</v>
      </c>
      <c r="Y55">
        <f ca="1">ROUND(SQRT((VLOOKUP($A55,városok!$A$2:$C$346,2,0)-VLOOKUP(Y$1,városok!$A$2:$C$346,2,0))^2+(VLOOKUP($A55,városok!$A$2:$C$346,3,0)-VLOOKUP(Y$1,városok!$A$2:$C$346,3,0))^2)/1000,0)</f>
        <v>239</v>
      </c>
      <c r="Z55">
        <f ca="1">ROUND(SQRT((VLOOKUP($A55,városok!$A$2:$C$346,2,0)-VLOOKUP(Z$1,városok!$A$2:$C$346,2,0))^2+(VLOOKUP($A55,városok!$A$2:$C$346,3,0)-VLOOKUP(Z$1,városok!$A$2:$C$346,3,0))^2)/1000,0)</f>
        <v>258</v>
      </c>
      <c r="AA55">
        <f ca="1">ROUND(SQRT((VLOOKUP($A55,városok!$A$2:$C$346,2,0)-VLOOKUP(AA$1,városok!$A$2:$C$346,2,0))^2+(VLOOKUP($A55,városok!$A$2:$C$346,3,0)-VLOOKUP(AA$1,városok!$A$2:$C$346,3,0))^2)/1000,0)</f>
        <v>314</v>
      </c>
      <c r="AB55">
        <f ca="1">ROUND(SQRT((VLOOKUP($A55,városok!$A$2:$C$346,2,0)-VLOOKUP(AB$1,városok!$A$2:$C$346,2,0))^2+(VLOOKUP($A55,városok!$A$2:$C$346,3,0)-VLOOKUP(AB$1,városok!$A$2:$C$346,3,0))^2)/1000,0)</f>
        <v>110</v>
      </c>
      <c r="AC55">
        <f ca="1">ROUND(SQRT((VLOOKUP($A55,városok!$A$2:$C$346,2,0)-VLOOKUP(AC$1,városok!$A$2:$C$346,2,0))^2+(VLOOKUP($A55,városok!$A$2:$C$346,3,0)-VLOOKUP(AC$1,városok!$A$2:$C$346,3,0))^2)/1000,0)</f>
        <v>91</v>
      </c>
      <c r="AD55">
        <f ca="1">ROUND(SQRT((VLOOKUP($A55,városok!$A$2:$C$346,2,0)-VLOOKUP(AD$1,városok!$A$2:$C$346,2,0))^2+(VLOOKUP($A55,városok!$A$2:$C$346,3,0)-VLOOKUP(AD$1,városok!$A$2:$C$346,3,0))^2)/1000,0)</f>
        <v>78</v>
      </c>
      <c r="AE55">
        <f ca="1">ROUND(SQRT((VLOOKUP($A55,városok!$A$2:$C$346,2,0)-VLOOKUP(AE$1,városok!$A$2:$C$346,2,0))^2+(VLOOKUP($A55,városok!$A$2:$C$346,3,0)-VLOOKUP(AE$1,városok!$A$2:$C$346,3,0))^2)/1000,0)</f>
        <v>66</v>
      </c>
      <c r="AF55">
        <f ca="1">ROUND(SQRT((VLOOKUP($A55,városok!$A$2:$C$346,2,0)-VLOOKUP(AF$1,városok!$A$2:$C$346,2,0))^2+(VLOOKUP($A55,városok!$A$2:$C$346,3,0)-VLOOKUP(AF$1,városok!$A$2:$C$346,3,0))^2)/1000,0)</f>
        <v>116</v>
      </c>
      <c r="AG55">
        <f ca="1">ROUND(SQRT((VLOOKUP($A55,városok!$A$2:$C$346,2,0)-VLOOKUP(AG$1,városok!$A$2:$C$346,2,0))^2+(VLOOKUP($A55,városok!$A$2:$C$346,3,0)-VLOOKUP(AG$1,városok!$A$2:$C$346,3,0))^2)/1000,0)</f>
        <v>112</v>
      </c>
      <c r="AH55">
        <f ca="1">ROUND(SQRT((VLOOKUP($A55,városok!$A$2:$C$346,2,0)-VLOOKUP(AH$1,városok!$A$2:$C$346,2,0))^2+(VLOOKUP($A55,városok!$A$2:$C$346,3,0)-VLOOKUP(AH$1,városok!$A$2:$C$346,3,0))^2)/1000,0)</f>
        <v>111</v>
      </c>
      <c r="AI55">
        <f ca="1">ROUND(SQRT((VLOOKUP($A55,városok!$A$2:$C$346,2,0)-VLOOKUP(AI$1,városok!$A$2:$C$346,2,0))^2+(VLOOKUP($A55,városok!$A$2:$C$346,3,0)-VLOOKUP(AI$1,városok!$A$2:$C$346,3,0))^2)/1000,0)</f>
        <v>133</v>
      </c>
      <c r="AJ55">
        <f ca="1">ROUND(SQRT((VLOOKUP($A55,városok!$A$2:$C$346,2,0)-VLOOKUP(AJ$1,városok!$A$2:$C$346,2,0))^2+(VLOOKUP($A55,városok!$A$2:$C$346,3,0)-VLOOKUP(AJ$1,városok!$A$2:$C$346,3,0))^2)/1000,0)</f>
        <v>97</v>
      </c>
      <c r="AK55">
        <f ca="1">ROUND(SQRT((VLOOKUP($A55,városok!$A$2:$C$346,2,0)-VLOOKUP(AK$1,városok!$A$2:$C$346,2,0))^2+(VLOOKUP($A55,városok!$A$2:$C$346,3,0)-VLOOKUP(AK$1,városok!$A$2:$C$346,3,0))^2)/1000,0)</f>
        <v>56</v>
      </c>
      <c r="AL55">
        <f ca="1">ROUND(SQRT((VLOOKUP($A55,városok!$A$2:$C$346,2,0)-VLOOKUP(AL$1,városok!$A$2:$C$346,2,0))^2+(VLOOKUP($A55,városok!$A$2:$C$346,3,0)-VLOOKUP(AL$1,városok!$A$2:$C$346,3,0))^2)/1000,0)</f>
        <v>56</v>
      </c>
      <c r="AM55">
        <f ca="1">ROUND(SQRT((VLOOKUP($A55,városok!$A$2:$C$346,2,0)-VLOOKUP(AM$1,városok!$A$2:$C$346,2,0))^2+(VLOOKUP($A55,városok!$A$2:$C$346,3,0)-VLOOKUP(AM$1,városok!$A$2:$C$346,3,0))^2)/1000,0)</f>
        <v>45</v>
      </c>
      <c r="AN55">
        <f ca="1">ROUND(SQRT((VLOOKUP($A55,városok!$A$2:$C$346,2,0)-VLOOKUP(AN$1,városok!$A$2:$C$346,2,0))^2+(VLOOKUP($A55,városok!$A$2:$C$346,3,0)-VLOOKUP(AN$1,városok!$A$2:$C$346,3,0))^2)/1000,0)</f>
        <v>171</v>
      </c>
      <c r="AO55">
        <f ca="1">ROUND(SQRT((VLOOKUP($A55,városok!$A$2:$C$346,2,0)-VLOOKUP(AO$1,városok!$A$2:$C$346,2,0))^2+(VLOOKUP($A55,városok!$A$2:$C$346,3,0)-VLOOKUP(AO$1,városok!$A$2:$C$346,3,0))^2)/1000,0)</f>
        <v>208</v>
      </c>
      <c r="AP55">
        <f ca="1">ROUND(SQRT((VLOOKUP($A55,városok!$A$2:$C$346,2,0)-VLOOKUP(AP$1,városok!$A$2:$C$346,2,0))^2+(VLOOKUP($A55,városok!$A$2:$C$346,3,0)-VLOOKUP(AP$1,városok!$A$2:$C$346,3,0))^2)/1000,0)</f>
        <v>189</v>
      </c>
      <c r="AQ55">
        <f ca="1">ROUND(SQRT((VLOOKUP($A55,városok!$A$2:$C$346,2,0)-VLOOKUP(AQ$1,városok!$A$2:$C$346,2,0))^2+(VLOOKUP($A55,városok!$A$2:$C$346,3,0)-VLOOKUP(AQ$1,városok!$A$2:$C$346,3,0))^2)/1000,0)</f>
        <v>180</v>
      </c>
      <c r="AR55">
        <f ca="1">ROUND(SQRT((VLOOKUP($A55,városok!$A$2:$C$346,2,0)-VLOOKUP(AR$1,városok!$A$2:$C$346,2,0))^2+(VLOOKUP($A55,városok!$A$2:$C$346,3,0)-VLOOKUP(AR$1,városok!$A$2:$C$346,3,0))^2)/1000,0)</f>
        <v>134</v>
      </c>
      <c r="AS55">
        <f ca="1">ROUND(SQRT((VLOOKUP($A55,városok!$A$2:$C$346,2,0)-VLOOKUP(AS$1,városok!$A$2:$C$346,2,0))^2+(VLOOKUP($A55,városok!$A$2:$C$346,3,0)-VLOOKUP(AS$1,városok!$A$2:$C$346,3,0))^2)/1000,0)</f>
        <v>149</v>
      </c>
      <c r="AT55">
        <f ca="1">ROUND(SQRT((VLOOKUP($A55,városok!$A$2:$C$346,2,0)-VLOOKUP(AT$1,városok!$A$2:$C$346,2,0))^2+(VLOOKUP($A55,városok!$A$2:$C$346,3,0)-VLOOKUP(AT$1,városok!$A$2:$C$346,3,0))^2)/1000,0)</f>
        <v>148</v>
      </c>
      <c r="AU55">
        <f ca="1">ROUND(SQRT((VLOOKUP($A55,városok!$A$2:$C$346,2,0)-VLOOKUP(AU$1,városok!$A$2:$C$346,2,0))^2+(VLOOKUP($A55,városok!$A$2:$C$346,3,0)-VLOOKUP(AU$1,városok!$A$2:$C$346,3,0))^2)/1000,0)</f>
        <v>138</v>
      </c>
      <c r="AV55">
        <f ca="1">ROUND(SQRT((VLOOKUP($A55,városok!$A$2:$C$346,2,0)-VLOOKUP(AV$1,városok!$A$2:$C$346,2,0))^2+(VLOOKUP($A55,városok!$A$2:$C$346,3,0)-VLOOKUP(AV$1,városok!$A$2:$C$346,3,0))^2)/1000,0)</f>
        <v>136</v>
      </c>
      <c r="AW55">
        <f ca="1">ROUND(SQRT((VLOOKUP($A55,városok!$A$2:$C$346,2,0)-VLOOKUP(AW$1,városok!$A$2:$C$346,2,0))^2+(VLOOKUP($A55,városok!$A$2:$C$346,3,0)-VLOOKUP(AW$1,városok!$A$2:$C$346,3,0))^2)/1000,0)</f>
        <v>138</v>
      </c>
      <c r="AX55">
        <f ca="1">ROUND(SQRT((VLOOKUP($A55,városok!$A$2:$C$346,2,0)-VLOOKUP(AX$1,városok!$A$2:$C$346,2,0))^2+(VLOOKUP($A55,városok!$A$2:$C$346,3,0)-VLOOKUP(AX$1,városok!$A$2:$C$346,3,0))^2)/1000,0)</f>
        <v>62</v>
      </c>
      <c r="AY55">
        <f ca="1">ROUND(SQRT((VLOOKUP($A55,városok!$A$2:$C$346,2,0)-VLOOKUP(AY$1,városok!$A$2:$C$346,2,0))^2+(VLOOKUP($A55,városok!$A$2:$C$346,3,0)-VLOOKUP(AY$1,városok!$A$2:$C$346,3,0))^2)/1000,0)</f>
        <v>145</v>
      </c>
      <c r="AZ55">
        <f ca="1">ROUND(SQRT((VLOOKUP($A55,városok!$A$2:$C$346,2,0)-VLOOKUP(AZ$1,városok!$A$2:$C$346,2,0))^2+(VLOOKUP($A55,városok!$A$2:$C$346,3,0)-VLOOKUP(AZ$1,városok!$A$2:$C$346,3,0))^2)/1000,0)</f>
        <v>157</v>
      </c>
      <c r="BA55">
        <f ca="1">ROUND(SQRT((VLOOKUP($A55,városok!$A$2:$C$346,2,0)-VLOOKUP(BA$1,városok!$A$2:$C$346,2,0))^2+(VLOOKUP($A55,városok!$A$2:$C$346,3,0)-VLOOKUP(BA$1,városok!$A$2:$C$346,3,0))^2)/1000,0)</f>
        <v>218</v>
      </c>
      <c r="BB55">
        <f ca="1">ROUND(SQRT((VLOOKUP($A55,városok!$A$2:$C$346,2,0)-VLOOKUP(BB$1,városok!$A$2:$C$346,2,0))^2+(VLOOKUP($A55,városok!$A$2:$C$346,3,0)-VLOOKUP(BB$1,városok!$A$2:$C$346,3,0))^2)/1000,0)</f>
        <v>203</v>
      </c>
      <c r="BC55">
        <f ca="1">ROUND(SQRT((VLOOKUP($A55,városok!$A$2:$C$346,2,0)-VLOOKUP(BC$1,városok!$A$2:$C$346,2,0))^2+(VLOOKUP($A55,városok!$A$2:$C$346,3,0)-VLOOKUP(BC$1,városok!$A$2:$C$346,3,0))^2)/1000,0)</f>
        <v>219</v>
      </c>
      <c r="BD55">
        <f ca="1">ROUND(SQRT((VLOOKUP($A55,városok!$A$2:$C$346,2,0)-VLOOKUP(BD$1,városok!$A$2:$C$346,2,0))^2+(VLOOKUP($A55,városok!$A$2:$C$346,3,0)-VLOOKUP(BD$1,városok!$A$2:$C$346,3,0))^2)/1000,0)</f>
        <v>190</v>
      </c>
      <c r="BE55">
        <f ca="1">ROUND(SQRT((VLOOKUP($A55,városok!$A$2:$C$346,2,0)-VLOOKUP(BE$1,városok!$A$2:$C$346,2,0))^2+(VLOOKUP($A55,városok!$A$2:$C$346,3,0)-VLOOKUP(BE$1,városok!$A$2:$C$346,3,0))^2)/1000,0)</f>
        <v>193</v>
      </c>
      <c r="BF55">
        <f ca="1">ROUND(SQRT((VLOOKUP($A55,városok!$A$2:$C$346,2,0)-VLOOKUP(BF$1,városok!$A$2:$C$346,2,0))^2+(VLOOKUP($A55,városok!$A$2:$C$346,3,0)-VLOOKUP(BF$1,városok!$A$2:$C$346,3,0))^2)/1000,0)</f>
        <v>190</v>
      </c>
      <c r="BG55">
        <f ca="1">ROUND(SQRT((VLOOKUP($A55,városok!$A$2:$C$346,2,0)-VLOOKUP(BG$1,városok!$A$2:$C$346,2,0))^2+(VLOOKUP($A55,városok!$A$2:$C$346,3,0)-VLOOKUP(BG$1,városok!$A$2:$C$346,3,0))^2)/1000,0)</f>
        <v>156</v>
      </c>
      <c r="BH55">
        <f ca="1">ROUND(SQRT((VLOOKUP($A55,városok!$A$2:$C$346,2,0)-VLOOKUP(BH$1,városok!$A$2:$C$346,2,0))^2+(VLOOKUP($A55,városok!$A$2:$C$346,3,0)-VLOOKUP(BH$1,városok!$A$2:$C$346,3,0))^2)/1000,0)</f>
        <v>156</v>
      </c>
      <c r="BI55">
        <f ca="1">ROUND(SQRT((VLOOKUP($A55,városok!$A$2:$C$346,2,0)-VLOOKUP(BI$1,városok!$A$2:$C$346,2,0))^2+(VLOOKUP($A55,városok!$A$2:$C$346,3,0)-VLOOKUP(BI$1,városok!$A$2:$C$346,3,0))^2)/1000,0)</f>
        <v>157</v>
      </c>
      <c r="BJ55">
        <f ca="1">ROUND(SQRT((VLOOKUP($A55,városok!$A$2:$C$346,2,0)-VLOOKUP(BJ$1,városok!$A$2:$C$346,2,0))^2+(VLOOKUP($A55,városok!$A$2:$C$346,3,0)-VLOOKUP(BJ$1,városok!$A$2:$C$346,3,0))^2)/1000,0)</f>
        <v>173</v>
      </c>
      <c r="BK55">
        <f ca="1">ROUND(SQRT((VLOOKUP($A55,városok!$A$2:$C$346,2,0)-VLOOKUP(BK$1,városok!$A$2:$C$346,2,0))^2+(VLOOKUP($A55,városok!$A$2:$C$346,3,0)-VLOOKUP(BK$1,városok!$A$2:$C$346,3,0))^2)/1000,0)</f>
        <v>153</v>
      </c>
      <c r="BL55">
        <f ca="1">ROUND(SQRT((VLOOKUP($A55,városok!$A$2:$C$346,2,0)-VLOOKUP(BL$1,városok!$A$2:$C$346,2,0))^2+(VLOOKUP($A55,városok!$A$2:$C$346,3,0)-VLOOKUP(BL$1,városok!$A$2:$C$346,3,0))^2)/1000,0)</f>
        <v>301</v>
      </c>
      <c r="BM55">
        <f ca="1">ROUND(SQRT((VLOOKUP($A55,városok!$A$2:$C$346,2,0)-VLOOKUP(BM$1,városok!$A$2:$C$346,2,0))^2+(VLOOKUP($A55,városok!$A$2:$C$346,3,0)-VLOOKUP(BM$1,városok!$A$2:$C$346,3,0))^2)/1000,0)</f>
        <v>278</v>
      </c>
      <c r="BN55">
        <f ca="1">ROUND(SQRT((VLOOKUP($A55,városok!$A$2:$C$346,2,0)-VLOOKUP(BN$1,városok!$A$2:$C$346,2,0))^2+(VLOOKUP($A55,városok!$A$2:$C$346,3,0)-VLOOKUP(BN$1,városok!$A$2:$C$346,3,0))^2)/1000,0)</f>
        <v>301</v>
      </c>
      <c r="BO55">
        <f ca="1">ROUND(SQRT((VLOOKUP($A55,városok!$A$2:$C$346,2,0)-VLOOKUP(BO$1,városok!$A$2:$C$346,2,0))^2+(VLOOKUP($A55,városok!$A$2:$C$346,3,0)-VLOOKUP(BO$1,városok!$A$2:$C$346,3,0))^2)/1000,0)</f>
        <v>194</v>
      </c>
      <c r="BP55">
        <f ca="1">ROUND(SQRT((VLOOKUP($A55,városok!$A$2:$C$346,2,0)-VLOOKUP(BP$1,városok!$A$2:$C$346,2,0))^2+(VLOOKUP($A55,városok!$A$2:$C$346,3,0)-VLOOKUP(BP$1,városok!$A$2:$C$346,3,0))^2)/1000,0)</f>
        <v>187</v>
      </c>
      <c r="BQ55">
        <f ca="1">ROUND(SQRT((VLOOKUP($A55,városok!$A$2:$C$346,2,0)-VLOOKUP(BQ$1,városok!$A$2:$C$346,2,0))^2+(VLOOKUP($A55,városok!$A$2:$C$346,3,0)-VLOOKUP(BQ$1,városok!$A$2:$C$346,3,0))^2)/1000,0)</f>
        <v>202</v>
      </c>
      <c r="BR55">
        <f ca="1">ROUND(SQRT((VLOOKUP($A55,városok!$A$2:$C$346,2,0)-VLOOKUP(BR$1,városok!$A$2:$C$346,2,0))^2+(VLOOKUP($A55,városok!$A$2:$C$346,3,0)-VLOOKUP(BR$1,városok!$A$2:$C$346,3,0))^2)/1000,0)</f>
        <v>252</v>
      </c>
      <c r="BS55">
        <f ca="1">ROUND(SQRT((VLOOKUP($A55,városok!$A$2:$C$346,2,0)-VLOOKUP(BS$1,városok!$A$2:$C$346,2,0))^2+(VLOOKUP($A55,városok!$A$2:$C$346,3,0)-VLOOKUP(BS$1,városok!$A$2:$C$346,3,0))^2)/1000,0)</f>
        <v>276</v>
      </c>
      <c r="BT55">
        <f ca="1">ROUND(SQRT((VLOOKUP($A55,városok!$A$2:$C$346,2,0)-VLOOKUP(BT$1,városok!$A$2:$C$346,2,0))^2+(VLOOKUP($A55,városok!$A$2:$C$346,3,0)-VLOOKUP(BT$1,városok!$A$2:$C$346,3,0))^2)/1000,0)</f>
        <v>283</v>
      </c>
    </row>
    <row r="56" spans="1:72" x14ac:dyDescent="0.2">
      <c r="A56" t="str">
        <f>városok!A56</f>
        <v>Szeghalom</v>
      </c>
      <c r="B56">
        <f ca="1">ROUND(SQRT((VLOOKUP($A56,városok!$A$2:$C$346,2,0)-VLOOKUP(B$1,városok!$A$2:$C$346,2,0))^2+(VLOOKUP($A56,városok!$A$2:$C$346,3,0)-VLOOKUP(B$1,városok!$A$2:$C$346,3,0))^2)/1000,0)</f>
        <v>193</v>
      </c>
      <c r="C56">
        <f ca="1">ROUND(SQRT((VLOOKUP($A56,városok!$A$2:$C$346,2,0)-VLOOKUP(C$1,városok!$A$2:$C$346,2,0))^2+(VLOOKUP($A56,városok!$A$2:$C$346,3,0)-VLOOKUP(C$1,városok!$A$2:$C$346,3,0))^2)/1000,0)</f>
        <v>176</v>
      </c>
      <c r="D56">
        <f ca="1">ROUND(SQRT((VLOOKUP($A56,városok!$A$2:$C$346,2,0)-VLOOKUP(D$1,városok!$A$2:$C$346,2,0))^2+(VLOOKUP($A56,városok!$A$2:$C$346,3,0)-VLOOKUP(D$1,városok!$A$2:$C$346,3,0))^2)/1000,0)</f>
        <v>113</v>
      </c>
      <c r="E56">
        <f ca="1">ROUND(SQRT((VLOOKUP($A56,városok!$A$2:$C$346,2,0)-VLOOKUP(E$1,városok!$A$2:$C$346,2,0))^2+(VLOOKUP($A56,városok!$A$2:$C$346,3,0)-VLOOKUP(E$1,városok!$A$2:$C$346,3,0))^2)/1000,0)</f>
        <v>241</v>
      </c>
      <c r="F56">
        <f ca="1">ROUND(SQRT((VLOOKUP($A56,városok!$A$2:$C$346,2,0)-VLOOKUP(F$1,városok!$A$2:$C$346,2,0))^2+(VLOOKUP($A56,városok!$A$2:$C$346,3,0)-VLOOKUP(F$1,városok!$A$2:$C$346,3,0))^2)/1000,0)</f>
        <v>223</v>
      </c>
      <c r="G56">
        <f ca="1">ROUND(SQRT((VLOOKUP($A56,városok!$A$2:$C$346,2,0)-VLOOKUP(G$1,városok!$A$2:$C$346,2,0))^2+(VLOOKUP($A56,városok!$A$2:$C$346,3,0)-VLOOKUP(G$1,városok!$A$2:$C$346,3,0))^2)/1000,0)</f>
        <v>248</v>
      </c>
      <c r="H56">
        <f ca="1">ROUND(SQRT((VLOOKUP($A56,városok!$A$2:$C$346,2,0)-VLOOKUP(H$1,városok!$A$2:$C$346,2,0))^2+(VLOOKUP($A56,városok!$A$2:$C$346,3,0)-VLOOKUP(H$1,városok!$A$2:$C$346,3,0))^2)/1000,0)</f>
        <v>281</v>
      </c>
      <c r="I56">
        <f ca="1">ROUND(SQRT((VLOOKUP($A56,városok!$A$2:$C$346,2,0)-VLOOKUP(I$1,városok!$A$2:$C$346,2,0))^2+(VLOOKUP($A56,városok!$A$2:$C$346,3,0)-VLOOKUP(I$1,városok!$A$2:$C$346,3,0))^2)/1000,0)</f>
        <v>39</v>
      </c>
      <c r="J56">
        <f ca="1">ROUND(SQRT((VLOOKUP($A56,városok!$A$2:$C$346,2,0)-VLOOKUP(J$1,városok!$A$2:$C$346,2,0))^2+(VLOOKUP($A56,városok!$A$2:$C$346,3,0)-VLOOKUP(J$1,városok!$A$2:$C$346,3,0))^2)/1000,0)</f>
        <v>43</v>
      </c>
      <c r="K56">
        <f ca="1">ROUND(SQRT((VLOOKUP($A56,városok!$A$2:$C$346,2,0)-VLOOKUP(K$1,városok!$A$2:$C$346,2,0))^2+(VLOOKUP($A56,városok!$A$2:$C$346,3,0)-VLOOKUP(K$1,városok!$A$2:$C$346,3,0))^2)/1000,0)</f>
        <v>64</v>
      </c>
      <c r="L56">
        <f ca="1">ROUND(SQRT((VLOOKUP($A56,városok!$A$2:$C$346,2,0)-VLOOKUP(L$1,városok!$A$2:$C$346,2,0))^2+(VLOOKUP($A56,városok!$A$2:$C$346,3,0)-VLOOKUP(L$1,városok!$A$2:$C$346,3,0))^2)/1000,0)</f>
        <v>143</v>
      </c>
      <c r="M56">
        <f ca="1">ROUND(SQRT((VLOOKUP($A56,városok!$A$2:$C$346,2,0)-VLOOKUP(M$1,városok!$A$2:$C$346,2,0))^2+(VLOOKUP($A56,városok!$A$2:$C$346,3,0)-VLOOKUP(M$1,városok!$A$2:$C$346,3,0))^2)/1000,0)</f>
        <v>124</v>
      </c>
      <c r="N56">
        <f ca="1">ROUND(SQRT((VLOOKUP($A56,városok!$A$2:$C$346,2,0)-VLOOKUP(N$1,városok!$A$2:$C$346,2,0))^2+(VLOOKUP($A56,városok!$A$2:$C$346,3,0)-VLOOKUP(N$1,városok!$A$2:$C$346,3,0))^2)/1000,0)</f>
        <v>149</v>
      </c>
      <c r="O56">
        <f ca="1">ROUND(SQRT((VLOOKUP($A56,városok!$A$2:$C$346,2,0)-VLOOKUP(O$1,városok!$A$2:$C$346,2,0))^2+(VLOOKUP($A56,városok!$A$2:$C$346,3,0)-VLOOKUP(O$1,városok!$A$2:$C$346,3,0))^2)/1000,0)</f>
        <v>157</v>
      </c>
      <c r="P56">
        <f ca="1">ROUND(SQRT((VLOOKUP($A56,városok!$A$2:$C$346,2,0)-VLOOKUP(P$1,városok!$A$2:$C$346,2,0))^2+(VLOOKUP($A56,városok!$A$2:$C$346,3,0)-VLOOKUP(P$1,városok!$A$2:$C$346,3,0))^2)/1000,0)</f>
        <v>157</v>
      </c>
      <c r="Q56">
        <f ca="1">ROUND(SQRT((VLOOKUP($A56,városok!$A$2:$C$346,2,0)-VLOOKUP(Q$1,városok!$A$2:$C$346,2,0))^2+(VLOOKUP($A56,városok!$A$2:$C$346,3,0)-VLOOKUP(Q$1,városok!$A$2:$C$346,3,0))^2)/1000,0)</f>
        <v>93</v>
      </c>
      <c r="R56">
        <f ca="1">ROUND(SQRT((VLOOKUP($A56,városok!$A$2:$C$346,2,0)-VLOOKUP(R$1,városok!$A$2:$C$346,2,0))^2+(VLOOKUP($A56,városok!$A$2:$C$346,3,0)-VLOOKUP(R$1,városok!$A$2:$C$346,3,0))^2)/1000,0)</f>
        <v>104</v>
      </c>
      <c r="S56">
        <f ca="1">ROUND(SQRT((VLOOKUP($A56,városok!$A$2:$C$346,2,0)-VLOOKUP(S$1,városok!$A$2:$C$346,2,0))^2+(VLOOKUP($A56,városok!$A$2:$C$346,3,0)-VLOOKUP(S$1,városok!$A$2:$C$346,3,0))^2)/1000,0)</f>
        <v>116</v>
      </c>
      <c r="T56">
        <f ca="1">ROUND(SQRT((VLOOKUP($A56,városok!$A$2:$C$346,2,0)-VLOOKUP(T$1,városok!$A$2:$C$346,2,0))^2+(VLOOKUP($A56,városok!$A$2:$C$346,3,0)-VLOOKUP(T$1,városok!$A$2:$C$346,3,0))^2)/1000,0)</f>
        <v>199</v>
      </c>
      <c r="U56">
        <f ca="1">ROUND(SQRT((VLOOKUP($A56,városok!$A$2:$C$346,2,0)-VLOOKUP(U$1,városok!$A$2:$C$346,2,0))^2+(VLOOKUP($A56,városok!$A$2:$C$346,3,0)-VLOOKUP(U$1,városok!$A$2:$C$346,3,0))^2)/1000,0)</f>
        <v>170</v>
      </c>
      <c r="V56">
        <f ca="1">ROUND(SQRT((VLOOKUP($A56,városok!$A$2:$C$346,2,0)-VLOOKUP(V$1,városok!$A$2:$C$346,2,0))^2+(VLOOKUP($A56,városok!$A$2:$C$346,3,0)-VLOOKUP(V$1,városok!$A$2:$C$346,3,0))^2)/1000,0)</f>
        <v>218</v>
      </c>
      <c r="W56">
        <f ca="1">ROUND(SQRT((VLOOKUP($A56,városok!$A$2:$C$346,2,0)-VLOOKUP(W$1,városok!$A$2:$C$346,2,0))^2+(VLOOKUP($A56,városok!$A$2:$C$346,3,0)-VLOOKUP(W$1,városok!$A$2:$C$346,3,0))^2)/1000,0)</f>
        <v>195</v>
      </c>
      <c r="X56">
        <f ca="1">ROUND(SQRT((VLOOKUP($A56,városok!$A$2:$C$346,2,0)-VLOOKUP(X$1,városok!$A$2:$C$346,2,0))^2+(VLOOKUP($A56,városok!$A$2:$C$346,3,0)-VLOOKUP(X$1,városok!$A$2:$C$346,3,0))^2)/1000,0)</f>
        <v>218</v>
      </c>
      <c r="Y56">
        <f ca="1">ROUND(SQRT((VLOOKUP($A56,városok!$A$2:$C$346,2,0)-VLOOKUP(Y$1,városok!$A$2:$C$346,2,0))^2+(VLOOKUP($A56,városok!$A$2:$C$346,3,0)-VLOOKUP(Y$1,városok!$A$2:$C$346,3,0))^2)/1000,0)</f>
        <v>277</v>
      </c>
      <c r="Z56">
        <f ca="1">ROUND(SQRT((VLOOKUP($A56,városok!$A$2:$C$346,2,0)-VLOOKUP(Z$1,városok!$A$2:$C$346,2,0))^2+(VLOOKUP($A56,városok!$A$2:$C$346,3,0)-VLOOKUP(Z$1,városok!$A$2:$C$346,3,0))^2)/1000,0)</f>
        <v>296</v>
      </c>
      <c r="AA56">
        <f ca="1">ROUND(SQRT((VLOOKUP($A56,városok!$A$2:$C$346,2,0)-VLOOKUP(AA$1,városok!$A$2:$C$346,2,0))^2+(VLOOKUP($A56,városok!$A$2:$C$346,3,0)-VLOOKUP(AA$1,városok!$A$2:$C$346,3,0))^2)/1000,0)</f>
        <v>354</v>
      </c>
      <c r="AB56">
        <f ca="1">ROUND(SQRT((VLOOKUP($A56,városok!$A$2:$C$346,2,0)-VLOOKUP(AB$1,városok!$A$2:$C$346,2,0))^2+(VLOOKUP($A56,városok!$A$2:$C$346,3,0)-VLOOKUP(AB$1,városok!$A$2:$C$346,3,0))^2)/1000,0)</f>
        <v>66</v>
      </c>
      <c r="AC56">
        <f ca="1">ROUND(SQRT((VLOOKUP($A56,városok!$A$2:$C$346,2,0)-VLOOKUP(AC$1,városok!$A$2:$C$346,2,0))^2+(VLOOKUP($A56,városok!$A$2:$C$346,3,0)-VLOOKUP(AC$1,városok!$A$2:$C$346,3,0))^2)/1000,0)</f>
        <v>50</v>
      </c>
      <c r="AD56">
        <f ca="1">ROUND(SQRT((VLOOKUP($A56,városok!$A$2:$C$346,2,0)-VLOOKUP(AD$1,városok!$A$2:$C$346,2,0))^2+(VLOOKUP($A56,városok!$A$2:$C$346,3,0)-VLOOKUP(AD$1,városok!$A$2:$C$346,3,0))^2)/1000,0)</f>
        <v>45</v>
      </c>
      <c r="AE56">
        <f ca="1">ROUND(SQRT((VLOOKUP($A56,városok!$A$2:$C$346,2,0)-VLOOKUP(AE$1,városok!$A$2:$C$346,2,0))^2+(VLOOKUP($A56,városok!$A$2:$C$346,3,0)-VLOOKUP(AE$1,városok!$A$2:$C$346,3,0))^2)/1000,0)</f>
        <v>29</v>
      </c>
      <c r="AF56">
        <f ca="1">ROUND(SQRT((VLOOKUP($A56,városok!$A$2:$C$346,2,0)-VLOOKUP(AF$1,városok!$A$2:$C$346,2,0))^2+(VLOOKUP($A56,városok!$A$2:$C$346,3,0)-VLOOKUP(AF$1,városok!$A$2:$C$346,3,0))^2)/1000,0)</f>
        <v>115</v>
      </c>
      <c r="AG56">
        <f ca="1">ROUND(SQRT((VLOOKUP($A56,városok!$A$2:$C$346,2,0)-VLOOKUP(AG$1,városok!$A$2:$C$346,2,0))^2+(VLOOKUP($A56,városok!$A$2:$C$346,3,0)-VLOOKUP(AG$1,városok!$A$2:$C$346,3,0))^2)/1000,0)</f>
        <v>126</v>
      </c>
      <c r="AH56">
        <f ca="1">ROUND(SQRT((VLOOKUP($A56,városok!$A$2:$C$346,2,0)-VLOOKUP(AH$1,városok!$A$2:$C$346,2,0))^2+(VLOOKUP($A56,városok!$A$2:$C$346,3,0)-VLOOKUP(AH$1,városok!$A$2:$C$346,3,0))^2)/1000,0)</f>
        <v>134</v>
      </c>
      <c r="AI56">
        <f ca="1">ROUND(SQRT((VLOOKUP($A56,városok!$A$2:$C$346,2,0)-VLOOKUP(AI$1,városok!$A$2:$C$346,2,0))^2+(VLOOKUP($A56,városok!$A$2:$C$346,3,0)-VLOOKUP(AI$1,városok!$A$2:$C$346,3,0))^2)/1000,0)</f>
        <v>137</v>
      </c>
      <c r="AJ56">
        <f ca="1">ROUND(SQRT((VLOOKUP($A56,városok!$A$2:$C$346,2,0)-VLOOKUP(AJ$1,városok!$A$2:$C$346,2,0))^2+(VLOOKUP($A56,városok!$A$2:$C$346,3,0)-VLOOKUP(AJ$1,városok!$A$2:$C$346,3,0))^2)/1000,0)</f>
        <v>114</v>
      </c>
      <c r="AK56">
        <f ca="1">ROUND(SQRT((VLOOKUP($A56,városok!$A$2:$C$346,2,0)-VLOOKUP(AK$1,városok!$A$2:$C$346,2,0))^2+(VLOOKUP($A56,városok!$A$2:$C$346,3,0)-VLOOKUP(AK$1,városok!$A$2:$C$346,3,0))^2)/1000,0)</f>
        <v>33</v>
      </c>
      <c r="AL56">
        <f ca="1">ROUND(SQRT((VLOOKUP($A56,városok!$A$2:$C$346,2,0)-VLOOKUP(AL$1,városok!$A$2:$C$346,2,0))^2+(VLOOKUP($A56,városok!$A$2:$C$346,3,0)-VLOOKUP(AL$1,városok!$A$2:$C$346,3,0))^2)/1000,0)</f>
        <v>56</v>
      </c>
      <c r="AM56">
        <f ca="1">ROUND(SQRT((VLOOKUP($A56,városok!$A$2:$C$346,2,0)-VLOOKUP(AM$1,városok!$A$2:$C$346,2,0))^2+(VLOOKUP($A56,városok!$A$2:$C$346,3,0)-VLOOKUP(AM$1,városok!$A$2:$C$346,3,0))^2)/1000,0)</f>
        <v>77</v>
      </c>
      <c r="AN56">
        <f ca="1">ROUND(SQRT((VLOOKUP($A56,városok!$A$2:$C$346,2,0)-VLOOKUP(AN$1,városok!$A$2:$C$346,2,0))^2+(VLOOKUP($A56,városok!$A$2:$C$346,3,0)-VLOOKUP(AN$1,városok!$A$2:$C$346,3,0))^2)/1000,0)</f>
        <v>202</v>
      </c>
      <c r="AO56">
        <f ca="1">ROUND(SQRT((VLOOKUP($A56,városok!$A$2:$C$346,2,0)-VLOOKUP(AO$1,városok!$A$2:$C$346,2,0))^2+(VLOOKUP($A56,városok!$A$2:$C$346,3,0)-VLOOKUP(AO$1,városok!$A$2:$C$346,3,0))^2)/1000,0)</f>
        <v>244</v>
      </c>
      <c r="AP56">
        <f ca="1">ROUND(SQRT((VLOOKUP($A56,városok!$A$2:$C$346,2,0)-VLOOKUP(AP$1,városok!$A$2:$C$346,2,0))^2+(VLOOKUP($A56,városok!$A$2:$C$346,3,0)-VLOOKUP(AP$1,városok!$A$2:$C$346,3,0))^2)/1000,0)</f>
        <v>226</v>
      </c>
      <c r="AQ56">
        <f ca="1">ROUND(SQRT((VLOOKUP($A56,városok!$A$2:$C$346,2,0)-VLOOKUP(AQ$1,városok!$A$2:$C$346,2,0))^2+(VLOOKUP($A56,városok!$A$2:$C$346,3,0)-VLOOKUP(AQ$1,városok!$A$2:$C$346,3,0))^2)/1000,0)</f>
        <v>218</v>
      </c>
      <c r="AR56">
        <f ca="1">ROUND(SQRT((VLOOKUP($A56,városok!$A$2:$C$346,2,0)-VLOOKUP(AR$1,városok!$A$2:$C$346,2,0))^2+(VLOOKUP($A56,városok!$A$2:$C$346,3,0)-VLOOKUP(AR$1,városok!$A$2:$C$346,3,0))^2)/1000,0)</f>
        <v>150</v>
      </c>
      <c r="AS56">
        <f ca="1">ROUND(SQRT((VLOOKUP($A56,városok!$A$2:$C$346,2,0)-VLOOKUP(AS$1,városok!$A$2:$C$346,2,0))^2+(VLOOKUP($A56,városok!$A$2:$C$346,3,0)-VLOOKUP(AS$1,városok!$A$2:$C$346,3,0))^2)/1000,0)</f>
        <v>159</v>
      </c>
      <c r="AT56">
        <f ca="1">ROUND(SQRT((VLOOKUP($A56,városok!$A$2:$C$346,2,0)-VLOOKUP(AT$1,városok!$A$2:$C$346,2,0))^2+(VLOOKUP($A56,városok!$A$2:$C$346,3,0)-VLOOKUP(AT$1,városok!$A$2:$C$346,3,0))^2)/1000,0)</f>
        <v>185</v>
      </c>
      <c r="AU56">
        <f ca="1">ROUND(SQRT((VLOOKUP($A56,városok!$A$2:$C$346,2,0)-VLOOKUP(AU$1,városok!$A$2:$C$346,2,0))^2+(VLOOKUP($A56,városok!$A$2:$C$346,3,0)-VLOOKUP(AU$1,városok!$A$2:$C$346,3,0))^2)/1000,0)</f>
        <v>174</v>
      </c>
      <c r="AV56">
        <f ca="1">ROUND(SQRT((VLOOKUP($A56,városok!$A$2:$C$346,2,0)-VLOOKUP(AV$1,városok!$A$2:$C$346,2,0))^2+(VLOOKUP($A56,városok!$A$2:$C$346,3,0)-VLOOKUP(AV$1,városok!$A$2:$C$346,3,0))^2)/1000,0)</f>
        <v>174</v>
      </c>
      <c r="AW56">
        <f ca="1">ROUND(SQRT((VLOOKUP($A56,városok!$A$2:$C$346,2,0)-VLOOKUP(AW$1,városok!$A$2:$C$346,2,0))^2+(VLOOKUP($A56,városok!$A$2:$C$346,3,0)-VLOOKUP(AW$1,városok!$A$2:$C$346,3,0))^2)/1000,0)</f>
        <v>176</v>
      </c>
      <c r="AX56">
        <f ca="1">ROUND(SQRT((VLOOKUP($A56,városok!$A$2:$C$346,2,0)-VLOOKUP(AX$1,városok!$A$2:$C$346,2,0))^2+(VLOOKUP($A56,városok!$A$2:$C$346,3,0)-VLOOKUP(AX$1,városok!$A$2:$C$346,3,0))^2)/1000,0)</f>
        <v>106</v>
      </c>
      <c r="AY56">
        <f ca="1">ROUND(SQRT((VLOOKUP($A56,városok!$A$2:$C$346,2,0)-VLOOKUP(AY$1,városok!$A$2:$C$346,2,0))^2+(VLOOKUP($A56,városok!$A$2:$C$346,3,0)-VLOOKUP(AY$1,városok!$A$2:$C$346,3,0))^2)/1000,0)</f>
        <v>176</v>
      </c>
      <c r="AZ56">
        <f ca="1">ROUND(SQRT((VLOOKUP($A56,városok!$A$2:$C$346,2,0)-VLOOKUP(AZ$1,városok!$A$2:$C$346,2,0))^2+(VLOOKUP($A56,városok!$A$2:$C$346,3,0)-VLOOKUP(AZ$1,városok!$A$2:$C$346,3,0))^2)/1000,0)</f>
        <v>187</v>
      </c>
      <c r="BA56">
        <f ca="1">ROUND(SQRT((VLOOKUP($A56,városok!$A$2:$C$346,2,0)-VLOOKUP(BA$1,városok!$A$2:$C$346,2,0))^2+(VLOOKUP($A56,városok!$A$2:$C$346,3,0)-VLOOKUP(BA$1,városok!$A$2:$C$346,3,0))^2)/1000,0)</f>
        <v>266</v>
      </c>
      <c r="BB56">
        <f ca="1">ROUND(SQRT((VLOOKUP($A56,városok!$A$2:$C$346,2,0)-VLOOKUP(BB$1,városok!$A$2:$C$346,2,0))^2+(VLOOKUP($A56,városok!$A$2:$C$346,3,0)-VLOOKUP(BB$1,városok!$A$2:$C$346,3,0))^2)/1000,0)</f>
        <v>252</v>
      </c>
      <c r="BC56">
        <f ca="1">ROUND(SQRT((VLOOKUP($A56,városok!$A$2:$C$346,2,0)-VLOOKUP(BC$1,városok!$A$2:$C$346,2,0))^2+(VLOOKUP($A56,városok!$A$2:$C$346,3,0)-VLOOKUP(BC$1,városok!$A$2:$C$346,3,0))^2)/1000,0)</f>
        <v>269</v>
      </c>
      <c r="BD56">
        <f ca="1">ROUND(SQRT((VLOOKUP($A56,városok!$A$2:$C$346,2,0)-VLOOKUP(BD$1,városok!$A$2:$C$346,2,0))^2+(VLOOKUP($A56,városok!$A$2:$C$346,3,0)-VLOOKUP(BD$1,városok!$A$2:$C$346,3,0))^2)/1000,0)</f>
        <v>237</v>
      </c>
      <c r="BE56">
        <f ca="1">ROUND(SQRT((VLOOKUP($A56,városok!$A$2:$C$346,2,0)-VLOOKUP(BE$1,városok!$A$2:$C$346,2,0))^2+(VLOOKUP($A56,városok!$A$2:$C$346,3,0)-VLOOKUP(BE$1,városok!$A$2:$C$346,3,0))^2)/1000,0)</f>
        <v>145</v>
      </c>
      <c r="BF56">
        <f ca="1">ROUND(SQRT((VLOOKUP($A56,városok!$A$2:$C$346,2,0)-VLOOKUP(BF$1,városok!$A$2:$C$346,2,0))^2+(VLOOKUP($A56,városok!$A$2:$C$346,3,0)-VLOOKUP(BF$1,városok!$A$2:$C$346,3,0))^2)/1000,0)</f>
        <v>150</v>
      </c>
      <c r="BG56">
        <f ca="1">ROUND(SQRT((VLOOKUP($A56,városok!$A$2:$C$346,2,0)-VLOOKUP(BG$1,városok!$A$2:$C$346,2,0))^2+(VLOOKUP($A56,városok!$A$2:$C$346,3,0)-VLOOKUP(BG$1,városok!$A$2:$C$346,3,0))^2)/1000,0)</f>
        <v>125</v>
      </c>
      <c r="BH56">
        <f ca="1">ROUND(SQRT((VLOOKUP($A56,városok!$A$2:$C$346,2,0)-VLOOKUP(BH$1,városok!$A$2:$C$346,2,0))^2+(VLOOKUP($A56,városok!$A$2:$C$346,3,0)-VLOOKUP(BH$1,városok!$A$2:$C$346,3,0))^2)/1000,0)</f>
        <v>125</v>
      </c>
      <c r="BI56">
        <f ca="1">ROUND(SQRT((VLOOKUP($A56,városok!$A$2:$C$346,2,0)-VLOOKUP(BI$1,városok!$A$2:$C$346,2,0))^2+(VLOOKUP($A56,városok!$A$2:$C$346,3,0)-VLOOKUP(BI$1,városok!$A$2:$C$346,3,0))^2)/1000,0)</f>
        <v>207</v>
      </c>
      <c r="BJ56">
        <f ca="1">ROUND(SQRT((VLOOKUP($A56,városok!$A$2:$C$346,2,0)-VLOOKUP(BJ$1,városok!$A$2:$C$346,2,0))^2+(VLOOKUP($A56,városok!$A$2:$C$346,3,0)-VLOOKUP(BJ$1,városok!$A$2:$C$346,3,0))^2)/1000,0)</f>
        <v>223</v>
      </c>
      <c r="BK56">
        <f ca="1">ROUND(SQRT((VLOOKUP($A56,városok!$A$2:$C$346,2,0)-VLOOKUP(BK$1,városok!$A$2:$C$346,2,0))^2+(VLOOKUP($A56,városok!$A$2:$C$346,3,0)-VLOOKUP(BK$1,városok!$A$2:$C$346,3,0))^2)/1000,0)</f>
        <v>203</v>
      </c>
      <c r="BL56">
        <f ca="1">ROUND(SQRT((VLOOKUP($A56,városok!$A$2:$C$346,2,0)-VLOOKUP(BL$1,városok!$A$2:$C$346,2,0))^2+(VLOOKUP($A56,városok!$A$2:$C$346,3,0)-VLOOKUP(BL$1,városok!$A$2:$C$346,3,0))^2)/1000,0)</f>
        <v>347</v>
      </c>
      <c r="BM56">
        <f ca="1">ROUND(SQRT((VLOOKUP($A56,városok!$A$2:$C$346,2,0)-VLOOKUP(BM$1,városok!$A$2:$C$346,2,0))^2+(VLOOKUP($A56,városok!$A$2:$C$346,3,0)-VLOOKUP(BM$1,városok!$A$2:$C$346,3,0))^2)/1000,0)</f>
        <v>323</v>
      </c>
      <c r="BN56">
        <f ca="1">ROUND(SQRT((VLOOKUP($A56,városok!$A$2:$C$346,2,0)-VLOOKUP(BN$1,városok!$A$2:$C$346,2,0))^2+(VLOOKUP($A56,városok!$A$2:$C$346,3,0)-VLOOKUP(BN$1,városok!$A$2:$C$346,3,0))^2)/1000,0)</f>
        <v>346</v>
      </c>
      <c r="BO56">
        <f ca="1">ROUND(SQRT((VLOOKUP($A56,városok!$A$2:$C$346,2,0)-VLOOKUP(BO$1,városok!$A$2:$C$346,2,0))^2+(VLOOKUP($A56,városok!$A$2:$C$346,3,0)-VLOOKUP(BO$1,városok!$A$2:$C$346,3,0))^2)/1000,0)</f>
        <v>240</v>
      </c>
      <c r="BP56">
        <f ca="1">ROUND(SQRT((VLOOKUP($A56,városok!$A$2:$C$346,2,0)-VLOOKUP(BP$1,városok!$A$2:$C$346,2,0))^2+(VLOOKUP($A56,városok!$A$2:$C$346,3,0)-VLOOKUP(BP$1,városok!$A$2:$C$346,3,0))^2)/1000,0)</f>
        <v>233</v>
      </c>
      <c r="BQ56">
        <f ca="1">ROUND(SQRT((VLOOKUP($A56,városok!$A$2:$C$346,2,0)-VLOOKUP(BQ$1,városok!$A$2:$C$346,2,0))^2+(VLOOKUP($A56,városok!$A$2:$C$346,3,0)-VLOOKUP(BQ$1,városok!$A$2:$C$346,3,0))^2)/1000,0)</f>
        <v>248</v>
      </c>
      <c r="BR56">
        <f ca="1">ROUND(SQRT((VLOOKUP($A56,városok!$A$2:$C$346,2,0)-VLOOKUP(BR$1,városok!$A$2:$C$346,2,0))^2+(VLOOKUP($A56,városok!$A$2:$C$346,3,0)-VLOOKUP(BR$1,városok!$A$2:$C$346,3,0))^2)/1000,0)</f>
        <v>300</v>
      </c>
      <c r="BS56">
        <f ca="1">ROUND(SQRT((VLOOKUP($A56,városok!$A$2:$C$346,2,0)-VLOOKUP(BS$1,városok!$A$2:$C$346,2,0))^2+(VLOOKUP($A56,városok!$A$2:$C$346,3,0)-VLOOKUP(BS$1,városok!$A$2:$C$346,3,0))^2)/1000,0)</f>
        <v>326</v>
      </c>
      <c r="BT56">
        <f ca="1">ROUND(SQRT((VLOOKUP($A56,városok!$A$2:$C$346,2,0)-VLOOKUP(BT$1,városok!$A$2:$C$346,2,0))^2+(VLOOKUP($A56,városok!$A$2:$C$346,3,0)-VLOOKUP(BT$1,városok!$A$2:$C$346,3,0))^2)/1000,0)</f>
        <v>331</v>
      </c>
    </row>
    <row r="57" spans="1:72" x14ac:dyDescent="0.2">
      <c r="A57" t="str">
        <f>városok!A57</f>
        <v>Tótkomlós</v>
      </c>
      <c r="B57">
        <f ca="1">ROUND(SQRT((VLOOKUP($A57,városok!$A$2:$C$346,2,0)-VLOOKUP(B$1,városok!$A$2:$C$346,2,0))^2+(VLOOKUP($A57,városok!$A$2:$C$346,3,0)-VLOOKUP(B$1,városok!$A$2:$C$346,3,0))^2)/1000,0)</f>
        <v>139</v>
      </c>
      <c r="C57">
        <f ca="1">ROUND(SQRT((VLOOKUP($A57,városok!$A$2:$C$346,2,0)-VLOOKUP(C$1,városok!$A$2:$C$346,2,0))^2+(VLOOKUP($A57,városok!$A$2:$C$346,3,0)-VLOOKUP(C$1,városok!$A$2:$C$346,3,0))^2)/1000,0)</f>
        <v>136</v>
      </c>
      <c r="D57">
        <f ca="1">ROUND(SQRT((VLOOKUP($A57,városok!$A$2:$C$346,2,0)-VLOOKUP(D$1,városok!$A$2:$C$346,2,0))^2+(VLOOKUP($A57,városok!$A$2:$C$346,3,0)-VLOOKUP(D$1,városok!$A$2:$C$346,3,0))^2)/1000,0)</f>
        <v>97</v>
      </c>
      <c r="E57">
        <f ca="1">ROUND(SQRT((VLOOKUP($A57,városok!$A$2:$C$346,2,0)-VLOOKUP(E$1,városok!$A$2:$C$346,2,0))^2+(VLOOKUP($A57,városok!$A$2:$C$346,3,0)-VLOOKUP(E$1,városok!$A$2:$C$346,3,0))^2)/1000,0)</f>
        <v>192</v>
      </c>
      <c r="F57">
        <f ca="1">ROUND(SQRT((VLOOKUP($A57,városok!$A$2:$C$346,2,0)-VLOOKUP(F$1,városok!$A$2:$C$346,2,0))^2+(VLOOKUP($A57,városok!$A$2:$C$346,3,0)-VLOOKUP(F$1,városok!$A$2:$C$346,3,0))^2)/1000,0)</f>
        <v>165</v>
      </c>
      <c r="G57">
        <f ca="1">ROUND(SQRT((VLOOKUP($A57,városok!$A$2:$C$346,2,0)-VLOOKUP(G$1,városok!$A$2:$C$346,2,0))^2+(VLOOKUP($A57,városok!$A$2:$C$346,3,0)-VLOOKUP(G$1,városok!$A$2:$C$346,3,0))^2)/1000,0)</f>
        <v>195</v>
      </c>
      <c r="H57">
        <f ca="1">ROUND(SQRT((VLOOKUP($A57,városok!$A$2:$C$346,2,0)-VLOOKUP(H$1,városok!$A$2:$C$346,2,0))^2+(VLOOKUP($A57,városok!$A$2:$C$346,3,0)-VLOOKUP(H$1,városok!$A$2:$C$346,3,0))^2)/1000,0)</f>
        <v>230</v>
      </c>
      <c r="I57">
        <f ca="1">ROUND(SQRT((VLOOKUP($A57,városok!$A$2:$C$346,2,0)-VLOOKUP(I$1,városok!$A$2:$C$346,2,0))^2+(VLOOKUP($A57,városok!$A$2:$C$346,3,0)-VLOOKUP(I$1,városok!$A$2:$C$346,3,0))^2)/1000,0)</f>
        <v>40</v>
      </c>
      <c r="J57">
        <f ca="1">ROUND(SQRT((VLOOKUP($A57,városok!$A$2:$C$346,2,0)-VLOOKUP(J$1,városok!$A$2:$C$346,2,0))^2+(VLOOKUP($A57,városok!$A$2:$C$346,3,0)-VLOOKUP(J$1,városok!$A$2:$C$346,3,0))^2)/1000,0)</f>
        <v>49</v>
      </c>
      <c r="K57">
        <f ca="1">ROUND(SQRT((VLOOKUP($A57,városok!$A$2:$C$346,2,0)-VLOOKUP(K$1,városok!$A$2:$C$346,2,0))^2+(VLOOKUP($A57,városok!$A$2:$C$346,3,0)-VLOOKUP(K$1,városok!$A$2:$C$346,3,0))^2)/1000,0)</f>
        <v>18</v>
      </c>
      <c r="L57">
        <f ca="1">ROUND(SQRT((VLOOKUP($A57,városok!$A$2:$C$346,2,0)-VLOOKUP(L$1,városok!$A$2:$C$346,2,0))^2+(VLOOKUP($A57,városok!$A$2:$C$346,3,0)-VLOOKUP(L$1,városok!$A$2:$C$346,3,0))^2)/1000,0)</f>
        <v>205</v>
      </c>
      <c r="M57">
        <f ca="1">ROUND(SQRT((VLOOKUP($A57,városok!$A$2:$C$346,2,0)-VLOOKUP(M$1,városok!$A$2:$C$346,2,0))^2+(VLOOKUP($A57,városok!$A$2:$C$346,3,0)-VLOOKUP(M$1,városok!$A$2:$C$346,3,0))^2)/1000,0)</f>
        <v>188</v>
      </c>
      <c r="N57">
        <f ca="1">ROUND(SQRT((VLOOKUP($A57,városok!$A$2:$C$346,2,0)-VLOOKUP(N$1,városok!$A$2:$C$346,2,0))^2+(VLOOKUP($A57,városok!$A$2:$C$346,3,0)-VLOOKUP(N$1,városok!$A$2:$C$346,3,0))^2)/1000,0)</f>
        <v>204</v>
      </c>
      <c r="O57">
        <f ca="1">ROUND(SQRT((VLOOKUP($A57,városok!$A$2:$C$346,2,0)-VLOOKUP(O$1,városok!$A$2:$C$346,2,0))^2+(VLOOKUP($A57,városok!$A$2:$C$346,3,0)-VLOOKUP(O$1,városok!$A$2:$C$346,3,0))^2)/1000,0)</f>
        <v>231</v>
      </c>
      <c r="P57">
        <f ca="1">ROUND(SQRT((VLOOKUP($A57,városok!$A$2:$C$346,2,0)-VLOOKUP(P$1,városok!$A$2:$C$346,2,0))^2+(VLOOKUP($A57,városok!$A$2:$C$346,3,0)-VLOOKUP(P$1,városok!$A$2:$C$346,3,0))^2)/1000,0)</f>
        <v>232</v>
      </c>
      <c r="Q57">
        <f ca="1">ROUND(SQRT((VLOOKUP($A57,városok!$A$2:$C$346,2,0)-VLOOKUP(Q$1,városok!$A$2:$C$346,2,0))^2+(VLOOKUP($A57,városok!$A$2:$C$346,3,0)-VLOOKUP(Q$1,városok!$A$2:$C$346,3,0))^2)/1000,0)</f>
        <v>32</v>
      </c>
      <c r="R57">
        <f ca="1">ROUND(SQRT((VLOOKUP($A57,városok!$A$2:$C$346,2,0)-VLOOKUP(R$1,városok!$A$2:$C$346,2,0))^2+(VLOOKUP($A57,városok!$A$2:$C$346,3,0)-VLOOKUP(R$1,városok!$A$2:$C$346,3,0))^2)/1000,0)</f>
        <v>29</v>
      </c>
      <c r="S57">
        <f ca="1">ROUND(SQRT((VLOOKUP($A57,városok!$A$2:$C$346,2,0)-VLOOKUP(S$1,városok!$A$2:$C$346,2,0))^2+(VLOOKUP($A57,városok!$A$2:$C$346,3,0)-VLOOKUP(S$1,városok!$A$2:$C$346,3,0))^2)/1000,0)</f>
        <v>48</v>
      </c>
      <c r="T57">
        <f ca="1">ROUND(SQRT((VLOOKUP($A57,városok!$A$2:$C$346,2,0)-VLOOKUP(T$1,városok!$A$2:$C$346,2,0))^2+(VLOOKUP($A57,városok!$A$2:$C$346,3,0)-VLOOKUP(T$1,városok!$A$2:$C$346,3,0))^2)/1000,0)</f>
        <v>200</v>
      </c>
      <c r="U57">
        <f ca="1">ROUND(SQRT((VLOOKUP($A57,városok!$A$2:$C$346,2,0)-VLOOKUP(U$1,városok!$A$2:$C$346,2,0))^2+(VLOOKUP($A57,városok!$A$2:$C$346,3,0)-VLOOKUP(U$1,városok!$A$2:$C$346,3,0))^2)/1000,0)</f>
        <v>151</v>
      </c>
      <c r="V57">
        <f ca="1">ROUND(SQRT((VLOOKUP($A57,városok!$A$2:$C$346,2,0)-VLOOKUP(V$1,városok!$A$2:$C$346,2,0))^2+(VLOOKUP($A57,városok!$A$2:$C$346,3,0)-VLOOKUP(V$1,városok!$A$2:$C$346,3,0))^2)/1000,0)</f>
        <v>199</v>
      </c>
      <c r="W57">
        <f ca="1">ROUND(SQRT((VLOOKUP($A57,városok!$A$2:$C$346,2,0)-VLOOKUP(W$1,városok!$A$2:$C$346,2,0))^2+(VLOOKUP($A57,városok!$A$2:$C$346,3,0)-VLOOKUP(W$1,városok!$A$2:$C$346,3,0))^2)/1000,0)</f>
        <v>170</v>
      </c>
      <c r="X57">
        <f ca="1">ROUND(SQRT((VLOOKUP($A57,városok!$A$2:$C$346,2,0)-VLOOKUP(X$1,városok!$A$2:$C$346,2,0))^2+(VLOOKUP($A57,városok!$A$2:$C$346,3,0)-VLOOKUP(X$1,városok!$A$2:$C$346,3,0))^2)/1000,0)</f>
        <v>208</v>
      </c>
      <c r="Y57">
        <f ca="1">ROUND(SQRT((VLOOKUP($A57,városok!$A$2:$C$346,2,0)-VLOOKUP(Y$1,városok!$A$2:$C$346,2,0))^2+(VLOOKUP($A57,városok!$A$2:$C$346,3,0)-VLOOKUP(Y$1,városok!$A$2:$C$346,3,0))^2)/1000,0)</f>
        <v>275</v>
      </c>
      <c r="Z57">
        <f ca="1">ROUND(SQRT((VLOOKUP($A57,városok!$A$2:$C$346,2,0)-VLOOKUP(Z$1,városok!$A$2:$C$346,2,0))^2+(VLOOKUP($A57,városok!$A$2:$C$346,3,0)-VLOOKUP(Z$1,városok!$A$2:$C$346,3,0))^2)/1000,0)</f>
        <v>294</v>
      </c>
      <c r="AA57">
        <f ca="1">ROUND(SQRT((VLOOKUP($A57,városok!$A$2:$C$346,2,0)-VLOOKUP(AA$1,városok!$A$2:$C$346,2,0))^2+(VLOOKUP($A57,városok!$A$2:$C$346,3,0)-VLOOKUP(AA$1,városok!$A$2:$C$346,3,0))^2)/1000,0)</f>
        <v>346</v>
      </c>
      <c r="AB57">
        <f ca="1">ROUND(SQRT((VLOOKUP($A57,városok!$A$2:$C$346,2,0)-VLOOKUP(AB$1,városok!$A$2:$C$346,2,0))^2+(VLOOKUP($A57,városok!$A$2:$C$346,3,0)-VLOOKUP(AB$1,városok!$A$2:$C$346,3,0))^2)/1000,0)</f>
        <v>142</v>
      </c>
      <c r="AC57">
        <f ca="1">ROUND(SQRT((VLOOKUP($A57,városok!$A$2:$C$346,2,0)-VLOOKUP(AC$1,városok!$A$2:$C$346,2,0))^2+(VLOOKUP($A57,városok!$A$2:$C$346,3,0)-VLOOKUP(AC$1,városok!$A$2:$C$346,3,0))^2)/1000,0)</f>
        <v>125</v>
      </c>
      <c r="AD57">
        <f ca="1">ROUND(SQRT((VLOOKUP($A57,városok!$A$2:$C$346,2,0)-VLOOKUP(AD$1,városok!$A$2:$C$346,2,0))^2+(VLOOKUP($A57,városok!$A$2:$C$346,3,0)-VLOOKUP(AD$1,városok!$A$2:$C$346,3,0))^2)/1000,0)</f>
        <v>118</v>
      </c>
      <c r="AE57">
        <f ca="1">ROUND(SQRT((VLOOKUP($A57,városok!$A$2:$C$346,2,0)-VLOOKUP(AE$1,városok!$A$2:$C$346,2,0))^2+(VLOOKUP($A57,városok!$A$2:$C$346,3,0)-VLOOKUP(AE$1,városok!$A$2:$C$346,3,0))^2)/1000,0)</f>
        <v>103</v>
      </c>
      <c r="AF57">
        <f ca="1">ROUND(SQRT((VLOOKUP($A57,városok!$A$2:$C$346,2,0)-VLOOKUP(AF$1,városok!$A$2:$C$346,2,0))^2+(VLOOKUP($A57,városok!$A$2:$C$346,3,0)-VLOOKUP(AF$1,városok!$A$2:$C$346,3,0))^2)/1000,0)</f>
        <v>168</v>
      </c>
      <c r="AG57">
        <f ca="1">ROUND(SQRT((VLOOKUP($A57,városok!$A$2:$C$346,2,0)-VLOOKUP(AG$1,városok!$A$2:$C$346,2,0))^2+(VLOOKUP($A57,városok!$A$2:$C$346,3,0)-VLOOKUP(AG$1,városok!$A$2:$C$346,3,0))^2)/1000,0)</f>
        <v>164</v>
      </c>
      <c r="AH57">
        <f ca="1">ROUND(SQRT((VLOOKUP($A57,városok!$A$2:$C$346,2,0)-VLOOKUP(AH$1,városok!$A$2:$C$346,2,0))^2+(VLOOKUP($A57,városok!$A$2:$C$346,3,0)-VLOOKUP(AH$1,városok!$A$2:$C$346,3,0))^2)/1000,0)</f>
        <v>161</v>
      </c>
      <c r="AI57">
        <f ca="1">ROUND(SQRT((VLOOKUP($A57,városok!$A$2:$C$346,2,0)-VLOOKUP(AI$1,városok!$A$2:$C$346,2,0))^2+(VLOOKUP($A57,városok!$A$2:$C$346,3,0)-VLOOKUP(AI$1,városok!$A$2:$C$346,3,0))^2)/1000,0)</f>
        <v>185</v>
      </c>
      <c r="AJ57">
        <f ca="1">ROUND(SQRT((VLOOKUP($A57,városok!$A$2:$C$346,2,0)-VLOOKUP(AJ$1,városok!$A$2:$C$346,2,0))^2+(VLOOKUP($A57,városok!$A$2:$C$346,3,0)-VLOOKUP(AJ$1,városok!$A$2:$C$346,3,0))^2)/1000,0)</f>
        <v>149</v>
      </c>
      <c r="AK57">
        <f ca="1">ROUND(SQRT((VLOOKUP($A57,városok!$A$2:$C$346,2,0)-VLOOKUP(AK$1,városok!$A$2:$C$346,2,0))^2+(VLOOKUP($A57,városok!$A$2:$C$346,3,0)-VLOOKUP(AK$1,városok!$A$2:$C$346,3,0))^2)/1000,0)</f>
        <v>99</v>
      </c>
      <c r="AL57">
        <f ca="1">ROUND(SQRT((VLOOKUP($A57,városok!$A$2:$C$346,2,0)-VLOOKUP(AL$1,városok!$A$2:$C$346,2,0))^2+(VLOOKUP($A57,városok!$A$2:$C$346,3,0)-VLOOKUP(AL$1,városok!$A$2:$C$346,3,0))^2)/1000,0)</f>
        <v>107</v>
      </c>
      <c r="AM57">
        <f ca="1">ROUND(SQRT((VLOOKUP($A57,városok!$A$2:$C$346,2,0)-VLOOKUP(AM$1,városok!$A$2:$C$346,2,0))^2+(VLOOKUP($A57,városok!$A$2:$C$346,3,0)-VLOOKUP(AM$1,városok!$A$2:$C$346,3,0))^2)/1000,0)</f>
        <v>95</v>
      </c>
      <c r="AN57">
        <f ca="1">ROUND(SQRT((VLOOKUP($A57,városok!$A$2:$C$346,2,0)-VLOOKUP(AN$1,városok!$A$2:$C$346,2,0))^2+(VLOOKUP($A57,városok!$A$2:$C$346,3,0)-VLOOKUP(AN$1,városok!$A$2:$C$346,3,0))^2)/1000,0)</f>
        <v>215</v>
      </c>
      <c r="AO57">
        <f ca="1">ROUND(SQRT((VLOOKUP($A57,városok!$A$2:$C$346,2,0)-VLOOKUP(AO$1,városok!$A$2:$C$346,2,0))^2+(VLOOKUP($A57,városok!$A$2:$C$346,3,0)-VLOOKUP(AO$1,városok!$A$2:$C$346,3,0))^2)/1000,0)</f>
        <v>247</v>
      </c>
      <c r="AP57">
        <f ca="1">ROUND(SQRT((VLOOKUP($A57,városok!$A$2:$C$346,2,0)-VLOOKUP(AP$1,városok!$A$2:$C$346,2,0))^2+(VLOOKUP($A57,városok!$A$2:$C$346,3,0)-VLOOKUP(AP$1,városok!$A$2:$C$346,3,0))^2)/1000,0)</f>
        <v>228</v>
      </c>
      <c r="AQ57">
        <f ca="1">ROUND(SQRT((VLOOKUP($A57,városok!$A$2:$C$346,2,0)-VLOOKUP(AQ$1,városok!$A$2:$C$346,2,0))^2+(VLOOKUP($A57,városok!$A$2:$C$346,3,0)-VLOOKUP(AQ$1,városok!$A$2:$C$346,3,0))^2)/1000,0)</f>
        <v>219</v>
      </c>
      <c r="AR57">
        <f ca="1">ROUND(SQRT((VLOOKUP($A57,városok!$A$2:$C$346,2,0)-VLOOKUP(AR$1,városok!$A$2:$C$346,2,0))^2+(VLOOKUP($A57,városok!$A$2:$C$346,3,0)-VLOOKUP(AR$1,városok!$A$2:$C$346,3,0))^2)/1000,0)</f>
        <v>185</v>
      </c>
      <c r="AS57">
        <f ca="1">ROUND(SQRT((VLOOKUP($A57,városok!$A$2:$C$346,2,0)-VLOOKUP(AS$1,városok!$A$2:$C$346,2,0))^2+(VLOOKUP($A57,városok!$A$2:$C$346,3,0)-VLOOKUP(AS$1,városok!$A$2:$C$346,3,0))^2)/1000,0)</f>
        <v>202</v>
      </c>
      <c r="AT57">
        <f ca="1">ROUND(SQRT((VLOOKUP($A57,városok!$A$2:$C$346,2,0)-VLOOKUP(AT$1,városok!$A$2:$C$346,2,0))^2+(VLOOKUP($A57,városok!$A$2:$C$346,3,0)-VLOOKUP(AT$1,városok!$A$2:$C$346,3,0))^2)/1000,0)</f>
        <v>188</v>
      </c>
      <c r="AU57">
        <f ca="1">ROUND(SQRT((VLOOKUP($A57,városok!$A$2:$C$346,2,0)-VLOOKUP(AU$1,városok!$A$2:$C$346,2,0))^2+(VLOOKUP($A57,városok!$A$2:$C$346,3,0)-VLOOKUP(AU$1,városok!$A$2:$C$346,3,0))^2)/1000,0)</f>
        <v>178</v>
      </c>
      <c r="AV57">
        <f ca="1">ROUND(SQRT((VLOOKUP($A57,városok!$A$2:$C$346,2,0)-VLOOKUP(AV$1,városok!$A$2:$C$346,2,0))^2+(VLOOKUP($A57,városok!$A$2:$C$346,3,0)-VLOOKUP(AV$1,városok!$A$2:$C$346,3,0))^2)/1000,0)</f>
        <v>176</v>
      </c>
      <c r="AW57">
        <f ca="1">ROUND(SQRT((VLOOKUP($A57,városok!$A$2:$C$346,2,0)-VLOOKUP(AW$1,városok!$A$2:$C$346,2,0))^2+(VLOOKUP($A57,városok!$A$2:$C$346,3,0)-VLOOKUP(AW$1,városok!$A$2:$C$346,3,0))^2)/1000,0)</f>
        <v>177</v>
      </c>
      <c r="AX57">
        <f ca="1">ROUND(SQRT((VLOOKUP($A57,városok!$A$2:$C$346,2,0)-VLOOKUP(AX$1,városok!$A$2:$C$346,2,0))^2+(VLOOKUP($A57,városok!$A$2:$C$346,3,0)-VLOOKUP(AX$1,városok!$A$2:$C$346,3,0))^2)/1000,0)</f>
        <v>100</v>
      </c>
      <c r="AY57">
        <f ca="1">ROUND(SQRT((VLOOKUP($A57,városok!$A$2:$C$346,2,0)-VLOOKUP(AY$1,városok!$A$2:$C$346,2,0))^2+(VLOOKUP($A57,városok!$A$2:$C$346,3,0)-VLOOKUP(AY$1,városok!$A$2:$C$346,3,0))^2)/1000,0)</f>
        <v>190</v>
      </c>
      <c r="AZ57">
        <f ca="1">ROUND(SQRT((VLOOKUP($A57,városok!$A$2:$C$346,2,0)-VLOOKUP(AZ$1,városok!$A$2:$C$346,2,0))^2+(VLOOKUP($A57,városok!$A$2:$C$346,3,0)-VLOOKUP(AZ$1,városok!$A$2:$C$346,3,0))^2)/1000,0)</f>
        <v>203</v>
      </c>
      <c r="BA57">
        <f ca="1">ROUND(SQRT((VLOOKUP($A57,városok!$A$2:$C$346,2,0)-VLOOKUP(BA$1,városok!$A$2:$C$346,2,0))^2+(VLOOKUP($A57,városok!$A$2:$C$346,3,0)-VLOOKUP(BA$1,városok!$A$2:$C$346,3,0))^2)/1000,0)</f>
        <v>236</v>
      </c>
      <c r="BB57">
        <f ca="1">ROUND(SQRT((VLOOKUP($A57,városok!$A$2:$C$346,2,0)-VLOOKUP(BB$1,városok!$A$2:$C$346,2,0))^2+(VLOOKUP($A57,városok!$A$2:$C$346,3,0)-VLOOKUP(BB$1,városok!$A$2:$C$346,3,0))^2)/1000,0)</f>
        <v>215</v>
      </c>
      <c r="BC57">
        <f ca="1">ROUND(SQRT((VLOOKUP($A57,városok!$A$2:$C$346,2,0)-VLOOKUP(BC$1,városok!$A$2:$C$346,2,0))^2+(VLOOKUP($A57,városok!$A$2:$C$346,3,0)-VLOOKUP(BC$1,városok!$A$2:$C$346,3,0))^2)/1000,0)</f>
        <v>226</v>
      </c>
      <c r="BD57">
        <f ca="1">ROUND(SQRT((VLOOKUP($A57,városok!$A$2:$C$346,2,0)-VLOOKUP(BD$1,városok!$A$2:$C$346,2,0))^2+(VLOOKUP($A57,városok!$A$2:$C$346,3,0)-VLOOKUP(BD$1,városok!$A$2:$C$346,3,0))^2)/1000,0)</f>
        <v>212</v>
      </c>
      <c r="BE57">
        <f ca="1">ROUND(SQRT((VLOOKUP($A57,városok!$A$2:$C$346,2,0)-VLOOKUP(BE$1,városok!$A$2:$C$346,2,0))^2+(VLOOKUP($A57,városok!$A$2:$C$346,3,0)-VLOOKUP(BE$1,városok!$A$2:$C$346,3,0))^2)/1000,0)</f>
        <v>216</v>
      </c>
      <c r="BF57">
        <f ca="1">ROUND(SQRT((VLOOKUP($A57,városok!$A$2:$C$346,2,0)-VLOOKUP(BF$1,városok!$A$2:$C$346,2,0))^2+(VLOOKUP($A57,városok!$A$2:$C$346,3,0)-VLOOKUP(BF$1,városok!$A$2:$C$346,3,0))^2)/1000,0)</f>
        <v>226</v>
      </c>
      <c r="BG57">
        <f ca="1">ROUND(SQRT((VLOOKUP($A57,városok!$A$2:$C$346,2,0)-VLOOKUP(BG$1,városok!$A$2:$C$346,2,0))^2+(VLOOKUP($A57,városok!$A$2:$C$346,3,0)-VLOOKUP(BG$1,városok!$A$2:$C$346,3,0))^2)/1000,0)</f>
        <v>199</v>
      </c>
      <c r="BH57">
        <f ca="1">ROUND(SQRT((VLOOKUP($A57,városok!$A$2:$C$346,2,0)-VLOOKUP(BH$1,városok!$A$2:$C$346,2,0))^2+(VLOOKUP($A57,városok!$A$2:$C$346,3,0)-VLOOKUP(BH$1,városok!$A$2:$C$346,3,0))^2)/1000,0)</f>
        <v>198</v>
      </c>
      <c r="BI57">
        <f ca="1">ROUND(SQRT((VLOOKUP($A57,városok!$A$2:$C$346,2,0)-VLOOKUP(BI$1,városok!$A$2:$C$346,2,0))^2+(VLOOKUP($A57,városok!$A$2:$C$346,3,0)-VLOOKUP(BI$1,városok!$A$2:$C$346,3,0))^2)/1000,0)</f>
        <v>162</v>
      </c>
      <c r="BJ57">
        <f ca="1">ROUND(SQRT((VLOOKUP($A57,városok!$A$2:$C$346,2,0)-VLOOKUP(BJ$1,városok!$A$2:$C$346,2,0))^2+(VLOOKUP($A57,városok!$A$2:$C$346,3,0)-VLOOKUP(BJ$1,városok!$A$2:$C$346,3,0))^2)/1000,0)</f>
        <v>176</v>
      </c>
      <c r="BK57">
        <f ca="1">ROUND(SQRT((VLOOKUP($A57,városok!$A$2:$C$346,2,0)-VLOOKUP(BK$1,városok!$A$2:$C$346,2,0))^2+(VLOOKUP($A57,városok!$A$2:$C$346,3,0)-VLOOKUP(BK$1,városok!$A$2:$C$346,3,0))^2)/1000,0)</f>
        <v>156</v>
      </c>
      <c r="BL57">
        <f ca="1">ROUND(SQRT((VLOOKUP($A57,városok!$A$2:$C$346,2,0)-VLOOKUP(BL$1,városok!$A$2:$C$346,2,0))^2+(VLOOKUP($A57,városok!$A$2:$C$346,3,0)-VLOOKUP(BL$1,városok!$A$2:$C$346,3,0))^2)/1000,0)</f>
        <v>323</v>
      </c>
      <c r="BM57">
        <f ca="1">ROUND(SQRT((VLOOKUP($A57,városok!$A$2:$C$346,2,0)-VLOOKUP(BM$1,városok!$A$2:$C$346,2,0))^2+(VLOOKUP($A57,városok!$A$2:$C$346,3,0)-VLOOKUP(BM$1,városok!$A$2:$C$346,3,0))^2)/1000,0)</f>
        <v>305</v>
      </c>
      <c r="BN57">
        <f ca="1">ROUND(SQRT((VLOOKUP($A57,városok!$A$2:$C$346,2,0)-VLOOKUP(BN$1,városok!$A$2:$C$346,2,0))^2+(VLOOKUP($A57,városok!$A$2:$C$346,3,0)-VLOOKUP(BN$1,városok!$A$2:$C$346,3,0))^2)/1000,0)</f>
        <v>327</v>
      </c>
      <c r="BO57">
        <f ca="1">ROUND(SQRT((VLOOKUP($A57,városok!$A$2:$C$346,2,0)-VLOOKUP(BO$1,városok!$A$2:$C$346,2,0))^2+(VLOOKUP($A57,városok!$A$2:$C$346,3,0)-VLOOKUP(BO$1,városok!$A$2:$C$346,3,0))^2)/1000,0)</f>
        <v>219</v>
      </c>
      <c r="BP57">
        <f ca="1">ROUND(SQRT((VLOOKUP($A57,városok!$A$2:$C$346,2,0)-VLOOKUP(BP$1,városok!$A$2:$C$346,2,0))^2+(VLOOKUP($A57,városok!$A$2:$C$346,3,0)-VLOOKUP(BP$1,városok!$A$2:$C$346,3,0))^2)/1000,0)</f>
        <v>212</v>
      </c>
      <c r="BQ57">
        <f ca="1">ROUND(SQRT((VLOOKUP($A57,városok!$A$2:$C$346,2,0)-VLOOKUP(BQ$1,városok!$A$2:$C$346,2,0))^2+(VLOOKUP($A57,városok!$A$2:$C$346,3,0)-VLOOKUP(BQ$1,városok!$A$2:$C$346,3,0))^2)/1000,0)</f>
        <v>229</v>
      </c>
      <c r="BR57">
        <f ca="1">ROUND(SQRT((VLOOKUP($A57,városok!$A$2:$C$346,2,0)-VLOOKUP(BR$1,városok!$A$2:$C$346,2,0))^2+(VLOOKUP($A57,városok!$A$2:$C$346,3,0)-VLOOKUP(BR$1,városok!$A$2:$C$346,3,0))^2)/1000,0)</f>
        <v>270</v>
      </c>
      <c r="BS57">
        <f ca="1">ROUND(SQRT((VLOOKUP($A57,városok!$A$2:$C$346,2,0)-VLOOKUP(BS$1,városok!$A$2:$C$346,2,0))^2+(VLOOKUP($A57,városok!$A$2:$C$346,3,0)-VLOOKUP(BS$1,városok!$A$2:$C$346,3,0))^2)/1000,0)</f>
        <v>288</v>
      </c>
      <c r="BT57">
        <f ca="1">ROUND(SQRT((VLOOKUP($A57,városok!$A$2:$C$346,2,0)-VLOOKUP(BT$1,városok!$A$2:$C$346,2,0))^2+(VLOOKUP($A57,városok!$A$2:$C$346,3,0)-VLOOKUP(BT$1,városok!$A$2:$C$346,3,0))^2)/1000,0)</f>
        <v>302</v>
      </c>
    </row>
    <row r="58" spans="1:72" x14ac:dyDescent="0.2">
      <c r="A58" t="str">
        <f>városok!A58</f>
        <v>Újkígyós</v>
      </c>
      <c r="B58">
        <f ca="1">ROUND(SQRT((VLOOKUP($A58,városok!$A$2:$C$346,2,0)-VLOOKUP(B$1,városok!$A$2:$C$346,2,0))^2+(VLOOKUP($A58,városok!$A$2:$C$346,3,0)-VLOOKUP(B$1,városok!$A$2:$C$346,3,0))^2)/1000,0)</f>
        <v>165</v>
      </c>
      <c r="C58">
        <f ca="1">ROUND(SQRT((VLOOKUP($A58,városok!$A$2:$C$346,2,0)-VLOOKUP(C$1,városok!$A$2:$C$346,2,0))^2+(VLOOKUP($A58,városok!$A$2:$C$346,3,0)-VLOOKUP(C$1,városok!$A$2:$C$346,3,0))^2)/1000,0)</f>
        <v>157</v>
      </c>
      <c r="D58">
        <f ca="1">ROUND(SQRT((VLOOKUP($A58,városok!$A$2:$C$346,2,0)-VLOOKUP(D$1,városok!$A$2:$C$346,2,0))^2+(VLOOKUP($A58,városok!$A$2:$C$346,3,0)-VLOOKUP(D$1,városok!$A$2:$C$346,3,0))^2)/1000,0)</f>
        <v>108</v>
      </c>
      <c r="E58">
        <f ca="1">ROUND(SQRT((VLOOKUP($A58,városok!$A$2:$C$346,2,0)-VLOOKUP(E$1,városok!$A$2:$C$346,2,0))^2+(VLOOKUP($A58,városok!$A$2:$C$346,3,0)-VLOOKUP(E$1,városok!$A$2:$C$346,3,0))^2)/1000,0)</f>
        <v>217</v>
      </c>
      <c r="F58">
        <f ca="1">ROUND(SQRT((VLOOKUP($A58,városok!$A$2:$C$346,2,0)-VLOOKUP(F$1,városok!$A$2:$C$346,2,0))^2+(VLOOKUP($A58,városok!$A$2:$C$346,3,0)-VLOOKUP(F$1,városok!$A$2:$C$346,3,0))^2)/1000,0)</f>
        <v>192</v>
      </c>
      <c r="G58">
        <f ca="1">ROUND(SQRT((VLOOKUP($A58,városok!$A$2:$C$346,2,0)-VLOOKUP(G$1,városok!$A$2:$C$346,2,0))^2+(VLOOKUP($A58,városok!$A$2:$C$346,3,0)-VLOOKUP(G$1,városok!$A$2:$C$346,3,0))^2)/1000,0)</f>
        <v>221</v>
      </c>
      <c r="H58">
        <f ca="1">ROUND(SQRT((VLOOKUP($A58,városok!$A$2:$C$346,2,0)-VLOOKUP(H$1,városok!$A$2:$C$346,2,0))^2+(VLOOKUP($A58,városok!$A$2:$C$346,3,0)-VLOOKUP(H$1,városok!$A$2:$C$346,3,0))^2)/1000,0)</f>
        <v>256</v>
      </c>
      <c r="I58">
        <f ca="1">ROUND(SQRT((VLOOKUP($A58,városok!$A$2:$C$346,2,0)-VLOOKUP(I$1,városok!$A$2:$C$346,2,0))^2+(VLOOKUP($A58,városok!$A$2:$C$346,3,0)-VLOOKUP(I$1,városok!$A$2:$C$346,3,0))^2)/1000,0)</f>
        <v>10</v>
      </c>
      <c r="J58">
        <f ca="1">ROUND(SQRT((VLOOKUP($A58,városok!$A$2:$C$346,2,0)-VLOOKUP(J$1,városok!$A$2:$C$346,2,0))^2+(VLOOKUP($A58,városok!$A$2:$C$346,3,0)-VLOOKUP(J$1,városok!$A$2:$C$346,3,0))^2)/1000,0)</f>
        <v>20</v>
      </c>
      <c r="K58">
        <f ca="1">ROUND(SQRT((VLOOKUP($A58,városok!$A$2:$C$346,2,0)-VLOOKUP(K$1,városok!$A$2:$C$346,2,0))^2+(VLOOKUP($A58,városok!$A$2:$C$346,3,0)-VLOOKUP(K$1,városok!$A$2:$C$346,3,0))^2)/1000,0)</f>
        <v>27</v>
      </c>
      <c r="L58">
        <f ca="1">ROUND(SQRT((VLOOKUP($A58,városok!$A$2:$C$346,2,0)-VLOOKUP(L$1,városok!$A$2:$C$346,2,0))^2+(VLOOKUP($A58,városok!$A$2:$C$346,3,0)-VLOOKUP(L$1,városok!$A$2:$C$346,3,0))^2)/1000,0)</f>
        <v>187</v>
      </c>
      <c r="M58">
        <f ca="1">ROUND(SQRT((VLOOKUP($A58,városok!$A$2:$C$346,2,0)-VLOOKUP(M$1,városok!$A$2:$C$346,2,0))^2+(VLOOKUP($A58,városok!$A$2:$C$346,3,0)-VLOOKUP(M$1,városok!$A$2:$C$346,3,0))^2)/1000,0)</f>
        <v>169</v>
      </c>
      <c r="N58">
        <f ca="1">ROUND(SQRT((VLOOKUP($A58,városok!$A$2:$C$346,2,0)-VLOOKUP(N$1,városok!$A$2:$C$346,2,0))^2+(VLOOKUP($A58,városok!$A$2:$C$346,3,0)-VLOOKUP(N$1,városok!$A$2:$C$346,3,0))^2)/1000,0)</f>
        <v>189</v>
      </c>
      <c r="O58">
        <f ca="1">ROUND(SQRT((VLOOKUP($A58,városok!$A$2:$C$346,2,0)-VLOOKUP(O$1,városok!$A$2:$C$346,2,0))^2+(VLOOKUP($A58,városok!$A$2:$C$346,3,0)-VLOOKUP(O$1,városok!$A$2:$C$346,3,0))^2)/1000,0)</f>
        <v>206</v>
      </c>
      <c r="P58">
        <f ca="1">ROUND(SQRT((VLOOKUP($A58,városok!$A$2:$C$346,2,0)-VLOOKUP(P$1,városok!$A$2:$C$346,2,0))^2+(VLOOKUP($A58,városok!$A$2:$C$346,3,0)-VLOOKUP(P$1,városok!$A$2:$C$346,3,0))^2)/1000,0)</f>
        <v>206</v>
      </c>
      <c r="Q58">
        <f ca="1">ROUND(SQRT((VLOOKUP($A58,városok!$A$2:$C$346,2,0)-VLOOKUP(Q$1,városok!$A$2:$C$346,2,0))^2+(VLOOKUP($A58,városok!$A$2:$C$346,3,0)-VLOOKUP(Q$1,városok!$A$2:$C$346,3,0))^2)/1000,0)</f>
        <v>57</v>
      </c>
      <c r="R58">
        <f ca="1">ROUND(SQRT((VLOOKUP($A58,városok!$A$2:$C$346,2,0)-VLOOKUP(R$1,városok!$A$2:$C$346,2,0))^2+(VLOOKUP($A58,városok!$A$2:$C$346,3,0)-VLOOKUP(R$1,városok!$A$2:$C$346,3,0))^2)/1000,0)</f>
        <v>59</v>
      </c>
      <c r="S58">
        <f ca="1">ROUND(SQRT((VLOOKUP($A58,városok!$A$2:$C$346,2,0)-VLOOKUP(S$1,városok!$A$2:$C$346,2,0))^2+(VLOOKUP($A58,városok!$A$2:$C$346,3,0)-VLOOKUP(S$1,városok!$A$2:$C$346,3,0))^2)/1000,0)</f>
        <v>77</v>
      </c>
      <c r="T58">
        <f ca="1">ROUND(SQRT((VLOOKUP($A58,városok!$A$2:$C$346,2,0)-VLOOKUP(T$1,városok!$A$2:$C$346,2,0))^2+(VLOOKUP($A58,városok!$A$2:$C$346,3,0)-VLOOKUP(T$1,városok!$A$2:$C$346,3,0))^2)/1000,0)</f>
        <v>207</v>
      </c>
      <c r="U58">
        <f ca="1">ROUND(SQRT((VLOOKUP($A58,városok!$A$2:$C$346,2,0)-VLOOKUP(U$1,városok!$A$2:$C$346,2,0))^2+(VLOOKUP($A58,városok!$A$2:$C$346,3,0)-VLOOKUP(U$1,városok!$A$2:$C$346,3,0))^2)/1000,0)</f>
        <v>165</v>
      </c>
      <c r="V58">
        <f ca="1">ROUND(SQRT((VLOOKUP($A58,városok!$A$2:$C$346,2,0)-VLOOKUP(V$1,városok!$A$2:$C$346,2,0))^2+(VLOOKUP($A58,városok!$A$2:$C$346,3,0)-VLOOKUP(V$1,városok!$A$2:$C$346,3,0))^2)/1000,0)</f>
        <v>214</v>
      </c>
      <c r="W58">
        <f ca="1">ROUND(SQRT((VLOOKUP($A58,városok!$A$2:$C$346,2,0)-VLOOKUP(W$1,városok!$A$2:$C$346,2,0))^2+(VLOOKUP($A58,városok!$A$2:$C$346,3,0)-VLOOKUP(W$1,városok!$A$2:$C$346,3,0))^2)/1000,0)</f>
        <v>186</v>
      </c>
      <c r="X58">
        <f ca="1">ROUND(SQRT((VLOOKUP($A58,városok!$A$2:$C$346,2,0)-VLOOKUP(X$1,városok!$A$2:$C$346,2,0))^2+(VLOOKUP($A58,városok!$A$2:$C$346,3,0)-VLOOKUP(X$1,városok!$A$2:$C$346,3,0))^2)/1000,0)</f>
        <v>219</v>
      </c>
      <c r="Y58">
        <f ca="1">ROUND(SQRT((VLOOKUP($A58,városok!$A$2:$C$346,2,0)-VLOOKUP(Y$1,városok!$A$2:$C$346,2,0))^2+(VLOOKUP($A58,városok!$A$2:$C$346,3,0)-VLOOKUP(Y$1,városok!$A$2:$C$346,3,0))^2)/1000,0)</f>
        <v>284</v>
      </c>
      <c r="Z58">
        <f ca="1">ROUND(SQRT((VLOOKUP($A58,városok!$A$2:$C$346,2,0)-VLOOKUP(Z$1,városok!$A$2:$C$346,2,0))^2+(VLOOKUP($A58,városok!$A$2:$C$346,3,0)-VLOOKUP(Z$1,városok!$A$2:$C$346,3,0))^2)/1000,0)</f>
        <v>303</v>
      </c>
      <c r="AA58">
        <f ca="1">ROUND(SQRT((VLOOKUP($A58,városok!$A$2:$C$346,2,0)-VLOOKUP(AA$1,városok!$A$2:$C$346,2,0))^2+(VLOOKUP($A58,városok!$A$2:$C$346,3,0)-VLOOKUP(AA$1,városok!$A$2:$C$346,3,0))^2)/1000,0)</f>
        <v>358</v>
      </c>
      <c r="AB58">
        <f ca="1">ROUND(SQRT((VLOOKUP($A58,városok!$A$2:$C$346,2,0)-VLOOKUP(AB$1,városok!$A$2:$C$346,2,0))^2+(VLOOKUP($A58,városok!$A$2:$C$346,3,0)-VLOOKUP(AB$1,városok!$A$2:$C$346,3,0))^2)/1000,0)</f>
        <v>114</v>
      </c>
      <c r="AC58">
        <f ca="1">ROUND(SQRT((VLOOKUP($A58,városok!$A$2:$C$346,2,0)-VLOOKUP(AC$1,városok!$A$2:$C$346,2,0))^2+(VLOOKUP($A58,városok!$A$2:$C$346,3,0)-VLOOKUP(AC$1,városok!$A$2:$C$346,3,0))^2)/1000,0)</f>
        <v>99</v>
      </c>
      <c r="AD58">
        <f ca="1">ROUND(SQRT((VLOOKUP($A58,városok!$A$2:$C$346,2,0)-VLOOKUP(AD$1,városok!$A$2:$C$346,2,0))^2+(VLOOKUP($A58,városok!$A$2:$C$346,3,0)-VLOOKUP(AD$1,városok!$A$2:$C$346,3,0))^2)/1000,0)</f>
        <v>93</v>
      </c>
      <c r="AE58">
        <f ca="1">ROUND(SQRT((VLOOKUP($A58,városok!$A$2:$C$346,2,0)-VLOOKUP(AE$1,városok!$A$2:$C$346,2,0))^2+(VLOOKUP($A58,városok!$A$2:$C$346,3,0)-VLOOKUP(AE$1,városok!$A$2:$C$346,3,0))^2)/1000,0)</f>
        <v>78</v>
      </c>
      <c r="AF58">
        <f ca="1">ROUND(SQRT((VLOOKUP($A58,városok!$A$2:$C$346,2,0)-VLOOKUP(AF$1,városok!$A$2:$C$346,2,0))^2+(VLOOKUP($A58,városok!$A$2:$C$346,3,0)-VLOOKUP(AF$1,városok!$A$2:$C$346,3,0))^2)/1000,0)</f>
        <v>154</v>
      </c>
      <c r="AG58">
        <f ca="1">ROUND(SQRT((VLOOKUP($A58,városok!$A$2:$C$346,2,0)-VLOOKUP(AG$1,városok!$A$2:$C$346,2,0))^2+(VLOOKUP($A58,városok!$A$2:$C$346,3,0)-VLOOKUP(AG$1,városok!$A$2:$C$346,3,0))^2)/1000,0)</f>
        <v>156</v>
      </c>
      <c r="AH58">
        <f ca="1">ROUND(SQRT((VLOOKUP($A58,városok!$A$2:$C$346,2,0)-VLOOKUP(AH$1,városok!$A$2:$C$346,2,0))^2+(VLOOKUP($A58,városok!$A$2:$C$346,3,0)-VLOOKUP(AH$1,városok!$A$2:$C$346,3,0))^2)/1000,0)</f>
        <v>157</v>
      </c>
      <c r="AI58">
        <f ca="1">ROUND(SQRT((VLOOKUP($A58,városok!$A$2:$C$346,2,0)-VLOOKUP(AI$1,városok!$A$2:$C$346,2,0))^2+(VLOOKUP($A58,városok!$A$2:$C$346,3,0)-VLOOKUP(AI$1,városok!$A$2:$C$346,3,0))^2)/1000,0)</f>
        <v>174</v>
      </c>
      <c r="AJ58">
        <f ca="1">ROUND(SQRT((VLOOKUP($A58,városok!$A$2:$C$346,2,0)-VLOOKUP(AJ$1,városok!$A$2:$C$346,2,0))^2+(VLOOKUP($A58,városok!$A$2:$C$346,3,0)-VLOOKUP(AJ$1,városok!$A$2:$C$346,3,0))^2)/1000,0)</f>
        <v>141</v>
      </c>
      <c r="AK58">
        <f ca="1">ROUND(SQRT((VLOOKUP($A58,városok!$A$2:$C$346,2,0)-VLOOKUP(AK$1,városok!$A$2:$C$346,2,0))^2+(VLOOKUP($A58,városok!$A$2:$C$346,3,0)-VLOOKUP(AK$1,városok!$A$2:$C$346,3,0))^2)/1000,0)</f>
        <v>77</v>
      </c>
      <c r="AL58">
        <f ca="1">ROUND(SQRT((VLOOKUP($A58,városok!$A$2:$C$346,2,0)-VLOOKUP(AL$1,városok!$A$2:$C$346,2,0))^2+(VLOOKUP($A58,városok!$A$2:$C$346,3,0)-VLOOKUP(AL$1,városok!$A$2:$C$346,3,0))^2)/1000,0)</f>
        <v>91</v>
      </c>
      <c r="AM58">
        <f ca="1">ROUND(SQRT((VLOOKUP($A58,városok!$A$2:$C$346,2,0)-VLOOKUP(AM$1,városok!$A$2:$C$346,2,0))^2+(VLOOKUP($A58,városok!$A$2:$C$346,3,0)-VLOOKUP(AM$1,városok!$A$2:$C$346,3,0))^2)/1000,0)</f>
        <v>91</v>
      </c>
      <c r="AN58">
        <f ca="1">ROUND(SQRT((VLOOKUP($A58,városok!$A$2:$C$346,2,0)-VLOOKUP(AN$1,városok!$A$2:$C$346,2,0))^2+(VLOOKUP($A58,városok!$A$2:$C$346,3,0)-VLOOKUP(AN$1,városok!$A$2:$C$346,3,0))^2)/1000,0)</f>
        <v>218</v>
      </c>
      <c r="AO58">
        <f ca="1">ROUND(SQRT((VLOOKUP($A58,városok!$A$2:$C$346,2,0)-VLOOKUP(AO$1,városok!$A$2:$C$346,2,0))^2+(VLOOKUP($A58,városok!$A$2:$C$346,3,0)-VLOOKUP(AO$1,városok!$A$2:$C$346,3,0))^2)/1000,0)</f>
        <v>254</v>
      </c>
      <c r="AP58">
        <f ca="1">ROUND(SQRT((VLOOKUP($A58,városok!$A$2:$C$346,2,0)-VLOOKUP(AP$1,városok!$A$2:$C$346,2,0))^2+(VLOOKUP($A58,városok!$A$2:$C$346,3,0)-VLOOKUP(AP$1,városok!$A$2:$C$346,3,0))^2)/1000,0)</f>
        <v>235</v>
      </c>
      <c r="AQ58">
        <f ca="1">ROUND(SQRT((VLOOKUP($A58,városok!$A$2:$C$346,2,0)-VLOOKUP(AQ$1,városok!$A$2:$C$346,2,0))^2+(VLOOKUP($A58,városok!$A$2:$C$346,3,0)-VLOOKUP(AQ$1,városok!$A$2:$C$346,3,0))^2)/1000,0)</f>
        <v>226</v>
      </c>
      <c r="AR58">
        <f ca="1">ROUND(SQRT((VLOOKUP($A58,városok!$A$2:$C$346,2,0)-VLOOKUP(AR$1,városok!$A$2:$C$346,2,0))^2+(VLOOKUP($A58,városok!$A$2:$C$346,3,0)-VLOOKUP(AR$1,városok!$A$2:$C$346,3,0))^2)/1000,0)</f>
        <v>179</v>
      </c>
      <c r="AS58">
        <f ca="1">ROUND(SQRT((VLOOKUP($A58,városok!$A$2:$C$346,2,0)-VLOOKUP(AS$1,városok!$A$2:$C$346,2,0))^2+(VLOOKUP($A58,városok!$A$2:$C$346,3,0)-VLOOKUP(AS$1,városok!$A$2:$C$346,3,0))^2)/1000,0)</f>
        <v>192</v>
      </c>
      <c r="AT58">
        <f ca="1">ROUND(SQRT((VLOOKUP($A58,városok!$A$2:$C$346,2,0)-VLOOKUP(AT$1,városok!$A$2:$C$346,2,0))^2+(VLOOKUP($A58,városok!$A$2:$C$346,3,0)-VLOOKUP(AT$1,városok!$A$2:$C$346,3,0))^2)/1000,0)</f>
        <v>194</v>
      </c>
      <c r="AU58">
        <f ca="1">ROUND(SQRT((VLOOKUP($A58,városok!$A$2:$C$346,2,0)-VLOOKUP(AU$1,városok!$A$2:$C$346,2,0))^2+(VLOOKUP($A58,városok!$A$2:$C$346,3,0)-VLOOKUP(AU$1,városok!$A$2:$C$346,3,0))^2)/1000,0)</f>
        <v>184</v>
      </c>
      <c r="AV58">
        <f ca="1">ROUND(SQRT((VLOOKUP($A58,városok!$A$2:$C$346,2,0)-VLOOKUP(AV$1,városok!$A$2:$C$346,2,0))^2+(VLOOKUP($A58,városok!$A$2:$C$346,3,0)-VLOOKUP(AV$1,városok!$A$2:$C$346,3,0))^2)/1000,0)</f>
        <v>182</v>
      </c>
      <c r="AW58">
        <f ca="1">ROUND(SQRT((VLOOKUP($A58,városok!$A$2:$C$346,2,0)-VLOOKUP(AW$1,városok!$A$2:$C$346,2,0))^2+(VLOOKUP($A58,városok!$A$2:$C$346,3,0)-VLOOKUP(AW$1,városok!$A$2:$C$346,3,0))^2)/1000,0)</f>
        <v>184</v>
      </c>
      <c r="AX58">
        <f ca="1">ROUND(SQRT((VLOOKUP($A58,városok!$A$2:$C$346,2,0)-VLOOKUP(AX$1,városok!$A$2:$C$346,2,0))^2+(VLOOKUP($A58,városok!$A$2:$C$346,3,0)-VLOOKUP(AX$1,városok!$A$2:$C$346,3,0))^2)/1000,0)</f>
        <v>107</v>
      </c>
      <c r="AY58">
        <f ca="1">ROUND(SQRT((VLOOKUP($A58,városok!$A$2:$C$346,2,0)-VLOOKUP(AY$1,városok!$A$2:$C$346,2,0))^2+(VLOOKUP($A58,városok!$A$2:$C$346,3,0)-VLOOKUP(AY$1,városok!$A$2:$C$346,3,0))^2)/1000,0)</f>
        <v>192</v>
      </c>
      <c r="AZ58">
        <f ca="1">ROUND(SQRT((VLOOKUP($A58,városok!$A$2:$C$346,2,0)-VLOOKUP(AZ$1,városok!$A$2:$C$346,2,0))^2+(VLOOKUP($A58,városok!$A$2:$C$346,3,0)-VLOOKUP(AZ$1,városok!$A$2:$C$346,3,0))^2)/1000,0)</f>
        <v>204</v>
      </c>
      <c r="BA58">
        <f ca="1">ROUND(SQRT((VLOOKUP($A58,városok!$A$2:$C$346,2,0)-VLOOKUP(BA$1,városok!$A$2:$C$346,2,0))^2+(VLOOKUP($A58,városok!$A$2:$C$346,3,0)-VLOOKUP(BA$1,városok!$A$2:$C$346,3,0))^2)/1000,0)</f>
        <v>255</v>
      </c>
      <c r="BB58">
        <f ca="1">ROUND(SQRT((VLOOKUP($A58,városok!$A$2:$C$346,2,0)-VLOOKUP(BB$1,városok!$A$2:$C$346,2,0))^2+(VLOOKUP($A58,városok!$A$2:$C$346,3,0)-VLOOKUP(BB$1,városok!$A$2:$C$346,3,0))^2)/1000,0)</f>
        <v>236</v>
      </c>
      <c r="BC58">
        <f ca="1">ROUND(SQRT((VLOOKUP($A58,városok!$A$2:$C$346,2,0)-VLOOKUP(BC$1,városok!$A$2:$C$346,2,0))^2+(VLOOKUP($A58,városok!$A$2:$C$346,3,0)-VLOOKUP(BC$1,városok!$A$2:$C$346,3,0))^2)/1000,0)</f>
        <v>249</v>
      </c>
      <c r="BD58">
        <f ca="1">ROUND(SQRT((VLOOKUP($A58,városok!$A$2:$C$346,2,0)-VLOOKUP(BD$1,városok!$A$2:$C$346,2,0))^2+(VLOOKUP($A58,városok!$A$2:$C$346,3,0)-VLOOKUP(BD$1,városok!$A$2:$C$346,3,0))^2)/1000,0)</f>
        <v>229</v>
      </c>
      <c r="BE58">
        <f ca="1">ROUND(SQRT((VLOOKUP($A58,városok!$A$2:$C$346,2,0)-VLOOKUP(BE$1,városok!$A$2:$C$346,2,0))^2+(VLOOKUP($A58,városok!$A$2:$C$346,3,0)-VLOOKUP(BE$1,városok!$A$2:$C$346,3,0))^2)/1000,0)</f>
        <v>186</v>
      </c>
      <c r="BF58">
        <f ca="1">ROUND(SQRT((VLOOKUP($A58,városok!$A$2:$C$346,2,0)-VLOOKUP(BF$1,városok!$A$2:$C$346,2,0))^2+(VLOOKUP($A58,városok!$A$2:$C$346,3,0)-VLOOKUP(BF$1,városok!$A$2:$C$346,3,0))^2)/1000,0)</f>
        <v>198</v>
      </c>
      <c r="BG58">
        <f ca="1">ROUND(SQRT((VLOOKUP($A58,városok!$A$2:$C$346,2,0)-VLOOKUP(BG$1,városok!$A$2:$C$346,2,0))^2+(VLOOKUP($A58,városok!$A$2:$C$346,3,0)-VLOOKUP(BG$1,városok!$A$2:$C$346,3,0))^2)/1000,0)</f>
        <v>174</v>
      </c>
      <c r="BH58">
        <f ca="1">ROUND(SQRT((VLOOKUP($A58,városok!$A$2:$C$346,2,0)-VLOOKUP(BH$1,városok!$A$2:$C$346,2,0))^2+(VLOOKUP($A58,városok!$A$2:$C$346,3,0)-VLOOKUP(BH$1,városok!$A$2:$C$346,3,0))^2)/1000,0)</f>
        <v>174</v>
      </c>
      <c r="BI58">
        <f ca="1">ROUND(SQRT((VLOOKUP($A58,városok!$A$2:$C$346,2,0)-VLOOKUP(BI$1,városok!$A$2:$C$346,2,0))^2+(VLOOKUP($A58,városok!$A$2:$C$346,3,0)-VLOOKUP(BI$1,városok!$A$2:$C$346,3,0))^2)/1000,0)</f>
        <v>186</v>
      </c>
      <c r="BJ58">
        <f ca="1">ROUND(SQRT((VLOOKUP($A58,városok!$A$2:$C$346,2,0)-VLOOKUP(BJ$1,városok!$A$2:$C$346,2,0))^2+(VLOOKUP($A58,városok!$A$2:$C$346,3,0)-VLOOKUP(BJ$1,városok!$A$2:$C$346,3,0))^2)/1000,0)</f>
        <v>200</v>
      </c>
      <c r="BK58">
        <f ca="1">ROUND(SQRT((VLOOKUP($A58,városok!$A$2:$C$346,2,0)-VLOOKUP(BK$1,városok!$A$2:$C$346,2,0))^2+(VLOOKUP($A58,városok!$A$2:$C$346,3,0)-VLOOKUP(BK$1,városok!$A$2:$C$346,3,0))^2)/1000,0)</f>
        <v>180</v>
      </c>
      <c r="BL58">
        <f ca="1">ROUND(SQRT((VLOOKUP($A58,városok!$A$2:$C$346,2,0)-VLOOKUP(BL$1,városok!$A$2:$C$346,2,0))^2+(VLOOKUP($A58,városok!$A$2:$C$346,3,0)-VLOOKUP(BL$1,városok!$A$2:$C$346,3,0))^2)/1000,0)</f>
        <v>340</v>
      </c>
      <c r="BM58">
        <f ca="1">ROUND(SQRT((VLOOKUP($A58,városok!$A$2:$C$346,2,0)-VLOOKUP(BM$1,városok!$A$2:$C$346,2,0))^2+(VLOOKUP($A58,városok!$A$2:$C$346,3,0)-VLOOKUP(BM$1,városok!$A$2:$C$346,3,0))^2)/1000,0)</f>
        <v>320</v>
      </c>
      <c r="BN58">
        <f ca="1">ROUND(SQRT((VLOOKUP($A58,városok!$A$2:$C$346,2,0)-VLOOKUP(BN$1,városok!$A$2:$C$346,2,0))^2+(VLOOKUP($A58,városok!$A$2:$C$346,3,0)-VLOOKUP(BN$1,városok!$A$2:$C$346,3,0))^2)/1000,0)</f>
        <v>343</v>
      </c>
      <c r="BO58">
        <f ca="1">ROUND(SQRT((VLOOKUP($A58,városok!$A$2:$C$346,2,0)-VLOOKUP(BO$1,városok!$A$2:$C$346,2,0))^2+(VLOOKUP($A58,városok!$A$2:$C$346,3,0)-VLOOKUP(BO$1,városok!$A$2:$C$346,3,0))^2)/1000,0)</f>
        <v>235</v>
      </c>
      <c r="BP58">
        <f ca="1">ROUND(SQRT((VLOOKUP($A58,városok!$A$2:$C$346,2,0)-VLOOKUP(BP$1,városok!$A$2:$C$346,2,0))^2+(VLOOKUP($A58,városok!$A$2:$C$346,3,0)-VLOOKUP(BP$1,városok!$A$2:$C$346,3,0))^2)/1000,0)</f>
        <v>228</v>
      </c>
      <c r="BQ58">
        <f ca="1">ROUND(SQRT((VLOOKUP($A58,városok!$A$2:$C$346,2,0)-VLOOKUP(BQ$1,városok!$A$2:$C$346,2,0))^2+(VLOOKUP($A58,városok!$A$2:$C$346,3,0)-VLOOKUP(BQ$1,városok!$A$2:$C$346,3,0))^2)/1000,0)</f>
        <v>244</v>
      </c>
      <c r="BR58">
        <f ca="1">ROUND(SQRT((VLOOKUP($A58,városok!$A$2:$C$346,2,0)-VLOOKUP(BR$1,városok!$A$2:$C$346,2,0))^2+(VLOOKUP($A58,városok!$A$2:$C$346,3,0)-VLOOKUP(BR$1,városok!$A$2:$C$346,3,0))^2)/1000,0)</f>
        <v>289</v>
      </c>
      <c r="BS58">
        <f ca="1">ROUND(SQRT((VLOOKUP($A58,városok!$A$2:$C$346,2,0)-VLOOKUP(BS$1,városok!$A$2:$C$346,2,0))^2+(VLOOKUP($A58,városok!$A$2:$C$346,3,0)-VLOOKUP(BS$1,városok!$A$2:$C$346,3,0))^2)/1000,0)</f>
        <v>309</v>
      </c>
      <c r="BT58">
        <f ca="1">ROUND(SQRT((VLOOKUP($A58,városok!$A$2:$C$346,2,0)-VLOOKUP(BT$1,városok!$A$2:$C$346,2,0))^2+(VLOOKUP($A58,városok!$A$2:$C$346,3,0)-VLOOKUP(BT$1,városok!$A$2:$C$346,3,0))^2)/1000,0)</f>
        <v>321</v>
      </c>
    </row>
    <row r="59" spans="1:72" x14ac:dyDescent="0.2">
      <c r="A59" t="str">
        <f>városok!A59</f>
        <v>Vésztő</v>
      </c>
      <c r="B59">
        <f ca="1">ROUND(SQRT((VLOOKUP($A59,városok!$A$2:$C$346,2,0)-VLOOKUP(B$1,városok!$A$2:$C$346,2,0))^2+(VLOOKUP($A59,városok!$A$2:$C$346,3,0)-VLOOKUP(B$1,városok!$A$2:$C$346,3,0))^2)/1000,0)</f>
        <v>195</v>
      </c>
      <c r="C59">
        <f ca="1">ROUND(SQRT((VLOOKUP($A59,városok!$A$2:$C$346,2,0)-VLOOKUP(C$1,városok!$A$2:$C$346,2,0))^2+(VLOOKUP($A59,városok!$A$2:$C$346,3,0)-VLOOKUP(C$1,városok!$A$2:$C$346,3,0))^2)/1000,0)</f>
        <v>180</v>
      </c>
      <c r="D59">
        <f ca="1">ROUND(SQRT((VLOOKUP($A59,városok!$A$2:$C$346,2,0)-VLOOKUP(D$1,városok!$A$2:$C$346,2,0))^2+(VLOOKUP($A59,városok!$A$2:$C$346,3,0)-VLOOKUP(D$1,városok!$A$2:$C$346,3,0))^2)/1000,0)</f>
        <v>120</v>
      </c>
      <c r="E59">
        <f ca="1">ROUND(SQRT((VLOOKUP($A59,városok!$A$2:$C$346,2,0)-VLOOKUP(E$1,városok!$A$2:$C$346,2,0))^2+(VLOOKUP($A59,városok!$A$2:$C$346,3,0)-VLOOKUP(E$1,városok!$A$2:$C$346,3,0))^2)/1000,0)</f>
        <v>244</v>
      </c>
      <c r="F59">
        <f ca="1">ROUND(SQRT((VLOOKUP($A59,városok!$A$2:$C$346,2,0)-VLOOKUP(F$1,városok!$A$2:$C$346,2,0))^2+(VLOOKUP($A59,városok!$A$2:$C$346,3,0)-VLOOKUP(F$1,városok!$A$2:$C$346,3,0))^2)/1000,0)</f>
        <v>224</v>
      </c>
      <c r="G59">
        <f ca="1">ROUND(SQRT((VLOOKUP($A59,városok!$A$2:$C$346,2,0)-VLOOKUP(G$1,városok!$A$2:$C$346,2,0))^2+(VLOOKUP($A59,városok!$A$2:$C$346,3,0)-VLOOKUP(G$1,városok!$A$2:$C$346,3,0))^2)/1000,0)</f>
        <v>250</v>
      </c>
      <c r="H59">
        <f ca="1">ROUND(SQRT((VLOOKUP($A59,városok!$A$2:$C$346,2,0)-VLOOKUP(H$1,városok!$A$2:$C$346,2,0))^2+(VLOOKUP($A59,városok!$A$2:$C$346,3,0)-VLOOKUP(H$1,városok!$A$2:$C$346,3,0))^2)/1000,0)</f>
        <v>283</v>
      </c>
      <c r="I59">
        <f ca="1">ROUND(SQRT((VLOOKUP($A59,városok!$A$2:$C$346,2,0)-VLOOKUP(I$1,városok!$A$2:$C$346,2,0))^2+(VLOOKUP($A59,városok!$A$2:$C$346,3,0)-VLOOKUP(I$1,városok!$A$2:$C$346,3,0))^2)/1000,0)</f>
        <v>31</v>
      </c>
      <c r="J59">
        <f ca="1">ROUND(SQRT((VLOOKUP($A59,városok!$A$2:$C$346,2,0)-VLOOKUP(J$1,városok!$A$2:$C$346,2,0))^2+(VLOOKUP($A59,városok!$A$2:$C$346,3,0)-VLOOKUP(J$1,városok!$A$2:$C$346,3,0))^2)/1000,0)</f>
        <v>32</v>
      </c>
      <c r="K59">
        <f ca="1">ROUND(SQRT((VLOOKUP($A59,városok!$A$2:$C$346,2,0)-VLOOKUP(K$1,városok!$A$2:$C$346,2,0))^2+(VLOOKUP($A59,városok!$A$2:$C$346,3,0)-VLOOKUP(K$1,városok!$A$2:$C$346,3,0))^2)/1000,0)</f>
        <v>61</v>
      </c>
      <c r="L59">
        <f ca="1">ROUND(SQRT((VLOOKUP($A59,városok!$A$2:$C$346,2,0)-VLOOKUP(L$1,városok!$A$2:$C$346,2,0))^2+(VLOOKUP($A59,városok!$A$2:$C$346,3,0)-VLOOKUP(L$1,városok!$A$2:$C$346,3,0))^2)/1000,0)</f>
        <v>155</v>
      </c>
      <c r="M59">
        <f ca="1">ROUND(SQRT((VLOOKUP($A59,városok!$A$2:$C$346,2,0)-VLOOKUP(M$1,városok!$A$2:$C$346,2,0))^2+(VLOOKUP($A59,városok!$A$2:$C$346,3,0)-VLOOKUP(M$1,városok!$A$2:$C$346,3,0))^2)/1000,0)</f>
        <v>135</v>
      </c>
      <c r="N59">
        <f ca="1">ROUND(SQRT((VLOOKUP($A59,városok!$A$2:$C$346,2,0)-VLOOKUP(N$1,városok!$A$2:$C$346,2,0))^2+(VLOOKUP($A59,városok!$A$2:$C$346,3,0)-VLOOKUP(N$1,városok!$A$2:$C$346,3,0))^2)/1000,0)</f>
        <v>161</v>
      </c>
      <c r="O59">
        <f ca="1">ROUND(SQRT((VLOOKUP($A59,városok!$A$2:$C$346,2,0)-VLOOKUP(O$1,városok!$A$2:$C$346,2,0))^2+(VLOOKUP($A59,városok!$A$2:$C$346,3,0)-VLOOKUP(O$1,városok!$A$2:$C$346,3,0))^2)/1000,0)</f>
        <v>166</v>
      </c>
      <c r="P59">
        <f ca="1">ROUND(SQRT((VLOOKUP($A59,városok!$A$2:$C$346,2,0)-VLOOKUP(P$1,városok!$A$2:$C$346,2,0))^2+(VLOOKUP($A59,városok!$A$2:$C$346,3,0)-VLOOKUP(P$1,városok!$A$2:$C$346,3,0))^2)/1000,0)</f>
        <v>166</v>
      </c>
      <c r="Q59">
        <f ca="1">ROUND(SQRT((VLOOKUP($A59,városok!$A$2:$C$346,2,0)-VLOOKUP(Q$1,városok!$A$2:$C$346,2,0))^2+(VLOOKUP($A59,városok!$A$2:$C$346,3,0)-VLOOKUP(Q$1,városok!$A$2:$C$346,3,0))^2)/1000,0)</f>
        <v>91</v>
      </c>
      <c r="R59">
        <f ca="1">ROUND(SQRT((VLOOKUP($A59,városok!$A$2:$C$346,2,0)-VLOOKUP(R$1,városok!$A$2:$C$346,2,0))^2+(VLOOKUP($A59,városok!$A$2:$C$346,3,0)-VLOOKUP(R$1,városok!$A$2:$C$346,3,0))^2)/1000,0)</f>
        <v>99</v>
      </c>
      <c r="S59">
        <f ca="1">ROUND(SQRT((VLOOKUP($A59,városok!$A$2:$C$346,2,0)-VLOOKUP(S$1,városok!$A$2:$C$346,2,0))^2+(VLOOKUP($A59,városok!$A$2:$C$346,3,0)-VLOOKUP(S$1,városok!$A$2:$C$346,3,0))^2)/1000,0)</f>
        <v>113</v>
      </c>
      <c r="T59">
        <f ca="1">ROUND(SQRT((VLOOKUP($A59,városok!$A$2:$C$346,2,0)-VLOOKUP(T$1,városok!$A$2:$C$346,2,0))^2+(VLOOKUP($A59,városok!$A$2:$C$346,3,0)-VLOOKUP(T$1,városok!$A$2:$C$346,3,0))^2)/1000,0)</f>
        <v>209</v>
      </c>
      <c r="U59">
        <f ca="1">ROUND(SQRT((VLOOKUP($A59,városok!$A$2:$C$346,2,0)-VLOOKUP(U$1,városok!$A$2:$C$346,2,0))^2+(VLOOKUP($A59,városok!$A$2:$C$346,3,0)-VLOOKUP(U$1,városok!$A$2:$C$346,3,0))^2)/1000,0)</f>
        <v>177</v>
      </c>
      <c r="V59">
        <f ca="1">ROUND(SQRT((VLOOKUP($A59,városok!$A$2:$C$346,2,0)-VLOOKUP(V$1,városok!$A$2:$C$346,2,0))^2+(VLOOKUP($A59,városok!$A$2:$C$346,3,0)-VLOOKUP(V$1,városok!$A$2:$C$346,3,0))^2)/1000,0)</f>
        <v>225</v>
      </c>
      <c r="W59">
        <f ca="1">ROUND(SQRT((VLOOKUP($A59,városok!$A$2:$C$346,2,0)-VLOOKUP(W$1,városok!$A$2:$C$346,2,0))^2+(VLOOKUP($A59,városok!$A$2:$C$346,3,0)-VLOOKUP(W$1,városok!$A$2:$C$346,3,0))^2)/1000,0)</f>
        <v>201</v>
      </c>
      <c r="X59">
        <f ca="1">ROUND(SQRT((VLOOKUP($A59,városok!$A$2:$C$346,2,0)-VLOOKUP(X$1,városok!$A$2:$C$346,2,0))^2+(VLOOKUP($A59,városok!$A$2:$C$346,3,0)-VLOOKUP(X$1,városok!$A$2:$C$346,3,0))^2)/1000,0)</f>
        <v>226</v>
      </c>
      <c r="Y59">
        <f ca="1">ROUND(SQRT((VLOOKUP($A59,városok!$A$2:$C$346,2,0)-VLOOKUP(Y$1,városok!$A$2:$C$346,2,0))^2+(VLOOKUP($A59,városok!$A$2:$C$346,3,0)-VLOOKUP(Y$1,városok!$A$2:$C$346,3,0))^2)/1000,0)</f>
        <v>287</v>
      </c>
      <c r="Z59">
        <f ca="1">ROUND(SQRT((VLOOKUP($A59,városok!$A$2:$C$346,2,0)-VLOOKUP(Z$1,városok!$A$2:$C$346,2,0))^2+(VLOOKUP($A59,városok!$A$2:$C$346,3,0)-VLOOKUP(Z$1,városok!$A$2:$C$346,3,0))^2)/1000,0)</f>
        <v>306</v>
      </c>
      <c r="AA59">
        <f ca="1">ROUND(SQRT((VLOOKUP($A59,városok!$A$2:$C$346,2,0)-VLOOKUP(AA$1,városok!$A$2:$C$346,2,0))^2+(VLOOKUP($A59,városok!$A$2:$C$346,3,0)-VLOOKUP(AA$1,városok!$A$2:$C$346,3,0))^2)/1000,0)</f>
        <v>364</v>
      </c>
      <c r="AB59">
        <f ca="1">ROUND(SQRT((VLOOKUP($A59,városok!$A$2:$C$346,2,0)-VLOOKUP(AB$1,városok!$A$2:$C$346,2,0))^2+(VLOOKUP($A59,városok!$A$2:$C$346,3,0)-VLOOKUP(AB$1,városok!$A$2:$C$346,3,0))^2)/1000,0)</f>
        <v>72</v>
      </c>
      <c r="AC59">
        <f ca="1">ROUND(SQRT((VLOOKUP($A59,városok!$A$2:$C$346,2,0)-VLOOKUP(AC$1,városok!$A$2:$C$346,2,0))^2+(VLOOKUP($A59,városok!$A$2:$C$346,3,0)-VLOOKUP(AC$1,városok!$A$2:$C$346,3,0))^2)/1000,0)</f>
        <v>58</v>
      </c>
      <c r="AD59">
        <f ca="1">ROUND(SQRT((VLOOKUP($A59,városok!$A$2:$C$346,2,0)-VLOOKUP(AD$1,városok!$A$2:$C$346,2,0))^2+(VLOOKUP($A59,városok!$A$2:$C$346,3,0)-VLOOKUP(AD$1,városok!$A$2:$C$346,3,0))^2)/1000,0)</f>
        <v>56</v>
      </c>
      <c r="AE59">
        <f ca="1">ROUND(SQRT((VLOOKUP($A59,városok!$A$2:$C$346,2,0)-VLOOKUP(AE$1,városok!$A$2:$C$346,2,0))^2+(VLOOKUP($A59,városok!$A$2:$C$346,3,0)-VLOOKUP(AE$1,városok!$A$2:$C$346,3,0))^2)/1000,0)</f>
        <v>40</v>
      </c>
      <c r="AF59">
        <f ca="1">ROUND(SQRT((VLOOKUP($A59,városok!$A$2:$C$346,2,0)-VLOOKUP(AF$1,városok!$A$2:$C$346,2,0))^2+(VLOOKUP($A59,városok!$A$2:$C$346,3,0)-VLOOKUP(AF$1,városok!$A$2:$C$346,3,0))^2)/1000,0)</f>
        <v>127</v>
      </c>
      <c r="AG59">
        <f ca="1">ROUND(SQRT((VLOOKUP($A59,városok!$A$2:$C$346,2,0)-VLOOKUP(AG$1,városok!$A$2:$C$346,2,0))^2+(VLOOKUP($A59,városok!$A$2:$C$346,3,0)-VLOOKUP(AG$1,városok!$A$2:$C$346,3,0))^2)/1000,0)</f>
        <v>138</v>
      </c>
      <c r="AH59">
        <f ca="1">ROUND(SQRT((VLOOKUP($A59,városok!$A$2:$C$346,2,0)-VLOOKUP(AH$1,városok!$A$2:$C$346,2,0))^2+(VLOOKUP($A59,városok!$A$2:$C$346,3,0)-VLOOKUP(AH$1,városok!$A$2:$C$346,3,0))^2)/1000,0)</f>
        <v>145</v>
      </c>
      <c r="AI59">
        <f ca="1">ROUND(SQRT((VLOOKUP($A59,városok!$A$2:$C$346,2,0)-VLOOKUP(AI$1,városok!$A$2:$C$346,2,0))^2+(VLOOKUP($A59,városok!$A$2:$C$346,3,0)-VLOOKUP(AI$1,városok!$A$2:$C$346,3,0))^2)/1000,0)</f>
        <v>150</v>
      </c>
      <c r="AJ59">
        <f ca="1">ROUND(SQRT((VLOOKUP($A59,városok!$A$2:$C$346,2,0)-VLOOKUP(AJ$1,városok!$A$2:$C$346,2,0))^2+(VLOOKUP($A59,városok!$A$2:$C$346,3,0)-VLOOKUP(AJ$1,városok!$A$2:$C$346,3,0))^2)/1000,0)</f>
        <v>126</v>
      </c>
      <c r="AK59">
        <f ca="1">ROUND(SQRT((VLOOKUP($A59,városok!$A$2:$C$346,2,0)-VLOOKUP(AK$1,városok!$A$2:$C$346,2,0))^2+(VLOOKUP($A59,városok!$A$2:$C$346,3,0)-VLOOKUP(AK$1,városok!$A$2:$C$346,3,0))^2)/1000,0)</f>
        <v>45</v>
      </c>
      <c r="AL59">
        <f ca="1">ROUND(SQRT((VLOOKUP($A59,városok!$A$2:$C$346,2,0)-VLOOKUP(AL$1,városok!$A$2:$C$346,2,0))^2+(VLOOKUP($A59,városok!$A$2:$C$346,3,0)-VLOOKUP(AL$1,városok!$A$2:$C$346,3,0))^2)/1000,0)</f>
        <v>68</v>
      </c>
      <c r="AM59">
        <f ca="1">ROUND(SQRT((VLOOKUP($A59,városok!$A$2:$C$346,2,0)-VLOOKUP(AM$1,városok!$A$2:$C$346,2,0))^2+(VLOOKUP($A59,városok!$A$2:$C$346,3,0)-VLOOKUP(AM$1,városok!$A$2:$C$346,3,0))^2)/1000,0)</f>
        <v>86</v>
      </c>
      <c r="AN59">
        <f ca="1">ROUND(SQRT((VLOOKUP($A59,városok!$A$2:$C$346,2,0)-VLOOKUP(AN$1,városok!$A$2:$C$346,2,0))^2+(VLOOKUP($A59,városok!$A$2:$C$346,3,0)-VLOOKUP(AN$1,városok!$A$2:$C$346,3,0))^2)/1000,0)</f>
        <v>213</v>
      </c>
      <c r="AO59">
        <f ca="1">ROUND(SQRT((VLOOKUP($A59,városok!$A$2:$C$346,2,0)-VLOOKUP(AO$1,városok!$A$2:$C$346,2,0))^2+(VLOOKUP($A59,városok!$A$2:$C$346,3,0)-VLOOKUP(AO$1,városok!$A$2:$C$346,3,0))^2)/1000,0)</f>
        <v>254</v>
      </c>
      <c r="AP59">
        <f ca="1">ROUND(SQRT((VLOOKUP($A59,városok!$A$2:$C$346,2,0)-VLOOKUP(AP$1,városok!$A$2:$C$346,2,0))^2+(VLOOKUP($A59,városok!$A$2:$C$346,3,0)-VLOOKUP(AP$1,városok!$A$2:$C$346,3,0))^2)/1000,0)</f>
        <v>235</v>
      </c>
      <c r="AQ59">
        <f ca="1">ROUND(SQRT((VLOOKUP($A59,városok!$A$2:$C$346,2,0)-VLOOKUP(AQ$1,városok!$A$2:$C$346,2,0))^2+(VLOOKUP($A59,városok!$A$2:$C$346,3,0)-VLOOKUP(AQ$1,városok!$A$2:$C$346,3,0))^2)/1000,0)</f>
        <v>227</v>
      </c>
      <c r="AR59">
        <f ca="1">ROUND(SQRT((VLOOKUP($A59,városok!$A$2:$C$346,2,0)-VLOOKUP(AR$1,városok!$A$2:$C$346,2,0))^2+(VLOOKUP($A59,városok!$A$2:$C$346,3,0)-VLOOKUP(AR$1,városok!$A$2:$C$346,3,0))^2)/1000,0)</f>
        <v>162</v>
      </c>
      <c r="AS59">
        <f ca="1">ROUND(SQRT((VLOOKUP($A59,városok!$A$2:$C$346,2,0)-VLOOKUP(AS$1,városok!$A$2:$C$346,2,0))^2+(VLOOKUP($A59,városok!$A$2:$C$346,3,0)-VLOOKUP(AS$1,városok!$A$2:$C$346,3,0))^2)/1000,0)</f>
        <v>171</v>
      </c>
      <c r="AT59">
        <f ca="1">ROUND(SQRT((VLOOKUP($A59,városok!$A$2:$C$346,2,0)-VLOOKUP(AT$1,városok!$A$2:$C$346,2,0))^2+(VLOOKUP($A59,városok!$A$2:$C$346,3,0)-VLOOKUP(AT$1,városok!$A$2:$C$346,3,0))^2)/1000,0)</f>
        <v>195</v>
      </c>
      <c r="AU59">
        <f ca="1">ROUND(SQRT((VLOOKUP($A59,városok!$A$2:$C$346,2,0)-VLOOKUP(AU$1,városok!$A$2:$C$346,2,0))^2+(VLOOKUP($A59,városok!$A$2:$C$346,3,0)-VLOOKUP(AU$1,városok!$A$2:$C$346,3,0))^2)/1000,0)</f>
        <v>184</v>
      </c>
      <c r="AV59">
        <f ca="1">ROUND(SQRT((VLOOKUP($A59,városok!$A$2:$C$346,2,0)-VLOOKUP(AV$1,városok!$A$2:$C$346,2,0))^2+(VLOOKUP($A59,városok!$A$2:$C$346,3,0)-VLOOKUP(AV$1,városok!$A$2:$C$346,3,0))^2)/1000,0)</f>
        <v>183</v>
      </c>
      <c r="AW59">
        <f ca="1">ROUND(SQRT((VLOOKUP($A59,városok!$A$2:$C$346,2,0)-VLOOKUP(AW$1,városok!$A$2:$C$346,2,0))^2+(VLOOKUP($A59,városok!$A$2:$C$346,3,0)-VLOOKUP(AW$1,városok!$A$2:$C$346,3,0))^2)/1000,0)</f>
        <v>186</v>
      </c>
      <c r="AX59">
        <f ca="1">ROUND(SQRT((VLOOKUP($A59,városok!$A$2:$C$346,2,0)-VLOOKUP(AX$1,városok!$A$2:$C$346,2,0))^2+(VLOOKUP($A59,városok!$A$2:$C$346,3,0)-VLOOKUP(AX$1,városok!$A$2:$C$346,3,0))^2)/1000,0)</f>
        <v>113</v>
      </c>
      <c r="AY59">
        <f ca="1">ROUND(SQRT((VLOOKUP($A59,városok!$A$2:$C$346,2,0)-VLOOKUP(AY$1,városok!$A$2:$C$346,2,0))^2+(VLOOKUP($A59,városok!$A$2:$C$346,3,0)-VLOOKUP(AY$1,városok!$A$2:$C$346,3,0))^2)/1000,0)</f>
        <v>186</v>
      </c>
      <c r="AZ59">
        <f ca="1">ROUND(SQRT((VLOOKUP($A59,városok!$A$2:$C$346,2,0)-VLOOKUP(AZ$1,városok!$A$2:$C$346,2,0))^2+(VLOOKUP($A59,városok!$A$2:$C$346,3,0)-VLOOKUP(AZ$1,városok!$A$2:$C$346,3,0))^2)/1000,0)</f>
        <v>198</v>
      </c>
      <c r="BA59">
        <f ca="1">ROUND(SQRT((VLOOKUP($A59,városok!$A$2:$C$346,2,0)-VLOOKUP(BA$1,városok!$A$2:$C$346,2,0))^2+(VLOOKUP($A59,városok!$A$2:$C$346,3,0)-VLOOKUP(BA$1,városok!$A$2:$C$346,3,0))^2)/1000,0)</f>
        <v>272</v>
      </c>
      <c r="BB59">
        <f ca="1">ROUND(SQRT((VLOOKUP($A59,városok!$A$2:$C$346,2,0)-VLOOKUP(BB$1,városok!$A$2:$C$346,2,0))^2+(VLOOKUP($A59,városok!$A$2:$C$346,3,0)-VLOOKUP(BB$1,városok!$A$2:$C$346,3,0))^2)/1000,0)</f>
        <v>257</v>
      </c>
      <c r="BC59">
        <f ca="1">ROUND(SQRT((VLOOKUP($A59,városok!$A$2:$C$346,2,0)-VLOOKUP(BC$1,városok!$A$2:$C$346,2,0))^2+(VLOOKUP($A59,városok!$A$2:$C$346,3,0)-VLOOKUP(BC$1,városok!$A$2:$C$346,3,0))^2)/1000,0)</f>
        <v>273</v>
      </c>
      <c r="BD59">
        <f ca="1">ROUND(SQRT((VLOOKUP($A59,városok!$A$2:$C$346,2,0)-VLOOKUP(BD$1,városok!$A$2:$C$346,2,0))^2+(VLOOKUP($A59,városok!$A$2:$C$346,3,0)-VLOOKUP(BD$1,városok!$A$2:$C$346,3,0))^2)/1000,0)</f>
        <v>243</v>
      </c>
      <c r="BE59">
        <f ca="1">ROUND(SQRT((VLOOKUP($A59,városok!$A$2:$C$346,2,0)-VLOOKUP(BE$1,városok!$A$2:$C$346,2,0))^2+(VLOOKUP($A59,városok!$A$2:$C$346,3,0)-VLOOKUP(BE$1,városok!$A$2:$C$346,3,0))^2)/1000,0)</f>
        <v>147</v>
      </c>
      <c r="BF59">
        <f ca="1">ROUND(SQRT((VLOOKUP($A59,városok!$A$2:$C$346,2,0)-VLOOKUP(BF$1,városok!$A$2:$C$346,2,0))^2+(VLOOKUP($A59,városok!$A$2:$C$346,3,0)-VLOOKUP(BF$1,városok!$A$2:$C$346,3,0))^2)/1000,0)</f>
        <v>156</v>
      </c>
      <c r="BG59">
        <f ca="1">ROUND(SQRT((VLOOKUP($A59,városok!$A$2:$C$346,2,0)-VLOOKUP(BG$1,városok!$A$2:$C$346,2,0))^2+(VLOOKUP($A59,városok!$A$2:$C$346,3,0)-VLOOKUP(BG$1,városok!$A$2:$C$346,3,0))^2)/1000,0)</f>
        <v>134</v>
      </c>
      <c r="BH59">
        <f ca="1">ROUND(SQRT((VLOOKUP($A59,városok!$A$2:$C$346,2,0)-VLOOKUP(BH$1,városok!$A$2:$C$346,2,0))^2+(VLOOKUP($A59,városok!$A$2:$C$346,3,0)-VLOOKUP(BH$1,városok!$A$2:$C$346,3,0))^2)/1000,0)</f>
        <v>134</v>
      </c>
      <c r="BI59">
        <f ca="1">ROUND(SQRT((VLOOKUP($A59,városok!$A$2:$C$346,2,0)-VLOOKUP(BI$1,városok!$A$2:$C$346,2,0))^2+(VLOOKUP($A59,városok!$A$2:$C$346,3,0)-VLOOKUP(BI$1,városok!$A$2:$C$346,3,0))^2)/1000,0)</f>
        <v>210</v>
      </c>
      <c r="BJ59">
        <f ca="1">ROUND(SQRT((VLOOKUP($A59,városok!$A$2:$C$346,2,0)-VLOOKUP(BJ$1,városok!$A$2:$C$346,2,0))^2+(VLOOKUP($A59,városok!$A$2:$C$346,3,0)-VLOOKUP(BJ$1,városok!$A$2:$C$346,3,0))^2)/1000,0)</f>
        <v>226</v>
      </c>
      <c r="BK59">
        <f ca="1">ROUND(SQRT((VLOOKUP($A59,városok!$A$2:$C$346,2,0)-VLOOKUP(BK$1,városok!$A$2:$C$346,2,0))^2+(VLOOKUP($A59,városok!$A$2:$C$346,3,0)-VLOOKUP(BK$1,városok!$A$2:$C$346,3,0))^2)/1000,0)</f>
        <v>206</v>
      </c>
      <c r="BL59">
        <f ca="1">ROUND(SQRT((VLOOKUP($A59,városok!$A$2:$C$346,2,0)-VLOOKUP(BL$1,városok!$A$2:$C$346,2,0))^2+(VLOOKUP($A59,városok!$A$2:$C$346,3,0)-VLOOKUP(BL$1,városok!$A$2:$C$346,3,0))^2)/1000,0)</f>
        <v>354</v>
      </c>
      <c r="BM59">
        <f ca="1">ROUND(SQRT((VLOOKUP($A59,városok!$A$2:$C$346,2,0)-VLOOKUP(BM$1,városok!$A$2:$C$346,2,0))^2+(VLOOKUP($A59,városok!$A$2:$C$346,3,0)-VLOOKUP(BM$1,városok!$A$2:$C$346,3,0))^2)/1000,0)</f>
        <v>331</v>
      </c>
      <c r="BN59">
        <f ca="1">ROUND(SQRT((VLOOKUP($A59,városok!$A$2:$C$346,2,0)-VLOOKUP(BN$1,városok!$A$2:$C$346,2,0))^2+(VLOOKUP($A59,városok!$A$2:$C$346,3,0)-VLOOKUP(BN$1,városok!$A$2:$C$346,3,0))^2)/1000,0)</f>
        <v>354</v>
      </c>
      <c r="BO59">
        <f ca="1">ROUND(SQRT((VLOOKUP($A59,városok!$A$2:$C$346,2,0)-VLOOKUP(BO$1,városok!$A$2:$C$346,2,0))^2+(VLOOKUP($A59,városok!$A$2:$C$346,3,0)-VLOOKUP(BO$1,városok!$A$2:$C$346,3,0))^2)/1000,0)</f>
        <v>247</v>
      </c>
      <c r="BP59">
        <f ca="1">ROUND(SQRT((VLOOKUP($A59,városok!$A$2:$C$346,2,0)-VLOOKUP(BP$1,városok!$A$2:$C$346,2,0))^2+(VLOOKUP($A59,városok!$A$2:$C$346,3,0)-VLOOKUP(BP$1,városok!$A$2:$C$346,3,0))^2)/1000,0)</f>
        <v>240</v>
      </c>
      <c r="BQ59">
        <f ca="1">ROUND(SQRT((VLOOKUP($A59,városok!$A$2:$C$346,2,0)-VLOOKUP(BQ$1,városok!$A$2:$C$346,2,0))^2+(VLOOKUP($A59,városok!$A$2:$C$346,3,0)-VLOOKUP(BQ$1,városok!$A$2:$C$346,3,0))^2)/1000,0)</f>
        <v>255</v>
      </c>
      <c r="BR59">
        <f ca="1">ROUND(SQRT((VLOOKUP($A59,városok!$A$2:$C$346,2,0)-VLOOKUP(BR$1,városok!$A$2:$C$346,2,0))^2+(VLOOKUP($A59,városok!$A$2:$C$346,3,0)-VLOOKUP(BR$1,városok!$A$2:$C$346,3,0))^2)/1000,0)</f>
        <v>306</v>
      </c>
      <c r="BS59">
        <f ca="1">ROUND(SQRT((VLOOKUP($A59,városok!$A$2:$C$346,2,0)-VLOOKUP(BS$1,városok!$A$2:$C$346,2,0))^2+(VLOOKUP($A59,városok!$A$2:$C$346,3,0)-VLOOKUP(BS$1,városok!$A$2:$C$346,3,0))^2)/1000,0)</f>
        <v>331</v>
      </c>
      <c r="BT59">
        <f ca="1">ROUND(SQRT((VLOOKUP($A59,városok!$A$2:$C$346,2,0)-VLOOKUP(BT$1,városok!$A$2:$C$346,2,0))^2+(VLOOKUP($A59,városok!$A$2:$C$346,3,0)-VLOOKUP(BT$1,városok!$A$2:$C$346,3,0))^2)/1000,0)</f>
        <v>337</v>
      </c>
    </row>
    <row r="60" spans="1:72" x14ac:dyDescent="0.2">
      <c r="A60" t="str">
        <f>városok!A60</f>
        <v>Abaújszántó</v>
      </c>
      <c r="B60">
        <f ca="1">ROUND(SQRT((VLOOKUP($A60,városok!$A$2:$C$346,2,0)-VLOOKUP(B$1,városok!$A$2:$C$346,2,0))^2+(VLOOKUP($A60,városok!$A$2:$C$346,3,0)-VLOOKUP(B$1,városok!$A$2:$C$346,3,0))^2)/1000,0)</f>
        <v>287</v>
      </c>
      <c r="C60">
        <f ca="1">ROUND(SQRT((VLOOKUP($A60,városok!$A$2:$C$346,2,0)-VLOOKUP(C$1,városok!$A$2:$C$346,2,0))^2+(VLOOKUP($A60,városok!$A$2:$C$346,3,0)-VLOOKUP(C$1,városok!$A$2:$C$346,3,0))^2)/1000,0)</f>
        <v>256</v>
      </c>
      <c r="D60">
        <f ca="1">ROUND(SQRT((VLOOKUP($A60,városok!$A$2:$C$346,2,0)-VLOOKUP(D$1,városok!$A$2:$C$346,2,0))^2+(VLOOKUP($A60,városok!$A$2:$C$346,3,0)-VLOOKUP(D$1,városok!$A$2:$C$346,3,0))^2)/1000,0)</f>
        <v>189</v>
      </c>
      <c r="E60">
        <f ca="1">ROUND(SQRT((VLOOKUP($A60,városok!$A$2:$C$346,2,0)-VLOOKUP(E$1,városok!$A$2:$C$346,2,0))^2+(VLOOKUP($A60,városok!$A$2:$C$346,3,0)-VLOOKUP(E$1,városok!$A$2:$C$346,3,0))^2)/1000,0)</f>
        <v>321</v>
      </c>
      <c r="F60">
        <f ca="1">ROUND(SQRT((VLOOKUP($A60,városok!$A$2:$C$346,2,0)-VLOOKUP(F$1,városok!$A$2:$C$346,2,0))^2+(VLOOKUP($A60,városok!$A$2:$C$346,3,0)-VLOOKUP(F$1,városok!$A$2:$C$346,3,0))^2)/1000,0)</f>
        <v>317</v>
      </c>
      <c r="G60">
        <f ca="1">ROUND(SQRT((VLOOKUP($A60,városok!$A$2:$C$346,2,0)-VLOOKUP(G$1,városok!$A$2:$C$346,2,0))^2+(VLOOKUP($A60,városok!$A$2:$C$346,3,0)-VLOOKUP(G$1,városok!$A$2:$C$346,3,0))^2)/1000,0)</f>
        <v>331</v>
      </c>
      <c r="H60">
        <f ca="1">ROUND(SQRT((VLOOKUP($A60,városok!$A$2:$C$346,2,0)-VLOOKUP(H$1,városok!$A$2:$C$346,2,0))^2+(VLOOKUP($A60,városok!$A$2:$C$346,3,0)-VLOOKUP(H$1,városok!$A$2:$C$346,3,0))^2)/1000,0)</f>
        <v>357</v>
      </c>
      <c r="I60">
        <f ca="1">ROUND(SQRT((VLOOKUP($A60,városok!$A$2:$C$346,2,0)-VLOOKUP(I$1,városok!$A$2:$C$346,2,0))^2+(VLOOKUP($A60,városok!$A$2:$C$346,3,0)-VLOOKUP(I$1,városok!$A$2:$C$346,3,0))^2)/1000,0)</f>
        <v>179</v>
      </c>
      <c r="J60">
        <f ca="1">ROUND(SQRT((VLOOKUP($A60,városok!$A$2:$C$346,2,0)-VLOOKUP(J$1,városok!$A$2:$C$346,2,0))^2+(VLOOKUP($A60,városok!$A$2:$C$346,3,0)-VLOOKUP(J$1,városok!$A$2:$C$346,3,0))^2)/1000,0)</f>
        <v>182</v>
      </c>
      <c r="K60">
        <f ca="1">ROUND(SQRT((VLOOKUP($A60,városok!$A$2:$C$346,2,0)-VLOOKUP(K$1,városok!$A$2:$C$346,2,0))^2+(VLOOKUP($A60,városok!$A$2:$C$346,3,0)-VLOOKUP(K$1,városok!$A$2:$C$346,3,0))^2)/1000,0)</f>
        <v>195</v>
      </c>
      <c r="L60">
        <f ca="1">ROUND(SQRT((VLOOKUP($A60,városok!$A$2:$C$346,2,0)-VLOOKUP(L$1,városok!$A$2:$C$346,2,0))^2+(VLOOKUP($A60,városok!$A$2:$C$346,3,0)-VLOOKUP(L$1,városok!$A$2:$C$346,3,0))^2)/1000,0)</f>
        <v>41</v>
      </c>
      <c r="M60">
        <f ca="1">ROUND(SQRT((VLOOKUP($A60,városok!$A$2:$C$346,2,0)-VLOOKUP(M$1,városok!$A$2:$C$346,2,0))^2+(VLOOKUP($A60,városok!$A$2:$C$346,3,0)-VLOOKUP(M$1,városok!$A$2:$C$346,3,0))^2)/1000,0)</f>
        <v>35</v>
      </c>
      <c r="N60">
        <f ca="1">ROUND(SQRT((VLOOKUP($A60,városok!$A$2:$C$346,2,0)-VLOOKUP(N$1,városok!$A$2:$C$346,2,0))^2+(VLOOKUP($A60,városok!$A$2:$C$346,3,0)-VLOOKUP(N$1,városok!$A$2:$C$346,3,0))^2)/1000,0)</f>
        <v>66</v>
      </c>
      <c r="O60">
        <f ca="1">ROUND(SQRT((VLOOKUP($A60,városok!$A$2:$C$346,2,0)-VLOOKUP(O$1,városok!$A$2:$C$346,2,0))^2+(VLOOKUP($A60,városok!$A$2:$C$346,3,0)-VLOOKUP(O$1,városok!$A$2:$C$346,3,0))^2)/1000,0)</f>
        <v>37</v>
      </c>
      <c r="P60">
        <f ca="1">ROUND(SQRT((VLOOKUP($A60,városok!$A$2:$C$346,2,0)-VLOOKUP(P$1,városok!$A$2:$C$346,2,0))^2+(VLOOKUP($A60,városok!$A$2:$C$346,3,0)-VLOOKUP(P$1,városok!$A$2:$C$346,3,0))^2)/1000,0)</f>
        <v>37</v>
      </c>
      <c r="Q60">
        <f ca="1">ROUND(SQRT((VLOOKUP($A60,városok!$A$2:$C$346,2,0)-VLOOKUP(Q$1,városok!$A$2:$C$346,2,0))^2+(VLOOKUP($A60,városok!$A$2:$C$346,3,0)-VLOOKUP(Q$1,városok!$A$2:$C$346,3,0))^2)/1000,0)</f>
        <v>217</v>
      </c>
      <c r="R60">
        <f ca="1">ROUND(SQRT((VLOOKUP($A60,városok!$A$2:$C$346,2,0)-VLOOKUP(R$1,városok!$A$2:$C$346,2,0))^2+(VLOOKUP($A60,városok!$A$2:$C$346,3,0)-VLOOKUP(R$1,városok!$A$2:$C$346,3,0))^2)/1000,0)</f>
        <v>235</v>
      </c>
      <c r="S60">
        <f ca="1">ROUND(SQRT((VLOOKUP($A60,városok!$A$2:$C$346,2,0)-VLOOKUP(S$1,városok!$A$2:$C$346,2,0))^2+(VLOOKUP($A60,városok!$A$2:$C$346,3,0)-VLOOKUP(S$1,városok!$A$2:$C$346,3,0))^2)/1000,0)</f>
        <v>239</v>
      </c>
      <c r="T60">
        <f ca="1">ROUND(SQRT((VLOOKUP($A60,városok!$A$2:$C$346,2,0)-VLOOKUP(T$1,városok!$A$2:$C$346,2,0))^2+(VLOOKUP($A60,városok!$A$2:$C$346,3,0)-VLOOKUP(T$1,városok!$A$2:$C$346,3,0))^2)/1000,0)</f>
        <v>210</v>
      </c>
      <c r="U60">
        <f ca="1">ROUND(SQRT((VLOOKUP($A60,városok!$A$2:$C$346,2,0)-VLOOKUP(U$1,városok!$A$2:$C$346,2,0))^2+(VLOOKUP($A60,városok!$A$2:$C$346,3,0)-VLOOKUP(U$1,városok!$A$2:$C$346,3,0))^2)/1000,0)</f>
        <v>223</v>
      </c>
      <c r="V60">
        <f ca="1">ROUND(SQRT((VLOOKUP($A60,városok!$A$2:$C$346,2,0)-VLOOKUP(V$1,városok!$A$2:$C$346,2,0))^2+(VLOOKUP($A60,városok!$A$2:$C$346,3,0)-VLOOKUP(V$1,városok!$A$2:$C$346,3,0))^2)/1000,0)</f>
        <v>255</v>
      </c>
      <c r="W60">
        <f ca="1">ROUND(SQRT((VLOOKUP($A60,városok!$A$2:$C$346,2,0)-VLOOKUP(W$1,városok!$A$2:$C$346,2,0))^2+(VLOOKUP($A60,városok!$A$2:$C$346,3,0)-VLOOKUP(W$1,városok!$A$2:$C$346,3,0))^2)/1000,0)</f>
        <v>247</v>
      </c>
      <c r="X60">
        <f ca="1">ROUND(SQRT((VLOOKUP($A60,városok!$A$2:$C$346,2,0)-VLOOKUP(X$1,városok!$A$2:$C$346,2,0))^2+(VLOOKUP($A60,városok!$A$2:$C$346,3,0)-VLOOKUP(X$1,városok!$A$2:$C$346,3,0))^2)/1000,0)</f>
        <v>241</v>
      </c>
      <c r="Y60">
        <f ca="1">ROUND(SQRT((VLOOKUP($A60,városok!$A$2:$C$346,2,0)-VLOOKUP(Y$1,városok!$A$2:$C$346,2,0))^2+(VLOOKUP($A60,városok!$A$2:$C$346,3,0)-VLOOKUP(Y$1,városok!$A$2:$C$346,3,0))^2)/1000,0)</f>
        <v>273</v>
      </c>
      <c r="Z60">
        <f ca="1">ROUND(SQRT((VLOOKUP($A60,városok!$A$2:$C$346,2,0)-VLOOKUP(Z$1,városok!$A$2:$C$346,2,0))^2+(VLOOKUP($A60,városok!$A$2:$C$346,3,0)-VLOOKUP(Z$1,városok!$A$2:$C$346,3,0))^2)/1000,0)</f>
        <v>289</v>
      </c>
      <c r="AA60">
        <f ca="1">ROUND(SQRT((VLOOKUP($A60,városok!$A$2:$C$346,2,0)-VLOOKUP(AA$1,városok!$A$2:$C$346,2,0))^2+(VLOOKUP($A60,városok!$A$2:$C$346,3,0)-VLOOKUP(AA$1,városok!$A$2:$C$346,3,0))^2)/1000,0)</f>
        <v>350</v>
      </c>
      <c r="AB60">
        <f ca="1">ROUND(SQRT((VLOOKUP($A60,városok!$A$2:$C$346,2,0)-VLOOKUP(AB$1,városok!$A$2:$C$346,2,0))^2+(VLOOKUP($A60,városok!$A$2:$C$346,3,0)-VLOOKUP(AB$1,városok!$A$2:$C$346,3,0))^2)/1000,0)</f>
        <v>90</v>
      </c>
      <c r="AC60">
        <f ca="1">ROUND(SQRT((VLOOKUP($A60,városok!$A$2:$C$346,2,0)-VLOOKUP(AC$1,városok!$A$2:$C$346,2,0))^2+(VLOOKUP($A60,városok!$A$2:$C$346,3,0)-VLOOKUP(AC$1,városok!$A$2:$C$346,3,0))^2)/1000,0)</f>
        <v>94</v>
      </c>
      <c r="AD60">
        <f ca="1">ROUND(SQRT((VLOOKUP($A60,városok!$A$2:$C$346,2,0)-VLOOKUP(AD$1,városok!$A$2:$C$346,2,0))^2+(VLOOKUP($A60,városok!$A$2:$C$346,3,0)-VLOOKUP(AD$1,városok!$A$2:$C$346,3,0))^2)/1000,0)</f>
        <v>95</v>
      </c>
      <c r="AE60">
        <f ca="1">ROUND(SQRT((VLOOKUP($A60,városok!$A$2:$C$346,2,0)-VLOOKUP(AE$1,városok!$A$2:$C$346,2,0))^2+(VLOOKUP($A60,városok!$A$2:$C$346,3,0)-VLOOKUP(AE$1,városok!$A$2:$C$346,3,0))^2)/1000,0)</f>
        <v>111</v>
      </c>
      <c r="AF60">
        <f ca="1">ROUND(SQRT((VLOOKUP($A60,városok!$A$2:$C$346,2,0)-VLOOKUP(AF$1,városok!$A$2:$C$346,2,0))^2+(VLOOKUP($A60,városok!$A$2:$C$346,3,0)-VLOOKUP(AF$1,városok!$A$2:$C$346,3,0))^2)/1000,0)</f>
        <v>73</v>
      </c>
      <c r="AG60">
        <f ca="1">ROUND(SQRT((VLOOKUP($A60,városok!$A$2:$C$346,2,0)-VLOOKUP(AG$1,városok!$A$2:$C$346,2,0))^2+(VLOOKUP($A60,városok!$A$2:$C$346,3,0)-VLOOKUP(AG$1,városok!$A$2:$C$346,3,0))^2)/1000,0)</f>
        <v>109</v>
      </c>
      <c r="AH60">
        <f ca="1">ROUND(SQRT((VLOOKUP($A60,városok!$A$2:$C$346,2,0)-VLOOKUP(AH$1,városok!$A$2:$C$346,2,0))^2+(VLOOKUP($A60,városok!$A$2:$C$346,3,0)-VLOOKUP(AH$1,városok!$A$2:$C$346,3,0))^2)/1000,0)</f>
        <v>131</v>
      </c>
      <c r="AI60">
        <f ca="1">ROUND(SQRT((VLOOKUP($A60,városok!$A$2:$C$346,2,0)-VLOOKUP(AI$1,városok!$A$2:$C$346,2,0))^2+(VLOOKUP($A60,városok!$A$2:$C$346,3,0)-VLOOKUP(AI$1,városok!$A$2:$C$346,3,0))^2)/1000,0)</f>
        <v>86</v>
      </c>
      <c r="AJ60">
        <f ca="1">ROUND(SQRT((VLOOKUP($A60,városok!$A$2:$C$346,2,0)-VLOOKUP(AJ$1,városok!$A$2:$C$346,2,0))^2+(VLOOKUP($A60,városok!$A$2:$C$346,3,0)-VLOOKUP(AJ$1,városok!$A$2:$C$346,3,0))^2)/1000,0)</f>
        <v>115</v>
      </c>
      <c r="AK60">
        <f ca="1">ROUND(SQRT((VLOOKUP($A60,városok!$A$2:$C$346,2,0)-VLOOKUP(AK$1,városok!$A$2:$C$346,2,0))^2+(VLOOKUP($A60,városok!$A$2:$C$346,3,0)-VLOOKUP(AK$1,városok!$A$2:$C$346,3,0))^2)/1000,0)</f>
        <v>112</v>
      </c>
      <c r="AL60">
        <f ca="1">ROUND(SQRT((VLOOKUP($A60,városok!$A$2:$C$346,2,0)-VLOOKUP(AL$1,városok!$A$2:$C$346,2,0))^2+(VLOOKUP($A60,városok!$A$2:$C$346,3,0)-VLOOKUP(AL$1,városok!$A$2:$C$346,3,0))^2)/1000,0)</f>
        <v>110</v>
      </c>
      <c r="AM60">
        <f ca="1">ROUND(SQRT((VLOOKUP($A60,városok!$A$2:$C$346,2,0)-VLOOKUP(AM$1,városok!$A$2:$C$346,2,0))^2+(VLOOKUP($A60,városok!$A$2:$C$346,3,0)-VLOOKUP(AM$1,városok!$A$2:$C$346,3,0))^2)/1000,0)</f>
        <v>143</v>
      </c>
      <c r="AN60">
        <f ca="1">ROUND(SQRT((VLOOKUP($A60,városok!$A$2:$C$346,2,0)-VLOOKUP(AN$1,városok!$A$2:$C$346,2,0))^2+(VLOOKUP($A60,városok!$A$2:$C$346,3,0)-VLOOKUP(AN$1,városok!$A$2:$C$346,3,0))^2)/1000,0)</f>
        <v>190</v>
      </c>
      <c r="AO60">
        <f ca="1">ROUND(SQRT((VLOOKUP($A60,városok!$A$2:$C$346,2,0)-VLOOKUP(AO$1,városok!$A$2:$C$346,2,0))^2+(VLOOKUP($A60,városok!$A$2:$C$346,3,0)-VLOOKUP(AO$1,városok!$A$2:$C$346,3,0))^2)/1000,0)</f>
        <v>236</v>
      </c>
      <c r="AP60">
        <f ca="1">ROUND(SQRT((VLOOKUP($A60,városok!$A$2:$C$346,2,0)-VLOOKUP(AP$1,városok!$A$2:$C$346,2,0))^2+(VLOOKUP($A60,városok!$A$2:$C$346,3,0)-VLOOKUP(AP$1,városok!$A$2:$C$346,3,0))^2)/1000,0)</f>
        <v>224</v>
      </c>
      <c r="AQ60">
        <f ca="1">ROUND(SQRT((VLOOKUP($A60,városok!$A$2:$C$346,2,0)-VLOOKUP(AQ$1,városok!$A$2:$C$346,2,0))^2+(VLOOKUP($A60,városok!$A$2:$C$346,3,0)-VLOOKUP(AQ$1,városok!$A$2:$C$346,3,0))^2)/1000,0)</f>
        <v>222</v>
      </c>
      <c r="AR60">
        <f ca="1">ROUND(SQRT((VLOOKUP($A60,városok!$A$2:$C$346,2,0)-VLOOKUP(AR$1,városok!$A$2:$C$346,2,0))^2+(VLOOKUP($A60,városok!$A$2:$C$346,3,0)-VLOOKUP(AR$1,városok!$A$2:$C$346,3,0))^2)/1000,0)</f>
        <v>118</v>
      </c>
      <c r="AS60">
        <f ca="1">ROUND(SQRT((VLOOKUP($A60,városok!$A$2:$C$346,2,0)-VLOOKUP(AS$1,városok!$A$2:$C$346,2,0))^2+(VLOOKUP($A60,városok!$A$2:$C$346,3,0)-VLOOKUP(AS$1,városok!$A$2:$C$346,3,0))^2)/1000,0)</f>
        <v>104</v>
      </c>
      <c r="AT60">
        <f ca="1">ROUND(SQRT((VLOOKUP($A60,városok!$A$2:$C$346,2,0)-VLOOKUP(AT$1,városok!$A$2:$C$346,2,0))^2+(VLOOKUP($A60,városok!$A$2:$C$346,3,0)-VLOOKUP(AT$1,városok!$A$2:$C$346,3,0))^2)/1000,0)</f>
        <v>198</v>
      </c>
      <c r="AU60">
        <f ca="1">ROUND(SQRT((VLOOKUP($A60,városok!$A$2:$C$346,2,0)-VLOOKUP(AU$1,városok!$A$2:$C$346,2,0))^2+(VLOOKUP($A60,városok!$A$2:$C$346,3,0)-VLOOKUP(AU$1,városok!$A$2:$C$346,3,0))^2)/1000,0)</f>
        <v>190</v>
      </c>
      <c r="AV60">
        <f ca="1">ROUND(SQRT((VLOOKUP($A60,városok!$A$2:$C$346,2,0)-VLOOKUP(AV$1,városok!$A$2:$C$346,2,0))^2+(VLOOKUP($A60,városok!$A$2:$C$346,3,0)-VLOOKUP(AV$1,városok!$A$2:$C$346,3,0))^2)/1000,0)</f>
        <v>193</v>
      </c>
      <c r="AW60">
        <f ca="1">ROUND(SQRT((VLOOKUP($A60,városok!$A$2:$C$346,2,0)-VLOOKUP(AW$1,városok!$A$2:$C$346,2,0))^2+(VLOOKUP($A60,városok!$A$2:$C$346,3,0)-VLOOKUP(AW$1,városok!$A$2:$C$346,3,0))^2)/1000,0)</f>
        <v>196</v>
      </c>
      <c r="AX60">
        <f ca="1">ROUND(SQRT((VLOOKUP($A60,városok!$A$2:$C$346,2,0)-VLOOKUP(AX$1,városok!$A$2:$C$346,2,0))^2+(VLOOKUP($A60,városok!$A$2:$C$346,3,0)-VLOOKUP(AX$1,városok!$A$2:$C$346,3,0))^2)/1000,0)</f>
        <v>174</v>
      </c>
      <c r="AY60">
        <f ca="1">ROUND(SQRT((VLOOKUP($A60,városok!$A$2:$C$346,2,0)-VLOOKUP(AY$1,városok!$A$2:$C$346,2,0))^2+(VLOOKUP($A60,városok!$A$2:$C$346,3,0)-VLOOKUP(AY$1,városok!$A$2:$C$346,3,0))^2)/1000,0)</f>
        <v>172</v>
      </c>
      <c r="AZ60">
        <f ca="1">ROUND(SQRT((VLOOKUP($A60,városok!$A$2:$C$346,2,0)-VLOOKUP(AZ$1,városok!$A$2:$C$346,2,0))^2+(VLOOKUP($A60,városok!$A$2:$C$346,3,0)-VLOOKUP(AZ$1,városok!$A$2:$C$346,3,0))^2)/1000,0)</f>
        <v>174</v>
      </c>
      <c r="BA60">
        <f ca="1">ROUND(SQRT((VLOOKUP($A60,városok!$A$2:$C$346,2,0)-VLOOKUP(BA$1,városok!$A$2:$C$346,2,0))^2+(VLOOKUP($A60,városok!$A$2:$C$346,3,0)-VLOOKUP(BA$1,városok!$A$2:$C$346,3,0))^2)/1000,0)</f>
        <v>310</v>
      </c>
      <c r="BB60">
        <f ca="1">ROUND(SQRT((VLOOKUP($A60,városok!$A$2:$C$346,2,0)-VLOOKUP(BB$1,városok!$A$2:$C$346,2,0))^2+(VLOOKUP($A60,városok!$A$2:$C$346,3,0)-VLOOKUP(BB$1,városok!$A$2:$C$346,3,0))^2)/1000,0)</f>
        <v>312</v>
      </c>
      <c r="BC60">
        <f ca="1">ROUND(SQRT((VLOOKUP($A60,városok!$A$2:$C$346,2,0)-VLOOKUP(BC$1,városok!$A$2:$C$346,2,0))^2+(VLOOKUP($A60,városok!$A$2:$C$346,3,0)-VLOOKUP(BC$1,városok!$A$2:$C$346,3,0))^2)/1000,0)</f>
        <v>333</v>
      </c>
      <c r="BD60">
        <f ca="1">ROUND(SQRT((VLOOKUP($A60,városok!$A$2:$C$346,2,0)-VLOOKUP(BD$1,városok!$A$2:$C$346,2,0))^2+(VLOOKUP($A60,városok!$A$2:$C$346,3,0)-VLOOKUP(BD$1,városok!$A$2:$C$346,3,0))^2)/1000,0)</f>
        <v>280</v>
      </c>
      <c r="BE60">
        <f ca="1">ROUND(SQRT((VLOOKUP($A60,városok!$A$2:$C$346,2,0)-VLOOKUP(BE$1,városok!$A$2:$C$346,2,0))^2+(VLOOKUP($A60,városok!$A$2:$C$346,3,0)-VLOOKUP(BE$1,városok!$A$2:$C$346,3,0))^2)/1000,0)</f>
        <v>121</v>
      </c>
      <c r="BF60">
        <f ca="1">ROUND(SQRT((VLOOKUP($A60,városok!$A$2:$C$346,2,0)-VLOOKUP(BF$1,városok!$A$2:$C$346,2,0))^2+(VLOOKUP($A60,városok!$A$2:$C$346,3,0)-VLOOKUP(BF$1,városok!$A$2:$C$346,3,0))^2)/1000,0)</f>
        <v>67</v>
      </c>
      <c r="BG60">
        <f ca="1">ROUND(SQRT((VLOOKUP($A60,városok!$A$2:$C$346,2,0)-VLOOKUP(BG$1,városok!$A$2:$C$346,2,0))^2+(VLOOKUP($A60,városok!$A$2:$C$346,3,0)-VLOOKUP(BG$1,városok!$A$2:$C$346,3,0))^2)/1000,0)</f>
        <v>27</v>
      </c>
      <c r="BH60">
        <f ca="1">ROUND(SQRT((VLOOKUP($A60,városok!$A$2:$C$346,2,0)-VLOOKUP(BH$1,városok!$A$2:$C$346,2,0))^2+(VLOOKUP($A60,városok!$A$2:$C$346,3,0)-VLOOKUP(BH$1,városok!$A$2:$C$346,3,0))^2)/1000,0)</f>
        <v>27</v>
      </c>
      <c r="BI60">
        <f ca="1">ROUND(SQRT((VLOOKUP($A60,városok!$A$2:$C$346,2,0)-VLOOKUP(BI$1,városok!$A$2:$C$346,2,0))^2+(VLOOKUP($A60,városok!$A$2:$C$346,3,0)-VLOOKUP(BI$1,városok!$A$2:$C$346,3,0))^2)/1000,0)</f>
        <v>285</v>
      </c>
      <c r="BJ60">
        <f ca="1">ROUND(SQRT((VLOOKUP($A60,városok!$A$2:$C$346,2,0)-VLOOKUP(BJ$1,városok!$A$2:$C$346,2,0))^2+(VLOOKUP($A60,városok!$A$2:$C$346,3,0)-VLOOKUP(BJ$1,városok!$A$2:$C$346,3,0))^2)/1000,0)</f>
        <v>303</v>
      </c>
      <c r="BK60">
        <f ca="1">ROUND(SQRT((VLOOKUP($A60,városok!$A$2:$C$346,2,0)-VLOOKUP(BK$1,városok!$A$2:$C$346,2,0))^2+(VLOOKUP($A60,városok!$A$2:$C$346,3,0)-VLOOKUP(BK$1,városok!$A$2:$C$346,3,0))^2)/1000,0)</f>
        <v>285</v>
      </c>
      <c r="BL60">
        <f ca="1">ROUND(SQRT((VLOOKUP($A60,városok!$A$2:$C$346,2,0)-VLOOKUP(BL$1,városok!$A$2:$C$346,2,0))^2+(VLOOKUP($A60,városok!$A$2:$C$346,3,0)-VLOOKUP(BL$1,városok!$A$2:$C$346,3,0))^2)/1000,0)</f>
        <v>372</v>
      </c>
      <c r="BM60">
        <f ca="1">ROUND(SQRT((VLOOKUP($A60,városok!$A$2:$C$346,2,0)-VLOOKUP(BM$1,városok!$A$2:$C$346,2,0))^2+(VLOOKUP($A60,városok!$A$2:$C$346,3,0)-VLOOKUP(BM$1,városok!$A$2:$C$346,3,0))^2)/1000,0)</f>
        <v>338</v>
      </c>
      <c r="BN60">
        <f ca="1">ROUND(SQRT((VLOOKUP($A60,városok!$A$2:$C$346,2,0)-VLOOKUP(BN$1,városok!$A$2:$C$346,2,0))^2+(VLOOKUP($A60,városok!$A$2:$C$346,3,0)-VLOOKUP(BN$1,városok!$A$2:$C$346,3,0))^2)/1000,0)</f>
        <v>361</v>
      </c>
      <c r="BO60">
        <f ca="1">ROUND(SQRT((VLOOKUP($A60,városok!$A$2:$C$346,2,0)-VLOOKUP(BO$1,városok!$A$2:$C$346,2,0))^2+(VLOOKUP($A60,városok!$A$2:$C$346,3,0)-VLOOKUP(BO$1,városok!$A$2:$C$346,3,0))^2)/1000,0)</f>
        <v>276</v>
      </c>
      <c r="BP60">
        <f ca="1">ROUND(SQRT((VLOOKUP($A60,városok!$A$2:$C$346,2,0)-VLOOKUP(BP$1,városok!$A$2:$C$346,2,0))^2+(VLOOKUP($A60,városok!$A$2:$C$346,3,0)-VLOOKUP(BP$1,városok!$A$2:$C$346,3,0))^2)/1000,0)</f>
        <v>269</v>
      </c>
      <c r="BQ60">
        <f ca="1">ROUND(SQRT((VLOOKUP($A60,városok!$A$2:$C$346,2,0)-VLOOKUP(BQ$1,városok!$A$2:$C$346,2,0))^2+(VLOOKUP($A60,városok!$A$2:$C$346,3,0)-VLOOKUP(BQ$1,városok!$A$2:$C$346,3,0))^2)/1000,0)</f>
        <v>279</v>
      </c>
      <c r="BR60">
        <f ca="1">ROUND(SQRT((VLOOKUP($A60,városok!$A$2:$C$346,2,0)-VLOOKUP(BR$1,városok!$A$2:$C$346,2,0))^2+(VLOOKUP($A60,városok!$A$2:$C$346,3,0)-VLOOKUP(BR$1,városok!$A$2:$C$346,3,0))^2)/1000,0)</f>
        <v>340</v>
      </c>
      <c r="BS60">
        <f ca="1">ROUND(SQRT((VLOOKUP($A60,városok!$A$2:$C$346,2,0)-VLOOKUP(BS$1,városok!$A$2:$C$346,2,0))^2+(VLOOKUP($A60,városok!$A$2:$C$346,3,0)-VLOOKUP(BS$1,városok!$A$2:$C$346,3,0))^2)/1000,0)</f>
        <v>376</v>
      </c>
      <c r="BT60">
        <f ca="1">ROUND(SQRT((VLOOKUP($A60,városok!$A$2:$C$346,2,0)-VLOOKUP(BT$1,városok!$A$2:$C$346,2,0))^2+(VLOOKUP($A60,városok!$A$2:$C$346,3,0)-VLOOKUP(BT$1,városok!$A$2:$C$346,3,0))^2)/1000,0)</f>
        <v>364</v>
      </c>
    </row>
    <row r="61" spans="1:72" x14ac:dyDescent="0.2">
      <c r="A61" t="str">
        <f>városok!A61</f>
        <v>Alsózsolca</v>
      </c>
      <c r="B61">
        <f ca="1">ROUND(SQRT((VLOOKUP($A61,városok!$A$2:$C$346,2,0)-VLOOKUP(B$1,városok!$A$2:$C$346,2,0))^2+(VLOOKUP($A61,városok!$A$2:$C$346,3,0)-VLOOKUP(B$1,városok!$A$2:$C$346,3,0))^2)/1000,0)</f>
        <v>256</v>
      </c>
      <c r="C61">
        <f ca="1">ROUND(SQRT((VLOOKUP($A61,városok!$A$2:$C$346,2,0)-VLOOKUP(C$1,városok!$A$2:$C$346,2,0))^2+(VLOOKUP($A61,városok!$A$2:$C$346,3,0)-VLOOKUP(C$1,városok!$A$2:$C$346,3,0))^2)/1000,0)</f>
        <v>224</v>
      </c>
      <c r="D61">
        <f ca="1">ROUND(SQRT((VLOOKUP($A61,városok!$A$2:$C$346,2,0)-VLOOKUP(D$1,városok!$A$2:$C$346,2,0))^2+(VLOOKUP($A61,városok!$A$2:$C$346,3,0)-VLOOKUP(D$1,városok!$A$2:$C$346,3,0))^2)/1000,0)</f>
        <v>158</v>
      </c>
      <c r="E61">
        <f ca="1">ROUND(SQRT((VLOOKUP($A61,városok!$A$2:$C$346,2,0)-VLOOKUP(E$1,városok!$A$2:$C$346,2,0))^2+(VLOOKUP($A61,városok!$A$2:$C$346,3,0)-VLOOKUP(E$1,városok!$A$2:$C$346,3,0))^2)/1000,0)</f>
        <v>289</v>
      </c>
      <c r="F61">
        <f ca="1">ROUND(SQRT((VLOOKUP($A61,városok!$A$2:$C$346,2,0)-VLOOKUP(F$1,városok!$A$2:$C$346,2,0))^2+(VLOOKUP($A61,városok!$A$2:$C$346,3,0)-VLOOKUP(F$1,városok!$A$2:$C$346,3,0))^2)/1000,0)</f>
        <v>285</v>
      </c>
      <c r="G61">
        <f ca="1">ROUND(SQRT((VLOOKUP($A61,városok!$A$2:$C$346,2,0)-VLOOKUP(G$1,városok!$A$2:$C$346,2,0))^2+(VLOOKUP($A61,városok!$A$2:$C$346,3,0)-VLOOKUP(G$1,városok!$A$2:$C$346,3,0))^2)/1000,0)</f>
        <v>299</v>
      </c>
      <c r="H61">
        <f ca="1">ROUND(SQRT((VLOOKUP($A61,városok!$A$2:$C$346,2,0)-VLOOKUP(H$1,városok!$A$2:$C$346,2,0))^2+(VLOOKUP($A61,városok!$A$2:$C$346,3,0)-VLOOKUP(H$1,városok!$A$2:$C$346,3,0))^2)/1000,0)</f>
        <v>325</v>
      </c>
      <c r="I61">
        <f ca="1">ROUND(SQRT((VLOOKUP($A61,városok!$A$2:$C$346,2,0)-VLOOKUP(I$1,városok!$A$2:$C$346,2,0))^2+(VLOOKUP($A61,városok!$A$2:$C$346,3,0)-VLOOKUP(I$1,városok!$A$2:$C$346,3,0))^2)/1000,0)</f>
        <v>156</v>
      </c>
      <c r="J61">
        <f ca="1">ROUND(SQRT((VLOOKUP($A61,városok!$A$2:$C$346,2,0)-VLOOKUP(J$1,városok!$A$2:$C$346,2,0))^2+(VLOOKUP($A61,városok!$A$2:$C$346,3,0)-VLOOKUP(J$1,városok!$A$2:$C$346,3,0))^2)/1000,0)</f>
        <v>162</v>
      </c>
      <c r="K61">
        <f ca="1">ROUND(SQRT((VLOOKUP($A61,városok!$A$2:$C$346,2,0)-VLOOKUP(K$1,városok!$A$2:$C$346,2,0))^2+(VLOOKUP($A61,városok!$A$2:$C$346,3,0)-VLOOKUP(K$1,városok!$A$2:$C$346,3,0))^2)/1000,0)</f>
        <v>169</v>
      </c>
      <c r="L61">
        <f ca="1">ROUND(SQRT((VLOOKUP($A61,városok!$A$2:$C$346,2,0)-VLOOKUP(L$1,városok!$A$2:$C$346,2,0))^2+(VLOOKUP($A61,városok!$A$2:$C$346,3,0)-VLOOKUP(L$1,városok!$A$2:$C$346,3,0))^2)/1000,0)</f>
        <v>27</v>
      </c>
      <c r="M61">
        <f ca="1">ROUND(SQRT((VLOOKUP($A61,városok!$A$2:$C$346,2,0)-VLOOKUP(M$1,városok!$A$2:$C$346,2,0))^2+(VLOOKUP($A61,városok!$A$2:$C$346,3,0)-VLOOKUP(M$1,városok!$A$2:$C$346,3,0))^2)/1000,0)</f>
        <v>7</v>
      </c>
      <c r="N61">
        <f ca="1">ROUND(SQRT((VLOOKUP($A61,városok!$A$2:$C$346,2,0)-VLOOKUP(N$1,városok!$A$2:$C$346,2,0))^2+(VLOOKUP($A61,városok!$A$2:$C$346,3,0)-VLOOKUP(N$1,városok!$A$2:$C$346,3,0))^2)/1000,0)</f>
        <v>47</v>
      </c>
      <c r="O61">
        <f ca="1">ROUND(SQRT((VLOOKUP($A61,városok!$A$2:$C$346,2,0)-VLOOKUP(O$1,városok!$A$2:$C$346,2,0))^2+(VLOOKUP($A61,városok!$A$2:$C$346,3,0)-VLOOKUP(O$1,városok!$A$2:$C$346,3,0))^2)/1000,0)</f>
        <v>68</v>
      </c>
      <c r="P61">
        <f ca="1">ROUND(SQRT((VLOOKUP($A61,városok!$A$2:$C$346,2,0)-VLOOKUP(P$1,városok!$A$2:$C$346,2,0))^2+(VLOOKUP($A61,városok!$A$2:$C$346,3,0)-VLOOKUP(P$1,városok!$A$2:$C$346,3,0))^2)/1000,0)</f>
        <v>68</v>
      </c>
      <c r="Q61">
        <f ca="1">ROUND(SQRT((VLOOKUP($A61,városok!$A$2:$C$346,2,0)-VLOOKUP(Q$1,városok!$A$2:$C$346,2,0))^2+(VLOOKUP($A61,városok!$A$2:$C$346,3,0)-VLOOKUP(Q$1,városok!$A$2:$C$346,3,0))^2)/1000,0)</f>
        <v>189</v>
      </c>
      <c r="R61">
        <f ca="1">ROUND(SQRT((VLOOKUP($A61,városok!$A$2:$C$346,2,0)-VLOOKUP(R$1,városok!$A$2:$C$346,2,0))^2+(VLOOKUP($A61,városok!$A$2:$C$346,3,0)-VLOOKUP(R$1,városok!$A$2:$C$346,3,0))^2)/1000,0)</f>
        <v>209</v>
      </c>
      <c r="S61">
        <f ca="1">ROUND(SQRT((VLOOKUP($A61,városok!$A$2:$C$346,2,0)-VLOOKUP(S$1,városok!$A$2:$C$346,2,0))^2+(VLOOKUP($A61,városok!$A$2:$C$346,3,0)-VLOOKUP(S$1,városok!$A$2:$C$346,3,0))^2)/1000,0)</f>
        <v>210</v>
      </c>
      <c r="T61">
        <f ca="1">ROUND(SQRT((VLOOKUP($A61,városok!$A$2:$C$346,2,0)-VLOOKUP(T$1,városok!$A$2:$C$346,2,0))^2+(VLOOKUP($A61,városok!$A$2:$C$346,3,0)-VLOOKUP(T$1,városok!$A$2:$C$346,3,0))^2)/1000,0)</f>
        <v>180</v>
      </c>
      <c r="U61">
        <f ca="1">ROUND(SQRT((VLOOKUP($A61,városok!$A$2:$C$346,2,0)-VLOOKUP(U$1,városok!$A$2:$C$346,2,0))^2+(VLOOKUP($A61,városok!$A$2:$C$346,3,0)-VLOOKUP(U$1,városok!$A$2:$C$346,3,0))^2)/1000,0)</f>
        <v>191</v>
      </c>
      <c r="V61">
        <f ca="1">ROUND(SQRT((VLOOKUP($A61,városok!$A$2:$C$346,2,0)-VLOOKUP(V$1,városok!$A$2:$C$346,2,0))^2+(VLOOKUP($A61,városok!$A$2:$C$346,3,0)-VLOOKUP(V$1,városok!$A$2:$C$346,3,0))^2)/1000,0)</f>
        <v>224</v>
      </c>
      <c r="W61">
        <f ca="1">ROUND(SQRT((VLOOKUP($A61,városok!$A$2:$C$346,2,0)-VLOOKUP(W$1,városok!$A$2:$C$346,2,0))^2+(VLOOKUP($A61,városok!$A$2:$C$346,3,0)-VLOOKUP(W$1,városok!$A$2:$C$346,3,0))^2)/1000,0)</f>
        <v>215</v>
      </c>
      <c r="X61">
        <f ca="1">ROUND(SQRT((VLOOKUP($A61,városok!$A$2:$C$346,2,0)-VLOOKUP(X$1,városok!$A$2:$C$346,2,0))^2+(VLOOKUP($A61,városok!$A$2:$C$346,3,0)-VLOOKUP(X$1,városok!$A$2:$C$346,3,0))^2)/1000,0)</f>
        <v>210</v>
      </c>
      <c r="Y61">
        <f ca="1">ROUND(SQRT((VLOOKUP($A61,városok!$A$2:$C$346,2,0)-VLOOKUP(Y$1,városok!$A$2:$C$346,2,0))^2+(VLOOKUP($A61,városok!$A$2:$C$346,3,0)-VLOOKUP(Y$1,városok!$A$2:$C$346,3,0))^2)/1000,0)</f>
        <v>246</v>
      </c>
      <c r="Z61">
        <f ca="1">ROUND(SQRT((VLOOKUP($A61,városok!$A$2:$C$346,2,0)-VLOOKUP(Z$1,városok!$A$2:$C$346,2,0))^2+(VLOOKUP($A61,városok!$A$2:$C$346,3,0)-VLOOKUP(Z$1,városok!$A$2:$C$346,3,0))^2)/1000,0)</f>
        <v>263</v>
      </c>
      <c r="AA61">
        <f ca="1">ROUND(SQRT((VLOOKUP($A61,városok!$A$2:$C$346,2,0)-VLOOKUP(AA$1,városok!$A$2:$C$346,2,0))^2+(VLOOKUP($A61,városok!$A$2:$C$346,3,0)-VLOOKUP(AA$1,városok!$A$2:$C$346,3,0))^2)/1000,0)</f>
        <v>324</v>
      </c>
      <c r="AB61">
        <f ca="1">ROUND(SQRT((VLOOKUP($A61,városok!$A$2:$C$346,2,0)-VLOOKUP(AB$1,városok!$A$2:$C$346,2,0))^2+(VLOOKUP($A61,városok!$A$2:$C$346,3,0)-VLOOKUP(AB$1,városok!$A$2:$C$346,3,0))^2)/1000,0)</f>
        <v>83</v>
      </c>
      <c r="AC61">
        <f ca="1">ROUND(SQRT((VLOOKUP($A61,városok!$A$2:$C$346,2,0)-VLOOKUP(AC$1,városok!$A$2:$C$346,2,0))^2+(VLOOKUP($A61,városok!$A$2:$C$346,3,0)-VLOOKUP(AC$1,városok!$A$2:$C$346,3,0))^2)/1000,0)</f>
        <v>80</v>
      </c>
      <c r="AD61">
        <f ca="1">ROUND(SQRT((VLOOKUP($A61,városok!$A$2:$C$346,2,0)-VLOOKUP(AD$1,városok!$A$2:$C$346,2,0))^2+(VLOOKUP($A61,városok!$A$2:$C$346,3,0)-VLOOKUP(AD$1,városok!$A$2:$C$346,3,0))^2)/1000,0)</f>
        <v>75</v>
      </c>
      <c r="AE61">
        <f ca="1">ROUND(SQRT((VLOOKUP($A61,városok!$A$2:$C$346,2,0)-VLOOKUP(AE$1,városok!$A$2:$C$346,2,0))^2+(VLOOKUP($A61,városok!$A$2:$C$346,3,0)-VLOOKUP(AE$1,városok!$A$2:$C$346,3,0))^2)/1000,0)</f>
        <v>91</v>
      </c>
      <c r="AF61">
        <f ca="1">ROUND(SQRT((VLOOKUP($A61,városok!$A$2:$C$346,2,0)-VLOOKUP(AF$1,városok!$A$2:$C$346,2,0))^2+(VLOOKUP($A61,városok!$A$2:$C$346,3,0)-VLOOKUP(AF$1,városok!$A$2:$C$346,3,0))^2)/1000,0)</f>
        <v>42</v>
      </c>
      <c r="AG61">
        <f ca="1">ROUND(SQRT((VLOOKUP($A61,városok!$A$2:$C$346,2,0)-VLOOKUP(AG$1,városok!$A$2:$C$346,2,0))^2+(VLOOKUP($A61,városok!$A$2:$C$346,3,0)-VLOOKUP(AG$1,városok!$A$2:$C$346,3,0))^2)/1000,0)</f>
        <v>78</v>
      </c>
      <c r="AH61">
        <f ca="1">ROUND(SQRT((VLOOKUP($A61,városok!$A$2:$C$346,2,0)-VLOOKUP(AH$1,városok!$A$2:$C$346,2,0))^2+(VLOOKUP($A61,városok!$A$2:$C$346,3,0)-VLOOKUP(AH$1,városok!$A$2:$C$346,3,0))^2)/1000,0)</f>
        <v>101</v>
      </c>
      <c r="AI61">
        <f ca="1">ROUND(SQRT((VLOOKUP($A61,városok!$A$2:$C$346,2,0)-VLOOKUP(AI$1,városok!$A$2:$C$346,2,0))^2+(VLOOKUP($A61,városok!$A$2:$C$346,3,0)-VLOOKUP(AI$1,városok!$A$2:$C$346,3,0))^2)/1000,0)</f>
        <v>59</v>
      </c>
      <c r="AJ61">
        <f ca="1">ROUND(SQRT((VLOOKUP($A61,városok!$A$2:$C$346,2,0)-VLOOKUP(AJ$1,városok!$A$2:$C$346,2,0))^2+(VLOOKUP($A61,városok!$A$2:$C$346,3,0)-VLOOKUP(AJ$1,városok!$A$2:$C$346,3,0))^2)/1000,0)</f>
        <v>83</v>
      </c>
      <c r="AK61">
        <f ca="1">ROUND(SQRT((VLOOKUP($A61,városok!$A$2:$C$346,2,0)-VLOOKUP(AK$1,városok!$A$2:$C$346,2,0))^2+(VLOOKUP($A61,városok!$A$2:$C$346,3,0)-VLOOKUP(AK$1,városok!$A$2:$C$346,3,0))^2)/1000,0)</f>
        <v>88</v>
      </c>
      <c r="AL61">
        <f ca="1">ROUND(SQRT((VLOOKUP($A61,városok!$A$2:$C$346,2,0)-VLOOKUP(AL$1,városok!$A$2:$C$346,2,0))^2+(VLOOKUP($A61,városok!$A$2:$C$346,3,0)-VLOOKUP(AL$1,városok!$A$2:$C$346,3,0))^2)/1000,0)</f>
        <v>81</v>
      </c>
      <c r="AM61">
        <f ca="1">ROUND(SQRT((VLOOKUP($A61,városok!$A$2:$C$346,2,0)-VLOOKUP(AM$1,városok!$A$2:$C$346,2,0))^2+(VLOOKUP($A61,városok!$A$2:$C$346,3,0)-VLOOKUP(AM$1,városok!$A$2:$C$346,3,0))^2)/1000,0)</f>
        <v>113</v>
      </c>
      <c r="AN61">
        <f ca="1">ROUND(SQRT((VLOOKUP($A61,városok!$A$2:$C$346,2,0)-VLOOKUP(AN$1,városok!$A$2:$C$346,2,0))^2+(VLOOKUP($A61,városok!$A$2:$C$346,3,0)-VLOOKUP(AN$1,városok!$A$2:$C$346,3,0))^2)/1000,0)</f>
        <v>163</v>
      </c>
      <c r="AO61">
        <f ca="1">ROUND(SQRT((VLOOKUP($A61,városok!$A$2:$C$346,2,0)-VLOOKUP(AO$1,városok!$A$2:$C$346,2,0))^2+(VLOOKUP($A61,városok!$A$2:$C$346,3,0)-VLOOKUP(AO$1,városok!$A$2:$C$346,3,0))^2)/1000,0)</f>
        <v>209</v>
      </c>
      <c r="AP61">
        <f ca="1">ROUND(SQRT((VLOOKUP($A61,városok!$A$2:$C$346,2,0)-VLOOKUP(AP$1,városok!$A$2:$C$346,2,0))^2+(VLOOKUP($A61,városok!$A$2:$C$346,3,0)-VLOOKUP(AP$1,városok!$A$2:$C$346,3,0))^2)/1000,0)</f>
        <v>196</v>
      </c>
      <c r="AQ61">
        <f ca="1">ROUND(SQRT((VLOOKUP($A61,városok!$A$2:$C$346,2,0)-VLOOKUP(AQ$1,városok!$A$2:$C$346,2,0))^2+(VLOOKUP($A61,városok!$A$2:$C$346,3,0)-VLOOKUP(AQ$1,városok!$A$2:$C$346,3,0))^2)/1000,0)</f>
        <v>193</v>
      </c>
      <c r="AR61">
        <f ca="1">ROUND(SQRT((VLOOKUP($A61,városok!$A$2:$C$346,2,0)-VLOOKUP(AR$1,városok!$A$2:$C$346,2,0))^2+(VLOOKUP($A61,városok!$A$2:$C$346,3,0)-VLOOKUP(AR$1,városok!$A$2:$C$346,3,0))^2)/1000,0)</f>
        <v>90</v>
      </c>
      <c r="AS61">
        <f ca="1">ROUND(SQRT((VLOOKUP($A61,városok!$A$2:$C$346,2,0)-VLOOKUP(AS$1,városok!$A$2:$C$346,2,0))^2+(VLOOKUP($A61,városok!$A$2:$C$346,3,0)-VLOOKUP(AS$1,városok!$A$2:$C$346,3,0))^2)/1000,0)</f>
        <v>79</v>
      </c>
      <c r="AT61">
        <f ca="1">ROUND(SQRT((VLOOKUP($A61,városok!$A$2:$C$346,2,0)-VLOOKUP(AT$1,városok!$A$2:$C$346,2,0))^2+(VLOOKUP($A61,városok!$A$2:$C$346,3,0)-VLOOKUP(AT$1,városok!$A$2:$C$346,3,0))^2)/1000,0)</f>
        <v>168</v>
      </c>
      <c r="AU61">
        <f ca="1">ROUND(SQRT((VLOOKUP($A61,városok!$A$2:$C$346,2,0)-VLOOKUP(AU$1,városok!$A$2:$C$346,2,0))^2+(VLOOKUP($A61,városok!$A$2:$C$346,3,0)-VLOOKUP(AU$1,városok!$A$2:$C$346,3,0))^2)/1000,0)</f>
        <v>159</v>
      </c>
      <c r="AV61">
        <f ca="1">ROUND(SQRT((VLOOKUP($A61,városok!$A$2:$C$346,2,0)-VLOOKUP(AV$1,városok!$A$2:$C$346,2,0))^2+(VLOOKUP($A61,városok!$A$2:$C$346,3,0)-VLOOKUP(AV$1,városok!$A$2:$C$346,3,0))^2)/1000,0)</f>
        <v>162</v>
      </c>
      <c r="AW61">
        <f ca="1">ROUND(SQRT((VLOOKUP($A61,városok!$A$2:$C$346,2,0)-VLOOKUP(AW$1,városok!$A$2:$C$346,2,0))^2+(VLOOKUP($A61,városok!$A$2:$C$346,3,0)-VLOOKUP(AW$1,városok!$A$2:$C$346,3,0))^2)/1000,0)</f>
        <v>166</v>
      </c>
      <c r="AX61">
        <f ca="1">ROUND(SQRT((VLOOKUP($A61,városok!$A$2:$C$346,2,0)-VLOOKUP(AX$1,városok!$A$2:$C$346,2,0))^2+(VLOOKUP($A61,városok!$A$2:$C$346,3,0)-VLOOKUP(AX$1,városok!$A$2:$C$346,3,0))^2)/1000,0)</f>
        <v>143</v>
      </c>
      <c r="AY61">
        <f ca="1">ROUND(SQRT((VLOOKUP($A61,városok!$A$2:$C$346,2,0)-VLOOKUP(AY$1,városok!$A$2:$C$346,2,0))^2+(VLOOKUP($A61,városok!$A$2:$C$346,3,0)-VLOOKUP(AY$1,városok!$A$2:$C$346,3,0))^2)/1000,0)</f>
        <v>143</v>
      </c>
      <c r="AZ61">
        <f ca="1">ROUND(SQRT((VLOOKUP($A61,városok!$A$2:$C$346,2,0)-VLOOKUP(AZ$1,városok!$A$2:$C$346,2,0))^2+(VLOOKUP($A61,városok!$A$2:$C$346,3,0)-VLOOKUP(AZ$1,városok!$A$2:$C$346,3,0))^2)/1000,0)</f>
        <v>146</v>
      </c>
      <c r="BA61">
        <f ca="1">ROUND(SQRT((VLOOKUP($A61,városok!$A$2:$C$346,2,0)-VLOOKUP(BA$1,városok!$A$2:$C$346,2,0))^2+(VLOOKUP($A61,városok!$A$2:$C$346,3,0)-VLOOKUP(BA$1,városok!$A$2:$C$346,3,0))^2)/1000,0)</f>
        <v>279</v>
      </c>
      <c r="BB61">
        <f ca="1">ROUND(SQRT((VLOOKUP($A61,városok!$A$2:$C$346,2,0)-VLOOKUP(BB$1,városok!$A$2:$C$346,2,0))^2+(VLOOKUP($A61,városok!$A$2:$C$346,3,0)-VLOOKUP(BB$1,városok!$A$2:$C$346,3,0))^2)/1000,0)</f>
        <v>280</v>
      </c>
      <c r="BC61">
        <f ca="1">ROUND(SQRT((VLOOKUP($A61,városok!$A$2:$C$346,2,0)-VLOOKUP(BC$1,városok!$A$2:$C$346,2,0))^2+(VLOOKUP($A61,városok!$A$2:$C$346,3,0)-VLOOKUP(BC$1,városok!$A$2:$C$346,3,0))^2)/1000,0)</f>
        <v>302</v>
      </c>
      <c r="BD61">
        <f ca="1">ROUND(SQRT((VLOOKUP($A61,városok!$A$2:$C$346,2,0)-VLOOKUP(BD$1,városok!$A$2:$C$346,2,0))^2+(VLOOKUP($A61,városok!$A$2:$C$346,3,0)-VLOOKUP(BD$1,városok!$A$2:$C$346,3,0))^2)/1000,0)</f>
        <v>248</v>
      </c>
      <c r="BE61">
        <f ca="1">ROUND(SQRT((VLOOKUP($A61,városok!$A$2:$C$346,2,0)-VLOOKUP(BE$1,városok!$A$2:$C$346,2,0))^2+(VLOOKUP($A61,városok!$A$2:$C$346,3,0)-VLOOKUP(BE$1,városok!$A$2:$C$346,3,0))^2)/1000,0)</f>
        <v>136</v>
      </c>
      <c r="BF61">
        <f ca="1">ROUND(SQRT((VLOOKUP($A61,városok!$A$2:$C$346,2,0)-VLOOKUP(BF$1,városok!$A$2:$C$346,2,0))^2+(VLOOKUP($A61,városok!$A$2:$C$346,3,0)-VLOOKUP(BF$1,városok!$A$2:$C$346,3,0))^2)/1000,0)</f>
        <v>91</v>
      </c>
      <c r="BG61">
        <f ca="1">ROUND(SQRT((VLOOKUP($A61,városok!$A$2:$C$346,2,0)-VLOOKUP(BG$1,városok!$A$2:$C$346,2,0))^2+(VLOOKUP($A61,városok!$A$2:$C$346,3,0)-VLOOKUP(BG$1,városok!$A$2:$C$346,3,0))^2)/1000,0)</f>
        <v>44</v>
      </c>
      <c r="BH61">
        <f ca="1">ROUND(SQRT((VLOOKUP($A61,városok!$A$2:$C$346,2,0)-VLOOKUP(BH$1,városok!$A$2:$C$346,2,0))^2+(VLOOKUP($A61,városok!$A$2:$C$346,3,0)-VLOOKUP(BH$1,városok!$A$2:$C$346,3,0))^2)/1000,0)</f>
        <v>44</v>
      </c>
      <c r="BI61">
        <f ca="1">ROUND(SQRT((VLOOKUP($A61,városok!$A$2:$C$346,2,0)-VLOOKUP(BI$1,városok!$A$2:$C$346,2,0))^2+(VLOOKUP($A61,városok!$A$2:$C$346,3,0)-VLOOKUP(BI$1,városok!$A$2:$C$346,3,0))^2)/1000,0)</f>
        <v>253</v>
      </c>
      <c r="BJ61">
        <f ca="1">ROUND(SQRT((VLOOKUP($A61,városok!$A$2:$C$346,2,0)-VLOOKUP(BJ$1,városok!$A$2:$C$346,2,0))^2+(VLOOKUP($A61,városok!$A$2:$C$346,3,0)-VLOOKUP(BJ$1,városok!$A$2:$C$346,3,0))^2)/1000,0)</f>
        <v>271</v>
      </c>
      <c r="BK61">
        <f ca="1">ROUND(SQRT((VLOOKUP($A61,városok!$A$2:$C$346,2,0)-VLOOKUP(BK$1,városok!$A$2:$C$346,2,0))^2+(VLOOKUP($A61,városok!$A$2:$C$346,3,0)-VLOOKUP(BK$1,városok!$A$2:$C$346,3,0))^2)/1000,0)</f>
        <v>253</v>
      </c>
      <c r="BL61">
        <f ca="1">ROUND(SQRT((VLOOKUP($A61,városok!$A$2:$C$346,2,0)-VLOOKUP(BL$1,városok!$A$2:$C$346,2,0))^2+(VLOOKUP($A61,városok!$A$2:$C$346,3,0)-VLOOKUP(BL$1,városok!$A$2:$C$346,3,0))^2)/1000,0)</f>
        <v>343</v>
      </c>
      <c r="BM61">
        <f ca="1">ROUND(SQRT((VLOOKUP($A61,városok!$A$2:$C$346,2,0)-VLOOKUP(BM$1,városok!$A$2:$C$346,2,0))^2+(VLOOKUP($A61,városok!$A$2:$C$346,3,0)-VLOOKUP(BM$1,városok!$A$2:$C$346,3,0))^2)/1000,0)</f>
        <v>310</v>
      </c>
      <c r="BN61">
        <f ca="1">ROUND(SQRT((VLOOKUP($A61,városok!$A$2:$C$346,2,0)-VLOOKUP(BN$1,városok!$A$2:$C$346,2,0))^2+(VLOOKUP($A61,városok!$A$2:$C$346,3,0)-VLOOKUP(BN$1,városok!$A$2:$C$346,3,0))^2)/1000,0)</f>
        <v>333</v>
      </c>
      <c r="BO61">
        <f ca="1">ROUND(SQRT((VLOOKUP($A61,városok!$A$2:$C$346,2,0)-VLOOKUP(BO$1,városok!$A$2:$C$346,2,0))^2+(VLOOKUP($A61,városok!$A$2:$C$346,3,0)-VLOOKUP(BO$1,városok!$A$2:$C$346,3,0))^2)/1000,0)</f>
        <v>245</v>
      </c>
      <c r="BP61">
        <f ca="1">ROUND(SQRT((VLOOKUP($A61,városok!$A$2:$C$346,2,0)-VLOOKUP(BP$1,városok!$A$2:$C$346,2,0))^2+(VLOOKUP($A61,városok!$A$2:$C$346,3,0)-VLOOKUP(BP$1,városok!$A$2:$C$346,3,0))^2)/1000,0)</f>
        <v>238</v>
      </c>
      <c r="BQ61">
        <f ca="1">ROUND(SQRT((VLOOKUP($A61,városok!$A$2:$C$346,2,0)-VLOOKUP(BQ$1,városok!$A$2:$C$346,2,0))^2+(VLOOKUP($A61,városok!$A$2:$C$346,3,0)-VLOOKUP(BQ$1,városok!$A$2:$C$346,3,0))^2)/1000,0)</f>
        <v>248</v>
      </c>
      <c r="BR61">
        <f ca="1">ROUND(SQRT((VLOOKUP($A61,városok!$A$2:$C$346,2,0)-VLOOKUP(BR$1,városok!$A$2:$C$346,2,0))^2+(VLOOKUP($A61,városok!$A$2:$C$346,3,0)-VLOOKUP(BR$1,városok!$A$2:$C$346,3,0))^2)/1000,0)</f>
        <v>309</v>
      </c>
      <c r="BS61">
        <f ca="1">ROUND(SQRT((VLOOKUP($A61,városok!$A$2:$C$346,2,0)-VLOOKUP(BS$1,városok!$A$2:$C$346,2,0))^2+(VLOOKUP($A61,városok!$A$2:$C$346,3,0)-VLOOKUP(BS$1,városok!$A$2:$C$346,3,0))^2)/1000,0)</f>
        <v>345</v>
      </c>
      <c r="BT61">
        <f ca="1">ROUND(SQRT((VLOOKUP($A61,városok!$A$2:$C$346,2,0)-VLOOKUP(BT$1,városok!$A$2:$C$346,2,0))^2+(VLOOKUP($A61,városok!$A$2:$C$346,3,0)-VLOOKUP(BT$1,városok!$A$2:$C$346,3,0))^2)/1000,0)</f>
        <v>334</v>
      </c>
    </row>
    <row r="62" spans="1:72" x14ac:dyDescent="0.2">
      <c r="A62" t="str">
        <f>városok!A62</f>
        <v>Borsodnádasd</v>
      </c>
      <c r="B62">
        <f ca="1">ROUND(SQRT((VLOOKUP($A62,városok!$A$2:$C$346,2,0)-VLOOKUP(B$1,városok!$A$2:$C$346,2,0))^2+(VLOOKUP($A62,városok!$A$2:$C$346,3,0)-VLOOKUP(B$1,városok!$A$2:$C$346,3,0))^2)/1000,0)</f>
        <v>236</v>
      </c>
      <c r="C62">
        <f ca="1">ROUND(SQRT((VLOOKUP($A62,városok!$A$2:$C$346,2,0)-VLOOKUP(C$1,városok!$A$2:$C$346,2,0))^2+(VLOOKUP($A62,városok!$A$2:$C$346,3,0)-VLOOKUP(C$1,városok!$A$2:$C$346,3,0))^2)/1000,0)</f>
        <v>202</v>
      </c>
      <c r="D62">
        <f ca="1">ROUND(SQRT((VLOOKUP($A62,városok!$A$2:$C$346,2,0)-VLOOKUP(D$1,városok!$A$2:$C$346,2,0))^2+(VLOOKUP($A62,városok!$A$2:$C$346,3,0)-VLOOKUP(D$1,városok!$A$2:$C$346,3,0))^2)/1000,0)</f>
        <v>141</v>
      </c>
      <c r="E62">
        <f ca="1">ROUND(SQRT((VLOOKUP($A62,városok!$A$2:$C$346,2,0)-VLOOKUP(E$1,városok!$A$2:$C$346,2,0))^2+(VLOOKUP($A62,városok!$A$2:$C$346,3,0)-VLOOKUP(E$1,városok!$A$2:$C$346,3,0))^2)/1000,0)</f>
        <v>262</v>
      </c>
      <c r="F62">
        <f ca="1">ROUND(SQRT((VLOOKUP($A62,városok!$A$2:$C$346,2,0)-VLOOKUP(F$1,városok!$A$2:$C$346,2,0))^2+(VLOOKUP($A62,városok!$A$2:$C$346,3,0)-VLOOKUP(F$1,városok!$A$2:$C$346,3,0))^2)/1000,0)</f>
        <v>265</v>
      </c>
      <c r="G62">
        <f ca="1">ROUND(SQRT((VLOOKUP($A62,városok!$A$2:$C$346,2,0)-VLOOKUP(G$1,városok!$A$2:$C$346,2,0))^2+(VLOOKUP($A62,városok!$A$2:$C$346,3,0)-VLOOKUP(G$1,városok!$A$2:$C$346,3,0))^2)/1000,0)</f>
        <v>273</v>
      </c>
      <c r="H62">
        <f ca="1">ROUND(SQRT((VLOOKUP($A62,városok!$A$2:$C$346,2,0)-VLOOKUP(H$1,városok!$A$2:$C$346,2,0))^2+(VLOOKUP($A62,városok!$A$2:$C$346,3,0)-VLOOKUP(H$1,városok!$A$2:$C$346,3,0))^2)/1000,0)</f>
        <v>296</v>
      </c>
      <c r="I62">
        <f ca="1">ROUND(SQRT((VLOOKUP($A62,városok!$A$2:$C$346,2,0)-VLOOKUP(I$1,városok!$A$2:$C$346,2,0))^2+(VLOOKUP($A62,városok!$A$2:$C$346,3,0)-VLOOKUP(I$1,városok!$A$2:$C$346,3,0))^2)/1000,0)</f>
        <v>173</v>
      </c>
      <c r="J62">
        <f ca="1">ROUND(SQRT((VLOOKUP($A62,városok!$A$2:$C$346,2,0)-VLOOKUP(J$1,városok!$A$2:$C$346,2,0))^2+(VLOOKUP($A62,városok!$A$2:$C$346,3,0)-VLOOKUP(J$1,városok!$A$2:$C$346,3,0))^2)/1000,0)</f>
        <v>182</v>
      </c>
      <c r="K62">
        <f ca="1">ROUND(SQRT((VLOOKUP($A62,városok!$A$2:$C$346,2,0)-VLOOKUP(K$1,városok!$A$2:$C$346,2,0))^2+(VLOOKUP($A62,városok!$A$2:$C$346,3,0)-VLOOKUP(K$1,városok!$A$2:$C$346,3,0))^2)/1000,0)</f>
        <v>176</v>
      </c>
      <c r="L62">
        <f ca="1">ROUND(SQRT((VLOOKUP($A62,városok!$A$2:$C$346,2,0)-VLOOKUP(L$1,városok!$A$2:$C$346,2,0))^2+(VLOOKUP($A62,városok!$A$2:$C$346,3,0)-VLOOKUP(L$1,városok!$A$2:$C$346,3,0))^2)/1000,0)</f>
        <v>33</v>
      </c>
      <c r="M62">
        <f ca="1">ROUND(SQRT((VLOOKUP($A62,városok!$A$2:$C$346,2,0)-VLOOKUP(M$1,városok!$A$2:$C$346,2,0))^2+(VLOOKUP($A62,városok!$A$2:$C$346,3,0)-VLOOKUP(M$1,városok!$A$2:$C$346,3,0))^2)/1000,0)</f>
        <v>41</v>
      </c>
      <c r="N62">
        <f ca="1">ROUND(SQRT((VLOOKUP($A62,városok!$A$2:$C$346,2,0)-VLOOKUP(N$1,városok!$A$2:$C$346,2,0))^2+(VLOOKUP($A62,városok!$A$2:$C$346,3,0)-VLOOKUP(N$1,városok!$A$2:$C$346,3,0))^2)/1000,0)</f>
        <v>12</v>
      </c>
      <c r="O62">
        <f ca="1">ROUND(SQRT((VLOOKUP($A62,városok!$A$2:$C$346,2,0)-VLOOKUP(O$1,városok!$A$2:$C$346,2,0))^2+(VLOOKUP($A62,városok!$A$2:$C$346,3,0)-VLOOKUP(O$1,városok!$A$2:$C$346,3,0))^2)/1000,0)</f>
        <v>109</v>
      </c>
      <c r="P62">
        <f ca="1">ROUND(SQRT((VLOOKUP($A62,városok!$A$2:$C$346,2,0)-VLOOKUP(P$1,városok!$A$2:$C$346,2,0))^2+(VLOOKUP($A62,városok!$A$2:$C$346,3,0)-VLOOKUP(P$1,városok!$A$2:$C$346,3,0))^2)/1000,0)</f>
        <v>109</v>
      </c>
      <c r="Q62">
        <f ca="1">ROUND(SQRT((VLOOKUP($A62,városok!$A$2:$C$346,2,0)-VLOOKUP(Q$1,városok!$A$2:$C$346,2,0))^2+(VLOOKUP($A62,városok!$A$2:$C$346,3,0)-VLOOKUP(Q$1,városok!$A$2:$C$346,3,0))^2)/1000,0)</f>
        <v>190</v>
      </c>
      <c r="R62">
        <f ca="1">ROUND(SQRT((VLOOKUP($A62,városok!$A$2:$C$346,2,0)-VLOOKUP(R$1,városok!$A$2:$C$346,2,0))^2+(VLOOKUP($A62,városok!$A$2:$C$346,3,0)-VLOOKUP(R$1,városok!$A$2:$C$346,3,0))^2)/1000,0)</f>
        <v>213</v>
      </c>
      <c r="S62">
        <f ca="1">ROUND(SQRT((VLOOKUP($A62,városok!$A$2:$C$346,2,0)-VLOOKUP(S$1,városok!$A$2:$C$346,2,0))^2+(VLOOKUP($A62,városok!$A$2:$C$346,3,0)-VLOOKUP(S$1,városok!$A$2:$C$346,3,0))^2)/1000,0)</f>
        <v>209</v>
      </c>
      <c r="T62">
        <f ca="1">ROUND(SQRT((VLOOKUP($A62,városok!$A$2:$C$346,2,0)-VLOOKUP(T$1,városok!$A$2:$C$346,2,0))^2+(VLOOKUP($A62,városok!$A$2:$C$346,3,0)-VLOOKUP(T$1,városok!$A$2:$C$346,3,0))^2)/1000,0)</f>
        <v>140</v>
      </c>
      <c r="U62">
        <f ca="1">ROUND(SQRT((VLOOKUP($A62,városok!$A$2:$C$346,2,0)-VLOOKUP(U$1,városok!$A$2:$C$346,2,0))^2+(VLOOKUP($A62,városok!$A$2:$C$346,3,0)-VLOOKUP(U$1,városok!$A$2:$C$346,3,0))^2)/1000,0)</f>
        <v>162</v>
      </c>
      <c r="V62">
        <f ca="1">ROUND(SQRT((VLOOKUP($A62,városok!$A$2:$C$346,2,0)-VLOOKUP(V$1,városok!$A$2:$C$346,2,0))^2+(VLOOKUP($A62,városok!$A$2:$C$346,3,0)-VLOOKUP(V$1,városok!$A$2:$C$346,3,0))^2)/1000,0)</f>
        <v>188</v>
      </c>
      <c r="W62">
        <f ca="1">ROUND(SQRT((VLOOKUP($A62,városok!$A$2:$C$346,2,0)-VLOOKUP(W$1,városok!$A$2:$C$346,2,0))^2+(VLOOKUP($A62,városok!$A$2:$C$346,3,0)-VLOOKUP(W$1,városok!$A$2:$C$346,3,0))^2)/1000,0)</f>
        <v>184</v>
      </c>
      <c r="X62">
        <f ca="1">ROUND(SQRT((VLOOKUP($A62,városok!$A$2:$C$346,2,0)-VLOOKUP(X$1,városok!$A$2:$C$346,2,0))^2+(VLOOKUP($A62,városok!$A$2:$C$346,3,0)-VLOOKUP(X$1,városok!$A$2:$C$346,3,0))^2)/1000,0)</f>
        <v>171</v>
      </c>
      <c r="Y62">
        <f ca="1">ROUND(SQRT((VLOOKUP($A62,városok!$A$2:$C$346,2,0)-VLOOKUP(Y$1,városok!$A$2:$C$346,2,0))^2+(VLOOKUP($A62,városok!$A$2:$C$346,3,0)-VLOOKUP(Y$1,városok!$A$2:$C$346,3,0))^2)/1000,0)</f>
        <v>201</v>
      </c>
      <c r="Z62">
        <f ca="1">ROUND(SQRT((VLOOKUP($A62,városok!$A$2:$C$346,2,0)-VLOOKUP(Z$1,városok!$A$2:$C$346,2,0))^2+(VLOOKUP($A62,városok!$A$2:$C$346,3,0)-VLOOKUP(Z$1,városok!$A$2:$C$346,3,0))^2)/1000,0)</f>
        <v>218</v>
      </c>
      <c r="AA62">
        <f ca="1">ROUND(SQRT((VLOOKUP($A62,városok!$A$2:$C$346,2,0)-VLOOKUP(AA$1,városok!$A$2:$C$346,2,0))^2+(VLOOKUP($A62,városok!$A$2:$C$346,3,0)-VLOOKUP(AA$1,városok!$A$2:$C$346,3,0))^2)/1000,0)</f>
        <v>278</v>
      </c>
      <c r="AB62">
        <f ca="1">ROUND(SQRT((VLOOKUP($A62,városok!$A$2:$C$346,2,0)-VLOOKUP(AB$1,városok!$A$2:$C$346,2,0))^2+(VLOOKUP($A62,városok!$A$2:$C$346,3,0)-VLOOKUP(AB$1,városok!$A$2:$C$346,3,0))^2)/1000,0)</f>
        <v>123</v>
      </c>
      <c r="AC62">
        <f ca="1">ROUND(SQRT((VLOOKUP($A62,városok!$A$2:$C$346,2,0)-VLOOKUP(AC$1,városok!$A$2:$C$346,2,0))^2+(VLOOKUP($A62,városok!$A$2:$C$346,3,0)-VLOOKUP(AC$1,városok!$A$2:$C$346,3,0))^2)/1000,0)</f>
        <v>115</v>
      </c>
      <c r="AD62">
        <f ca="1">ROUND(SQRT((VLOOKUP($A62,városok!$A$2:$C$346,2,0)-VLOOKUP(AD$1,városok!$A$2:$C$346,2,0))^2+(VLOOKUP($A62,városok!$A$2:$C$346,3,0)-VLOOKUP(AD$1,városok!$A$2:$C$346,3,0))^2)/1000,0)</f>
        <v>104</v>
      </c>
      <c r="AE62">
        <f ca="1">ROUND(SQRT((VLOOKUP($A62,városok!$A$2:$C$346,2,0)-VLOOKUP(AE$1,városok!$A$2:$C$346,2,0))^2+(VLOOKUP($A62,városok!$A$2:$C$346,3,0)-VLOOKUP(AE$1,városok!$A$2:$C$346,3,0))^2)/1000,0)</f>
        <v>116</v>
      </c>
      <c r="AF62">
        <f ca="1">ROUND(SQRT((VLOOKUP($A62,városok!$A$2:$C$346,2,0)-VLOOKUP(AF$1,városok!$A$2:$C$346,2,0))^2+(VLOOKUP($A62,városok!$A$2:$C$346,3,0)-VLOOKUP(AF$1,városok!$A$2:$C$346,3,0))^2)/1000,0)</f>
        <v>27</v>
      </c>
      <c r="AG62">
        <f ca="1">ROUND(SQRT((VLOOKUP($A62,városok!$A$2:$C$346,2,0)-VLOOKUP(AG$1,városok!$A$2:$C$346,2,0))^2+(VLOOKUP($A62,városok!$A$2:$C$346,3,0)-VLOOKUP(AG$1,városok!$A$2:$C$346,3,0))^2)/1000,0)</f>
        <v>45</v>
      </c>
      <c r="AH62">
        <f ca="1">ROUND(SQRT((VLOOKUP($A62,városok!$A$2:$C$346,2,0)-VLOOKUP(AH$1,városok!$A$2:$C$346,2,0))^2+(VLOOKUP($A62,városok!$A$2:$C$346,3,0)-VLOOKUP(AH$1,városok!$A$2:$C$346,3,0))^2)/1000,0)</f>
        <v>66</v>
      </c>
      <c r="AI62">
        <f ca="1">ROUND(SQRT((VLOOKUP($A62,városok!$A$2:$C$346,2,0)-VLOOKUP(AI$1,városok!$A$2:$C$346,2,0))^2+(VLOOKUP($A62,városok!$A$2:$C$346,3,0)-VLOOKUP(AI$1,városok!$A$2:$C$346,3,0))^2)/1000,0)</f>
        <v>16</v>
      </c>
      <c r="AJ62">
        <f ca="1">ROUND(SQRT((VLOOKUP($A62,városok!$A$2:$C$346,2,0)-VLOOKUP(AJ$1,városok!$A$2:$C$346,2,0))^2+(VLOOKUP($A62,városok!$A$2:$C$346,3,0)-VLOOKUP(AJ$1,városok!$A$2:$C$346,3,0))^2)/1000,0)</f>
        <v>57</v>
      </c>
      <c r="AK62">
        <f ca="1">ROUND(SQRT((VLOOKUP($A62,városok!$A$2:$C$346,2,0)-VLOOKUP(AK$1,városok!$A$2:$C$346,2,0))^2+(VLOOKUP($A62,városok!$A$2:$C$346,3,0)-VLOOKUP(AK$1,városok!$A$2:$C$346,3,0))^2)/1000,0)</f>
        <v>108</v>
      </c>
      <c r="AL62">
        <f ca="1">ROUND(SQRT((VLOOKUP($A62,városok!$A$2:$C$346,2,0)-VLOOKUP(AL$1,városok!$A$2:$C$346,2,0))^2+(VLOOKUP($A62,városok!$A$2:$C$346,3,0)-VLOOKUP(AL$1,városok!$A$2:$C$346,3,0))^2)/1000,0)</f>
        <v>89</v>
      </c>
      <c r="AM62">
        <f ca="1">ROUND(SQRT((VLOOKUP($A62,városok!$A$2:$C$346,2,0)-VLOOKUP(AM$1,városok!$A$2:$C$346,2,0))^2+(VLOOKUP($A62,városok!$A$2:$C$346,3,0)-VLOOKUP(AM$1,városok!$A$2:$C$346,3,0))^2)/1000,0)</f>
        <v>105</v>
      </c>
      <c r="AN62">
        <f ca="1">ROUND(SQRT((VLOOKUP($A62,városok!$A$2:$C$346,2,0)-VLOOKUP(AN$1,városok!$A$2:$C$346,2,0))^2+(VLOOKUP($A62,városok!$A$2:$C$346,3,0)-VLOOKUP(AN$1,városok!$A$2:$C$346,3,0))^2)/1000,0)</f>
        <v>118</v>
      </c>
      <c r="AO62">
        <f ca="1">ROUND(SQRT((VLOOKUP($A62,városok!$A$2:$C$346,2,0)-VLOOKUP(AO$1,városok!$A$2:$C$346,2,0))^2+(VLOOKUP($A62,városok!$A$2:$C$346,3,0)-VLOOKUP(AO$1,városok!$A$2:$C$346,3,0))^2)/1000,0)</f>
        <v>164</v>
      </c>
      <c r="AP62">
        <f ca="1">ROUND(SQRT((VLOOKUP($A62,városok!$A$2:$C$346,2,0)-VLOOKUP(AP$1,városok!$A$2:$C$346,2,0))^2+(VLOOKUP($A62,városok!$A$2:$C$346,3,0)-VLOOKUP(AP$1,városok!$A$2:$C$346,3,0))^2)/1000,0)</f>
        <v>152</v>
      </c>
      <c r="AQ62">
        <f ca="1">ROUND(SQRT((VLOOKUP($A62,városok!$A$2:$C$346,2,0)-VLOOKUP(AQ$1,városok!$A$2:$C$346,2,0))^2+(VLOOKUP($A62,városok!$A$2:$C$346,3,0)-VLOOKUP(AQ$1,városok!$A$2:$C$346,3,0))^2)/1000,0)</f>
        <v>151</v>
      </c>
      <c r="AR62">
        <f ca="1">ROUND(SQRT((VLOOKUP($A62,városok!$A$2:$C$346,2,0)-VLOOKUP(AR$1,városok!$A$2:$C$346,2,0))^2+(VLOOKUP($A62,városok!$A$2:$C$346,3,0)-VLOOKUP(AR$1,városok!$A$2:$C$346,3,0))^2)/1000,0)</f>
        <v>47</v>
      </c>
      <c r="AS62">
        <f ca="1">ROUND(SQRT((VLOOKUP($A62,városok!$A$2:$C$346,2,0)-VLOOKUP(AS$1,városok!$A$2:$C$346,2,0))^2+(VLOOKUP($A62,városok!$A$2:$C$346,3,0)-VLOOKUP(AS$1,városok!$A$2:$C$346,3,0))^2)/1000,0)</f>
        <v>32</v>
      </c>
      <c r="AT62">
        <f ca="1">ROUND(SQRT((VLOOKUP($A62,városok!$A$2:$C$346,2,0)-VLOOKUP(AT$1,városok!$A$2:$C$346,2,0))^2+(VLOOKUP($A62,városok!$A$2:$C$346,3,0)-VLOOKUP(AT$1,városok!$A$2:$C$346,3,0))^2)/1000,0)</f>
        <v>129</v>
      </c>
      <c r="AU62">
        <f ca="1">ROUND(SQRT((VLOOKUP($A62,városok!$A$2:$C$346,2,0)-VLOOKUP(AU$1,városok!$A$2:$C$346,2,0))^2+(VLOOKUP($A62,városok!$A$2:$C$346,3,0)-VLOOKUP(AU$1,városok!$A$2:$C$346,3,0))^2)/1000,0)</f>
        <v>121</v>
      </c>
      <c r="AV62">
        <f ca="1">ROUND(SQRT((VLOOKUP($A62,városok!$A$2:$C$346,2,0)-VLOOKUP(AV$1,városok!$A$2:$C$346,2,0))^2+(VLOOKUP($A62,városok!$A$2:$C$346,3,0)-VLOOKUP(AV$1,városok!$A$2:$C$346,3,0))^2)/1000,0)</f>
        <v>125</v>
      </c>
      <c r="AW62">
        <f ca="1">ROUND(SQRT((VLOOKUP($A62,városok!$A$2:$C$346,2,0)-VLOOKUP(AW$1,városok!$A$2:$C$346,2,0))^2+(VLOOKUP($A62,városok!$A$2:$C$346,3,0)-VLOOKUP(AW$1,városok!$A$2:$C$346,3,0))^2)/1000,0)</f>
        <v>129</v>
      </c>
      <c r="AX62">
        <f ca="1">ROUND(SQRT((VLOOKUP($A62,városok!$A$2:$C$346,2,0)-VLOOKUP(AX$1,városok!$A$2:$C$346,2,0))^2+(VLOOKUP($A62,városok!$A$2:$C$346,3,0)-VLOOKUP(AX$1,városok!$A$2:$C$346,3,0))^2)/1000,0)</f>
        <v>126</v>
      </c>
      <c r="AY62">
        <f ca="1">ROUND(SQRT((VLOOKUP($A62,városok!$A$2:$C$346,2,0)-VLOOKUP(AY$1,városok!$A$2:$C$346,2,0))^2+(VLOOKUP($A62,városok!$A$2:$C$346,3,0)-VLOOKUP(AY$1,városok!$A$2:$C$346,3,0))^2)/1000,0)</f>
        <v>101</v>
      </c>
      <c r="AZ62">
        <f ca="1">ROUND(SQRT((VLOOKUP($A62,városok!$A$2:$C$346,2,0)-VLOOKUP(AZ$1,városok!$A$2:$C$346,2,0))^2+(VLOOKUP($A62,városok!$A$2:$C$346,3,0)-VLOOKUP(AZ$1,városok!$A$2:$C$346,3,0))^2)/1000,0)</f>
        <v>102</v>
      </c>
      <c r="BA62">
        <f ca="1">ROUND(SQRT((VLOOKUP($A62,városok!$A$2:$C$346,2,0)-VLOOKUP(BA$1,városok!$A$2:$C$346,2,0))^2+(VLOOKUP($A62,városok!$A$2:$C$346,3,0)-VLOOKUP(BA$1,városok!$A$2:$C$346,3,0))^2)/1000,0)</f>
        <v>243</v>
      </c>
      <c r="BB62">
        <f ca="1">ROUND(SQRT((VLOOKUP($A62,városok!$A$2:$C$346,2,0)-VLOOKUP(BB$1,városok!$A$2:$C$346,2,0))^2+(VLOOKUP($A62,városok!$A$2:$C$346,3,0)-VLOOKUP(BB$1,városok!$A$2:$C$346,3,0))^2)/1000,0)</f>
        <v>248</v>
      </c>
      <c r="BC62">
        <f ca="1">ROUND(SQRT((VLOOKUP($A62,városok!$A$2:$C$346,2,0)-VLOOKUP(BC$1,városok!$A$2:$C$346,2,0))^2+(VLOOKUP($A62,városok!$A$2:$C$346,3,0)-VLOOKUP(BC$1,városok!$A$2:$C$346,3,0))^2)/1000,0)</f>
        <v>270</v>
      </c>
      <c r="BD62">
        <f ca="1">ROUND(SQRT((VLOOKUP($A62,városok!$A$2:$C$346,2,0)-VLOOKUP(BD$1,városok!$A$2:$C$346,2,0))^2+(VLOOKUP($A62,városok!$A$2:$C$346,3,0)-VLOOKUP(BD$1,városok!$A$2:$C$346,3,0))^2)/1000,0)</f>
        <v>212</v>
      </c>
      <c r="BE62">
        <f ca="1">ROUND(SQRT((VLOOKUP($A62,városok!$A$2:$C$346,2,0)-VLOOKUP(BE$1,városok!$A$2:$C$346,2,0))^2+(VLOOKUP($A62,városok!$A$2:$C$346,3,0)-VLOOKUP(BE$1,városok!$A$2:$C$346,3,0))^2)/1000,0)</f>
        <v>184</v>
      </c>
      <c r="BF62">
        <f ca="1">ROUND(SQRT((VLOOKUP($A62,városok!$A$2:$C$346,2,0)-VLOOKUP(BF$1,városok!$A$2:$C$346,2,0))^2+(VLOOKUP($A62,városok!$A$2:$C$346,3,0)-VLOOKUP(BF$1,városok!$A$2:$C$346,3,0))^2)/1000,0)</f>
        <v>137</v>
      </c>
      <c r="BG62">
        <f ca="1">ROUND(SQRT((VLOOKUP($A62,városok!$A$2:$C$346,2,0)-VLOOKUP(BG$1,városok!$A$2:$C$346,2,0))^2+(VLOOKUP($A62,városok!$A$2:$C$346,3,0)-VLOOKUP(BG$1,városok!$A$2:$C$346,3,0))^2)/1000,0)</f>
        <v>91</v>
      </c>
      <c r="BH62">
        <f ca="1">ROUND(SQRT((VLOOKUP($A62,városok!$A$2:$C$346,2,0)-VLOOKUP(BH$1,városok!$A$2:$C$346,2,0))^2+(VLOOKUP($A62,városok!$A$2:$C$346,3,0)-VLOOKUP(BH$1,városok!$A$2:$C$346,3,0))^2)/1000,0)</f>
        <v>91</v>
      </c>
      <c r="BI62">
        <f ca="1">ROUND(SQRT((VLOOKUP($A62,városok!$A$2:$C$346,2,0)-VLOOKUP(BI$1,városok!$A$2:$C$346,2,0))^2+(VLOOKUP($A62,városok!$A$2:$C$346,3,0)-VLOOKUP(BI$1,városok!$A$2:$C$346,3,0))^2)/1000,0)</f>
        <v>228</v>
      </c>
      <c r="BJ62">
        <f ca="1">ROUND(SQRT((VLOOKUP($A62,városok!$A$2:$C$346,2,0)-VLOOKUP(BJ$1,városok!$A$2:$C$346,2,0))^2+(VLOOKUP($A62,városok!$A$2:$C$346,3,0)-VLOOKUP(BJ$1,városok!$A$2:$C$346,3,0))^2)/1000,0)</f>
        <v>245</v>
      </c>
      <c r="BK62">
        <f ca="1">ROUND(SQRT((VLOOKUP($A62,városok!$A$2:$C$346,2,0)-VLOOKUP(BK$1,városok!$A$2:$C$346,2,0))^2+(VLOOKUP($A62,városok!$A$2:$C$346,3,0)-VLOOKUP(BK$1,városok!$A$2:$C$346,3,0))^2)/1000,0)</f>
        <v>229</v>
      </c>
      <c r="BL62">
        <f ca="1">ROUND(SQRT((VLOOKUP($A62,városok!$A$2:$C$346,2,0)-VLOOKUP(BL$1,városok!$A$2:$C$346,2,0))^2+(VLOOKUP($A62,városok!$A$2:$C$346,3,0)-VLOOKUP(BL$1,városok!$A$2:$C$346,3,0))^2)/1000,0)</f>
        <v>300</v>
      </c>
      <c r="BM62">
        <f ca="1">ROUND(SQRT((VLOOKUP($A62,városok!$A$2:$C$346,2,0)-VLOOKUP(BM$1,városok!$A$2:$C$346,2,0))^2+(VLOOKUP($A62,városok!$A$2:$C$346,3,0)-VLOOKUP(BM$1,városok!$A$2:$C$346,3,0))^2)/1000,0)</f>
        <v>267</v>
      </c>
      <c r="BN62">
        <f ca="1">ROUND(SQRT((VLOOKUP($A62,városok!$A$2:$C$346,2,0)-VLOOKUP(BN$1,városok!$A$2:$C$346,2,0))^2+(VLOOKUP($A62,városok!$A$2:$C$346,3,0)-VLOOKUP(BN$1,városok!$A$2:$C$346,3,0))^2)/1000,0)</f>
        <v>289</v>
      </c>
      <c r="BO62">
        <f ca="1">ROUND(SQRT((VLOOKUP($A62,városok!$A$2:$C$346,2,0)-VLOOKUP(BO$1,városok!$A$2:$C$346,2,0))^2+(VLOOKUP($A62,városok!$A$2:$C$346,3,0)-VLOOKUP(BO$1,városok!$A$2:$C$346,3,0))^2)/1000,0)</f>
        <v>207</v>
      </c>
      <c r="BP62">
        <f ca="1">ROUND(SQRT((VLOOKUP($A62,városok!$A$2:$C$346,2,0)-VLOOKUP(BP$1,városok!$A$2:$C$346,2,0))^2+(VLOOKUP($A62,városok!$A$2:$C$346,3,0)-VLOOKUP(BP$1,városok!$A$2:$C$346,3,0))^2)/1000,0)</f>
        <v>201</v>
      </c>
      <c r="BQ62">
        <f ca="1">ROUND(SQRT((VLOOKUP($A62,városok!$A$2:$C$346,2,0)-VLOOKUP(BQ$1,városok!$A$2:$C$346,2,0))^2+(VLOOKUP($A62,városok!$A$2:$C$346,3,0)-VLOOKUP(BQ$1,városok!$A$2:$C$346,3,0))^2)/1000,0)</f>
        <v>209</v>
      </c>
      <c r="BR62">
        <f ca="1">ROUND(SQRT((VLOOKUP($A62,városok!$A$2:$C$346,2,0)-VLOOKUP(BR$1,városok!$A$2:$C$346,2,0))^2+(VLOOKUP($A62,városok!$A$2:$C$346,3,0)-VLOOKUP(BR$1,városok!$A$2:$C$346,3,0))^2)/1000,0)</f>
        <v>271</v>
      </c>
      <c r="BS62">
        <f ca="1">ROUND(SQRT((VLOOKUP($A62,városok!$A$2:$C$346,2,0)-VLOOKUP(BS$1,városok!$A$2:$C$346,2,0))^2+(VLOOKUP($A62,városok!$A$2:$C$346,3,0)-VLOOKUP(BS$1,városok!$A$2:$C$346,3,0))^2)/1000,0)</f>
        <v>308</v>
      </c>
      <c r="BT62">
        <f ca="1">ROUND(SQRT((VLOOKUP($A62,városok!$A$2:$C$346,2,0)-VLOOKUP(BT$1,városok!$A$2:$C$346,2,0))^2+(VLOOKUP($A62,városok!$A$2:$C$346,3,0)-VLOOKUP(BT$1,városok!$A$2:$C$346,3,0))^2)/1000,0)</f>
        <v>294</v>
      </c>
    </row>
    <row r="63" spans="1:72" x14ac:dyDescent="0.2">
      <c r="A63" t="str">
        <f>városok!A63</f>
        <v>Cigánd</v>
      </c>
      <c r="B63">
        <f ca="1">ROUND(SQRT((VLOOKUP($A63,városok!$A$2:$C$346,2,0)-VLOOKUP(B$1,városok!$A$2:$C$346,2,0))^2+(VLOOKUP($A63,városok!$A$2:$C$346,3,0)-VLOOKUP(B$1,városok!$A$2:$C$346,3,0))^2)/1000,0)</f>
        <v>320</v>
      </c>
      <c r="C63">
        <f ca="1">ROUND(SQRT((VLOOKUP($A63,városok!$A$2:$C$346,2,0)-VLOOKUP(C$1,városok!$A$2:$C$346,2,0))^2+(VLOOKUP($A63,városok!$A$2:$C$346,3,0)-VLOOKUP(C$1,városok!$A$2:$C$346,3,0))^2)/1000,0)</f>
        <v>292</v>
      </c>
      <c r="D63">
        <f ca="1">ROUND(SQRT((VLOOKUP($A63,városok!$A$2:$C$346,2,0)-VLOOKUP(D$1,városok!$A$2:$C$346,2,0))^2+(VLOOKUP($A63,városok!$A$2:$C$346,3,0)-VLOOKUP(D$1,városok!$A$2:$C$346,3,0))^2)/1000,0)</f>
        <v>223</v>
      </c>
      <c r="E63">
        <f ca="1">ROUND(SQRT((VLOOKUP($A63,városok!$A$2:$C$346,2,0)-VLOOKUP(E$1,városok!$A$2:$C$346,2,0))^2+(VLOOKUP($A63,városok!$A$2:$C$346,3,0)-VLOOKUP(E$1,városok!$A$2:$C$346,3,0))^2)/1000,0)</f>
        <v>358</v>
      </c>
      <c r="F63">
        <f ca="1">ROUND(SQRT((VLOOKUP($A63,városok!$A$2:$C$346,2,0)-VLOOKUP(F$1,városok!$A$2:$C$346,2,0))^2+(VLOOKUP($A63,városok!$A$2:$C$346,3,0)-VLOOKUP(F$1,városok!$A$2:$C$346,3,0))^2)/1000,0)</f>
        <v>350</v>
      </c>
      <c r="G63">
        <f ca="1">ROUND(SQRT((VLOOKUP($A63,városok!$A$2:$C$346,2,0)-VLOOKUP(G$1,városok!$A$2:$C$346,2,0))^2+(VLOOKUP($A63,városok!$A$2:$C$346,3,0)-VLOOKUP(G$1,városok!$A$2:$C$346,3,0))^2)/1000,0)</f>
        <v>367</v>
      </c>
      <c r="H63">
        <f ca="1">ROUND(SQRT((VLOOKUP($A63,városok!$A$2:$C$346,2,0)-VLOOKUP(H$1,városok!$A$2:$C$346,2,0))^2+(VLOOKUP($A63,városok!$A$2:$C$346,3,0)-VLOOKUP(H$1,városok!$A$2:$C$346,3,0))^2)/1000,0)</f>
        <v>395</v>
      </c>
      <c r="I63">
        <f ca="1">ROUND(SQRT((VLOOKUP($A63,városok!$A$2:$C$346,2,0)-VLOOKUP(I$1,városok!$A$2:$C$346,2,0))^2+(VLOOKUP($A63,városok!$A$2:$C$346,3,0)-VLOOKUP(I$1,városok!$A$2:$C$346,3,0))^2)/1000,0)</f>
        <v>186</v>
      </c>
      <c r="J63">
        <f ca="1">ROUND(SQRT((VLOOKUP($A63,városok!$A$2:$C$346,2,0)-VLOOKUP(J$1,városok!$A$2:$C$346,2,0))^2+(VLOOKUP($A63,városok!$A$2:$C$346,3,0)-VLOOKUP(J$1,városok!$A$2:$C$346,3,0))^2)/1000,0)</f>
        <v>185</v>
      </c>
      <c r="K63">
        <f ca="1">ROUND(SQRT((VLOOKUP($A63,városok!$A$2:$C$346,2,0)-VLOOKUP(K$1,városok!$A$2:$C$346,2,0))^2+(VLOOKUP($A63,városok!$A$2:$C$346,3,0)-VLOOKUP(K$1,városok!$A$2:$C$346,3,0))^2)/1000,0)</f>
        <v>210</v>
      </c>
      <c r="L63">
        <f ca="1">ROUND(SQRT((VLOOKUP($A63,városok!$A$2:$C$346,2,0)-VLOOKUP(L$1,városok!$A$2:$C$346,2,0))^2+(VLOOKUP($A63,városok!$A$2:$C$346,3,0)-VLOOKUP(L$1,városok!$A$2:$C$346,3,0))^2)/1000,0)</f>
        <v>93</v>
      </c>
      <c r="M63">
        <f ca="1">ROUND(SQRT((VLOOKUP($A63,városok!$A$2:$C$346,2,0)-VLOOKUP(M$1,városok!$A$2:$C$346,2,0))^2+(VLOOKUP($A63,városok!$A$2:$C$346,3,0)-VLOOKUP(M$1,városok!$A$2:$C$346,3,0))^2)/1000,0)</f>
        <v>83</v>
      </c>
      <c r="N63">
        <f ca="1">ROUND(SQRT((VLOOKUP($A63,városok!$A$2:$C$346,2,0)-VLOOKUP(N$1,városok!$A$2:$C$346,2,0))^2+(VLOOKUP($A63,városok!$A$2:$C$346,3,0)-VLOOKUP(N$1,városok!$A$2:$C$346,3,0))^2)/1000,0)</f>
        <v>118</v>
      </c>
      <c r="O63">
        <f ca="1">ROUND(SQRT((VLOOKUP($A63,városok!$A$2:$C$346,2,0)-VLOOKUP(O$1,városok!$A$2:$C$346,2,0))^2+(VLOOKUP($A63,városok!$A$2:$C$346,3,0)-VLOOKUP(O$1,városok!$A$2:$C$346,3,0))^2)/1000,0)</f>
        <v>23</v>
      </c>
      <c r="P63">
        <f ca="1">ROUND(SQRT((VLOOKUP($A63,városok!$A$2:$C$346,2,0)-VLOOKUP(P$1,városok!$A$2:$C$346,2,0))^2+(VLOOKUP($A63,városok!$A$2:$C$346,3,0)-VLOOKUP(P$1,városok!$A$2:$C$346,3,0))^2)/1000,0)</f>
        <v>23</v>
      </c>
      <c r="Q63">
        <f ca="1">ROUND(SQRT((VLOOKUP($A63,városok!$A$2:$C$346,2,0)-VLOOKUP(Q$1,városok!$A$2:$C$346,2,0))^2+(VLOOKUP($A63,városok!$A$2:$C$346,3,0)-VLOOKUP(Q$1,városok!$A$2:$C$346,3,0))^2)/1000,0)</f>
        <v>236</v>
      </c>
      <c r="R63">
        <f ca="1">ROUND(SQRT((VLOOKUP($A63,városok!$A$2:$C$346,2,0)-VLOOKUP(R$1,városok!$A$2:$C$346,2,0))^2+(VLOOKUP($A63,városok!$A$2:$C$346,3,0)-VLOOKUP(R$1,városok!$A$2:$C$346,3,0))^2)/1000,0)</f>
        <v>251</v>
      </c>
      <c r="S63">
        <f ca="1">ROUND(SQRT((VLOOKUP($A63,városok!$A$2:$C$346,2,0)-VLOOKUP(S$1,városok!$A$2:$C$346,2,0))^2+(VLOOKUP($A63,városok!$A$2:$C$346,3,0)-VLOOKUP(S$1,városok!$A$2:$C$346,3,0))^2)/1000,0)</f>
        <v>259</v>
      </c>
      <c r="T63">
        <f ca="1">ROUND(SQRT((VLOOKUP($A63,városok!$A$2:$C$346,2,0)-VLOOKUP(T$1,városok!$A$2:$C$346,2,0))^2+(VLOOKUP($A63,városok!$A$2:$C$346,3,0)-VLOOKUP(T$1,városok!$A$2:$C$346,3,0))^2)/1000,0)</f>
        <v>258</v>
      </c>
      <c r="U63">
        <f ca="1">ROUND(SQRT((VLOOKUP($A63,városok!$A$2:$C$346,2,0)-VLOOKUP(U$1,városok!$A$2:$C$346,2,0))^2+(VLOOKUP($A63,városok!$A$2:$C$346,3,0)-VLOOKUP(U$1,városok!$A$2:$C$346,3,0))^2)/1000,0)</f>
        <v>264</v>
      </c>
      <c r="V63">
        <f ca="1">ROUND(SQRT((VLOOKUP($A63,városok!$A$2:$C$346,2,0)-VLOOKUP(V$1,városok!$A$2:$C$346,2,0))^2+(VLOOKUP($A63,városok!$A$2:$C$346,3,0)-VLOOKUP(V$1,városok!$A$2:$C$346,3,0))^2)/1000,0)</f>
        <v>300</v>
      </c>
      <c r="W63">
        <f ca="1">ROUND(SQRT((VLOOKUP($A63,városok!$A$2:$C$346,2,0)-VLOOKUP(W$1,városok!$A$2:$C$346,2,0))^2+(VLOOKUP($A63,városok!$A$2:$C$346,3,0)-VLOOKUP(W$1,városok!$A$2:$C$346,3,0))^2)/1000,0)</f>
        <v>289</v>
      </c>
      <c r="X63">
        <f ca="1">ROUND(SQRT((VLOOKUP($A63,városok!$A$2:$C$346,2,0)-VLOOKUP(X$1,városok!$A$2:$C$346,2,0))^2+(VLOOKUP($A63,városok!$A$2:$C$346,3,0)-VLOOKUP(X$1,városok!$A$2:$C$346,3,0))^2)/1000,0)</f>
        <v>287</v>
      </c>
      <c r="Y63">
        <f ca="1">ROUND(SQRT((VLOOKUP($A63,városok!$A$2:$C$346,2,0)-VLOOKUP(Y$1,városok!$A$2:$C$346,2,0))^2+(VLOOKUP($A63,városok!$A$2:$C$346,3,0)-VLOOKUP(Y$1,városok!$A$2:$C$346,3,0))^2)/1000,0)</f>
        <v>323</v>
      </c>
      <c r="Z63">
        <f ca="1">ROUND(SQRT((VLOOKUP($A63,városok!$A$2:$C$346,2,0)-VLOOKUP(Z$1,városok!$A$2:$C$346,2,0))^2+(VLOOKUP($A63,városok!$A$2:$C$346,3,0)-VLOOKUP(Z$1,városok!$A$2:$C$346,3,0))^2)/1000,0)</f>
        <v>340</v>
      </c>
      <c r="AA63">
        <f ca="1">ROUND(SQRT((VLOOKUP($A63,városok!$A$2:$C$346,2,0)-VLOOKUP(AA$1,városok!$A$2:$C$346,2,0))^2+(VLOOKUP($A63,városok!$A$2:$C$346,3,0)-VLOOKUP(AA$1,városok!$A$2:$C$346,3,0))^2)/1000,0)</f>
        <v>401</v>
      </c>
      <c r="AB63">
        <f ca="1">ROUND(SQRT((VLOOKUP($A63,városok!$A$2:$C$346,2,0)-VLOOKUP(AB$1,városok!$A$2:$C$346,2,0))^2+(VLOOKUP($A63,városok!$A$2:$C$346,3,0)-VLOOKUP(AB$1,városok!$A$2:$C$346,3,0))^2)/1000,0)</f>
        <v>83</v>
      </c>
      <c r="AC63">
        <f ca="1">ROUND(SQRT((VLOOKUP($A63,városok!$A$2:$C$346,2,0)-VLOOKUP(AC$1,városok!$A$2:$C$346,2,0))^2+(VLOOKUP($A63,városok!$A$2:$C$346,3,0)-VLOOKUP(AC$1,városok!$A$2:$C$346,3,0))^2)/1000,0)</f>
        <v>98</v>
      </c>
      <c r="AD63">
        <f ca="1">ROUND(SQRT((VLOOKUP($A63,városok!$A$2:$C$346,2,0)-VLOOKUP(AD$1,városok!$A$2:$C$346,2,0))^2+(VLOOKUP($A63,városok!$A$2:$C$346,3,0)-VLOOKUP(AD$1,városok!$A$2:$C$346,3,0))^2)/1000,0)</f>
        <v>107</v>
      </c>
      <c r="AE63">
        <f ca="1">ROUND(SQRT((VLOOKUP($A63,városok!$A$2:$C$346,2,0)-VLOOKUP(AE$1,városok!$A$2:$C$346,2,0))^2+(VLOOKUP($A63,városok!$A$2:$C$346,3,0)-VLOOKUP(AE$1,városok!$A$2:$C$346,3,0))^2)/1000,0)</f>
        <v>121</v>
      </c>
      <c r="AF63">
        <f ca="1">ROUND(SQRT((VLOOKUP($A63,városok!$A$2:$C$346,2,0)-VLOOKUP(AF$1,városok!$A$2:$C$346,2,0))^2+(VLOOKUP($A63,városok!$A$2:$C$346,3,0)-VLOOKUP(AF$1,városok!$A$2:$C$346,3,0))^2)/1000,0)</f>
        <v>119</v>
      </c>
      <c r="AG63">
        <f ca="1">ROUND(SQRT((VLOOKUP($A63,városok!$A$2:$C$346,2,0)-VLOOKUP(AG$1,városok!$A$2:$C$346,2,0))^2+(VLOOKUP($A63,városok!$A$2:$C$346,3,0)-VLOOKUP(AG$1,városok!$A$2:$C$346,3,0))^2)/1000,0)</f>
        <v>155</v>
      </c>
      <c r="AH63">
        <f ca="1">ROUND(SQRT((VLOOKUP($A63,városok!$A$2:$C$346,2,0)-VLOOKUP(AH$1,városok!$A$2:$C$346,2,0))^2+(VLOOKUP($A63,városok!$A$2:$C$346,3,0)-VLOOKUP(AH$1,városok!$A$2:$C$346,3,0))^2)/1000,0)</f>
        <v>177</v>
      </c>
      <c r="AI63">
        <f ca="1">ROUND(SQRT((VLOOKUP($A63,városok!$A$2:$C$346,2,0)-VLOOKUP(AI$1,városok!$A$2:$C$346,2,0))^2+(VLOOKUP($A63,városok!$A$2:$C$346,3,0)-VLOOKUP(AI$1,városok!$A$2:$C$346,3,0))^2)/1000,0)</f>
        <v>136</v>
      </c>
      <c r="AJ63">
        <f ca="1">ROUND(SQRT((VLOOKUP($A63,városok!$A$2:$C$346,2,0)-VLOOKUP(AJ$1,városok!$A$2:$C$346,2,0))^2+(VLOOKUP($A63,városok!$A$2:$C$346,3,0)-VLOOKUP(AJ$1,városok!$A$2:$C$346,3,0))^2)/1000,0)</f>
        <v>158</v>
      </c>
      <c r="AK63">
        <f ca="1">ROUND(SQRT((VLOOKUP($A63,városok!$A$2:$C$346,2,0)-VLOOKUP(AK$1,városok!$A$2:$C$346,2,0))^2+(VLOOKUP($A63,városok!$A$2:$C$346,3,0)-VLOOKUP(AK$1,városok!$A$2:$C$346,3,0))^2)/1000,0)</f>
        <v>128</v>
      </c>
      <c r="AL63">
        <f ca="1">ROUND(SQRT((VLOOKUP($A63,városok!$A$2:$C$346,2,0)-VLOOKUP(AL$1,városok!$A$2:$C$346,2,0))^2+(VLOOKUP($A63,városok!$A$2:$C$346,3,0)-VLOOKUP(AL$1,városok!$A$2:$C$346,3,0))^2)/1000,0)</f>
        <v>137</v>
      </c>
      <c r="AM63">
        <f ca="1">ROUND(SQRT((VLOOKUP($A63,városok!$A$2:$C$346,2,0)-VLOOKUP(AM$1,városok!$A$2:$C$346,2,0))^2+(VLOOKUP($A63,városok!$A$2:$C$346,3,0)-VLOOKUP(AM$1,városok!$A$2:$C$346,3,0))^2)/1000,0)</f>
        <v>175</v>
      </c>
      <c r="AN63">
        <f ca="1">ROUND(SQRT((VLOOKUP($A63,városok!$A$2:$C$346,2,0)-VLOOKUP(AN$1,városok!$A$2:$C$346,2,0))^2+(VLOOKUP($A63,városok!$A$2:$C$346,3,0)-VLOOKUP(AN$1,városok!$A$2:$C$346,3,0))^2)/1000,0)</f>
        <v>240</v>
      </c>
      <c r="AO63">
        <f ca="1">ROUND(SQRT((VLOOKUP($A63,városok!$A$2:$C$346,2,0)-VLOOKUP(AO$1,városok!$A$2:$C$346,2,0))^2+(VLOOKUP($A63,városok!$A$2:$C$346,3,0)-VLOOKUP(AO$1,városok!$A$2:$C$346,3,0))^2)/1000,0)</f>
        <v>286</v>
      </c>
      <c r="AP63">
        <f ca="1">ROUND(SQRT((VLOOKUP($A63,városok!$A$2:$C$346,2,0)-VLOOKUP(AP$1,városok!$A$2:$C$346,2,0))^2+(VLOOKUP($A63,városok!$A$2:$C$346,3,0)-VLOOKUP(AP$1,városok!$A$2:$C$346,3,0))^2)/1000,0)</f>
        <v>274</v>
      </c>
      <c r="AQ63">
        <f ca="1">ROUND(SQRT((VLOOKUP($A63,városok!$A$2:$C$346,2,0)-VLOOKUP(AQ$1,városok!$A$2:$C$346,2,0))^2+(VLOOKUP($A63,városok!$A$2:$C$346,3,0)-VLOOKUP(AQ$1,városok!$A$2:$C$346,3,0))^2)/1000,0)</f>
        <v>271</v>
      </c>
      <c r="AR63">
        <f ca="1">ROUND(SQRT((VLOOKUP($A63,városok!$A$2:$C$346,2,0)-VLOOKUP(AR$1,városok!$A$2:$C$346,2,0))^2+(VLOOKUP($A63,városok!$A$2:$C$346,3,0)-VLOOKUP(AR$1,városok!$A$2:$C$346,3,0))^2)/1000,0)</f>
        <v>167</v>
      </c>
      <c r="AS63">
        <f ca="1">ROUND(SQRT((VLOOKUP($A63,városok!$A$2:$C$346,2,0)-VLOOKUP(AS$1,városok!$A$2:$C$346,2,0))^2+(VLOOKUP($A63,városok!$A$2:$C$346,3,0)-VLOOKUP(AS$1,városok!$A$2:$C$346,3,0))^2)/1000,0)</f>
        <v>155</v>
      </c>
      <c r="AT63">
        <f ca="1">ROUND(SQRT((VLOOKUP($A63,városok!$A$2:$C$346,2,0)-VLOOKUP(AT$1,városok!$A$2:$C$346,2,0))^2+(VLOOKUP($A63,városok!$A$2:$C$346,3,0)-VLOOKUP(AT$1,városok!$A$2:$C$346,3,0))^2)/1000,0)</f>
        <v>245</v>
      </c>
      <c r="AU63">
        <f ca="1">ROUND(SQRT((VLOOKUP($A63,városok!$A$2:$C$346,2,0)-VLOOKUP(AU$1,városok!$A$2:$C$346,2,0))^2+(VLOOKUP($A63,városok!$A$2:$C$346,3,0)-VLOOKUP(AU$1,városok!$A$2:$C$346,3,0))^2)/1000,0)</f>
        <v>236</v>
      </c>
      <c r="AV63">
        <f ca="1">ROUND(SQRT((VLOOKUP($A63,városok!$A$2:$C$346,2,0)-VLOOKUP(AV$1,városok!$A$2:$C$346,2,0))^2+(VLOOKUP($A63,városok!$A$2:$C$346,3,0)-VLOOKUP(AV$1,városok!$A$2:$C$346,3,0))^2)/1000,0)</f>
        <v>239</v>
      </c>
      <c r="AW63">
        <f ca="1">ROUND(SQRT((VLOOKUP($A63,városok!$A$2:$C$346,2,0)-VLOOKUP(AW$1,városok!$A$2:$C$346,2,0))^2+(VLOOKUP($A63,városok!$A$2:$C$346,3,0)-VLOOKUP(AW$1,városok!$A$2:$C$346,3,0))^2)/1000,0)</f>
        <v>242</v>
      </c>
      <c r="AX63">
        <f ca="1">ROUND(SQRT((VLOOKUP($A63,városok!$A$2:$C$346,2,0)-VLOOKUP(AX$1,városok!$A$2:$C$346,2,0))^2+(VLOOKUP($A63,városok!$A$2:$C$346,3,0)-VLOOKUP(AX$1,városok!$A$2:$C$346,3,0))^2)/1000,0)</f>
        <v>209</v>
      </c>
      <c r="AY63">
        <f ca="1">ROUND(SQRT((VLOOKUP($A63,városok!$A$2:$C$346,2,0)-VLOOKUP(AY$1,városok!$A$2:$C$346,2,0))^2+(VLOOKUP($A63,városok!$A$2:$C$346,3,0)-VLOOKUP(AY$1,városok!$A$2:$C$346,3,0))^2)/1000,0)</f>
        <v>220</v>
      </c>
      <c r="AZ63">
        <f ca="1">ROUND(SQRT((VLOOKUP($A63,városok!$A$2:$C$346,2,0)-VLOOKUP(AZ$1,városok!$A$2:$C$346,2,0))^2+(VLOOKUP($A63,városok!$A$2:$C$346,3,0)-VLOOKUP(AZ$1,városok!$A$2:$C$346,3,0))^2)/1000,0)</f>
        <v>224</v>
      </c>
      <c r="BA63">
        <f ca="1">ROUND(SQRT((VLOOKUP($A63,városok!$A$2:$C$346,2,0)-VLOOKUP(BA$1,városok!$A$2:$C$346,2,0))^2+(VLOOKUP($A63,városok!$A$2:$C$346,3,0)-VLOOKUP(BA$1,városok!$A$2:$C$346,3,0))^2)/1000,0)</f>
        <v>355</v>
      </c>
      <c r="BB63">
        <f ca="1">ROUND(SQRT((VLOOKUP($A63,városok!$A$2:$C$346,2,0)-VLOOKUP(BB$1,városok!$A$2:$C$346,2,0))^2+(VLOOKUP($A63,városok!$A$2:$C$346,3,0)-VLOOKUP(BB$1,városok!$A$2:$C$346,3,0))^2)/1000,0)</f>
        <v>354</v>
      </c>
      <c r="BC63">
        <f ca="1">ROUND(SQRT((VLOOKUP($A63,városok!$A$2:$C$346,2,0)-VLOOKUP(BC$1,városok!$A$2:$C$346,2,0))^2+(VLOOKUP($A63,városok!$A$2:$C$346,3,0)-VLOOKUP(BC$1,városok!$A$2:$C$346,3,0))^2)/1000,0)</f>
        <v>374</v>
      </c>
      <c r="BD63">
        <f ca="1">ROUND(SQRT((VLOOKUP($A63,városok!$A$2:$C$346,2,0)-VLOOKUP(BD$1,városok!$A$2:$C$346,2,0))^2+(VLOOKUP($A63,városok!$A$2:$C$346,3,0)-VLOOKUP(BD$1,városok!$A$2:$C$346,3,0))^2)/1000,0)</f>
        <v>324</v>
      </c>
      <c r="BE63">
        <f ca="1">ROUND(SQRT((VLOOKUP($A63,városok!$A$2:$C$346,2,0)-VLOOKUP(BE$1,városok!$A$2:$C$346,2,0))^2+(VLOOKUP($A63,városok!$A$2:$C$346,3,0)-VLOOKUP(BE$1,városok!$A$2:$C$346,3,0))^2)/1000,0)</f>
        <v>75</v>
      </c>
      <c r="BF63">
        <f ca="1">ROUND(SQRT((VLOOKUP($A63,városok!$A$2:$C$346,2,0)-VLOOKUP(BF$1,városok!$A$2:$C$346,2,0))^2+(VLOOKUP($A63,városok!$A$2:$C$346,3,0)-VLOOKUP(BF$1,városok!$A$2:$C$346,3,0))^2)/1000,0)</f>
        <v>15</v>
      </c>
      <c r="BG63">
        <f ca="1">ROUND(SQRT((VLOOKUP($A63,városok!$A$2:$C$346,2,0)-VLOOKUP(BG$1,városok!$A$2:$C$346,2,0))^2+(VLOOKUP($A63,városok!$A$2:$C$346,3,0)-VLOOKUP(BG$1,városok!$A$2:$C$346,3,0))^2)/1000,0)</f>
        <v>34</v>
      </c>
      <c r="BH63">
        <f ca="1">ROUND(SQRT((VLOOKUP($A63,városok!$A$2:$C$346,2,0)-VLOOKUP(BH$1,városok!$A$2:$C$346,2,0))^2+(VLOOKUP($A63,városok!$A$2:$C$346,3,0)-VLOOKUP(BH$1,városok!$A$2:$C$346,3,0))^2)/1000,0)</f>
        <v>35</v>
      </c>
      <c r="BI63">
        <f ca="1">ROUND(SQRT((VLOOKUP($A63,városok!$A$2:$C$346,2,0)-VLOOKUP(BI$1,városok!$A$2:$C$346,2,0))^2+(VLOOKUP($A63,városok!$A$2:$C$346,3,0)-VLOOKUP(BI$1,városok!$A$2:$C$346,3,0))^2)/1000,0)</f>
        <v>322</v>
      </c>
      <c r="BJ63">
        <f ca="1">ROUND(SQRT((VLOOKUP($A63,városok!$A$2:$C$346,2,0)-VLOOKUP(BJ$1,városok!$A$2:$C$346,2,0))^2+(VLOOKUP($A63,városok!$A$2:$C$346,3,0)-VLOOKUP(BJ$1,városok!$A$2:$C$346,3,0))^2)/1000,0)</f>
        <v>340</v>
      </c>
      <c r="BK63">
        <f ca="1">ROUND(SQRT((VLOOKUP($A63,városok!$A$2:$C$346,2,0)-VLOOKUP(BK$1,városok!$A$2:$C$346,2,0))^2+(VLOOKUP($A63,városok!$A$2:$C$346,3,0)-VLOOKUP(BK$1,városok!$A$2:$C$346,3,0))^2)/1000,0)</f>
        <v>321</v>
      </c>
      <c r="BL63">
        <f ca="1">ROUND(SQRT((VLOOKUP($A63,városok!$A$2:$C$346,2,0)-VLOOKUP(BL$1,városok!$A$2:$C$346,2,0))^2+(VLOOKUP($A63,városok!$A$2:$C$346,3,0)-VLOOKUP(BL$1,városok!$A$2:$C$346,3,0))^2)/1000,0)</f>
        <v>420</v>
      </c>
      <c r="BM63">
        <f ca="1">ROUND(SQRT((VLOOKUP($A63,városok!$A$2:$C$346,2,0)-VLOOKUP(BM$1,városok!$A$2:$C$346,2,0))^2+(VLOOKUP($A63,városok!$A$2:$C$346,3,0)-VLOOKUP(BM$1,városok!$A$2:$C$346,3,0))^2)/1000,0)</f>
        <v>387</v>
      </c>
      <c r="BN63">
        <f ca="1">ROUND(SQRT((VLOOKUP($A63,városok!$A$2:$C$346,2,0)-VLOOKUP(BN$1,városok!$A$2:$C$346,2,0))^2+(VLOOKUP($A63,városok!$A$2:$C$346,3,0)-VLOOKUP(BN$1,városok!$A$2:$C$346,3,0))^2)/1000,0)</f>
        <v>410</v>
      </c>
      <c r="BO63">
        <f ca="1">ROUND(SQRT((VLOOKUP($A63,városok!$A$2:$C$346,2,0)-VLOOKUP(BO$1,városok!$A$2:$C$346,2,0))^2+(VLOOKUP($A63,városok!$A$2:$C$346,3,0)-VLOOKUP(BO$1,városok!$A$2:$C$346,3,0))^2)/1000,0)</f>
        <v>321</v>
      </c>
      <c r="BP63">
        <f ca="1">ROUND(SQRT((VLOOKUP($A63,városok!$A$2:$C$346,2,0)-VLOOKUP(BP$1,városok!$A$2:$C$346,2,0))^2+(VLOOKUP($A63,városok!$A$2:$C$346,3,0)-VLOOKUP(BP$1,városok!$A$2:$C$346,3,0))^2)/1000,0)</f>
        <v>314</v>
      </c>
      <c r="BQ63">
        <f ca="1">ROUND(SQRT((VLOOKUP($A63,városok!$A$2:$C$346,2,0)-VLOOKUP(BQ$1,városok!$A$2:$C$346,2,0))^2+(VLOOKUP($A63,városok!$A$2:$C$346,3,0)-VLOOKUP(BQ$1,városok!$A$2:$C$346,3,0))^2)/1000,0)</f>
        <v>325</v>
      </c>
      <c r="BR63">
        <f ca="1">ROUND(SQRT((VLOOKUP($A63,városok!$A$2:$C$346,2,0)-VLOOKUP(BR$1,városok!$A$2:$C$346,2,0))^2+(VLOOKUP($A63,városok!$A$2:$C$346,3,0)-VLOOKUP(BR$1,városok!$A$2:$C$346,3,0))^2)/1000,0)</f>
        <v>386</v>
      </c>
      <c r="BS63">
        <f ca="1">ROUND(SQRT((VLOOKUP($A63,városok!$A$2:$C$346,2,0)-VLOOKUP(BS$1,városok!$A$2:$C$346,2,0))^2+(VLOOKUP($A63,városok!$A$2:$C$346,3,0)-VLOOKUP(BS$1,városok!$A$2:$C$346,3,0))^2)/1000,0)</f>
        <v>420</v>
      </c>
      <c r="BT63">
        <f ca="1">ROUND(SQRT((VLOOKUP($A63,városok!$A$2:$C$346,2,0)-VLOOKUP(BT$1,városok!$A$2:$C$346,2,0))^2+(VLOOKUP($A63,városok!$A$2:$C$346,3,0)-VLOOKUP(BT$1,városok!$A$2:$C$346,3,0))^2)/1000,0)</f>
        <v>411</v>
      </c>
    </row>
    <row r="64" spans="1:72" x14ac:dyDescent="0.2">
      <c r="A64" t="str">
        <f>városok!A64</f>
        <v>Edelény</v>
      </c>
      <c r="B64">
        <f ca="1">ROUND(SQRT((VLOOKUP($A64,városok!$A$2:$C$346,2,0)-VLOOKUP(B$1,városok!$A$2:$C$346,2,0))^2+(VLOOKUP($A64,városok!$A$2:$C$346,3,0)-VLOOKUP(B$1,városok!$A$2:$C$346,3,0))^2)/1000,0)</f>
        <v>273</v>
      </c>
      <c r="C64">
        <f ca="1">ROUND(SQRT((VLOOKUP($A64,városok!$A$2:$C$346,2,0)-VLOOKUP(C$1,városok!$A$2:$C$346,2,0))^2+(VLOOKUP($A64,városok!$A$2:$C$346,3,0)-VLOOKUP(C$1,városok!$A$2:$C$346,3,0))^2)/1000,0)</f>
        <v>240</v>
      </c>
      <c r="D64">
        <f ca="1">ROUND(SQRT((VLOOKUP($A64,városok!$A$2:$C$346,2,0)-VLOOKUP(D$1,városok!$A$2:$C$346,2,0))^2+(VLOOKUP($A64,városok!$A$2:$C$346,3,0)-VLOOKUP(D$1,városok!$A$2:$C$346,3,0))^2)/1000,0)</f>
        <v>176</v>
      </c>
      <c r="E64">
        <f ca="1">ROUND(SQRT((VLOOKUP($A64,városok!$A$2:$C$346,2,0)-VLOOKUP(E$1,városok!$A$2:$C$346,2,0))^2+(VLOOKUP($A64,városok!$A$2:$C$346,3,0)-VLOOKUP(E$1,városok!$A$2:$C$346,3,0))^2)/1000,0)</f>
        <v>303</v>
      </c>
      <c r="F64">
        <f ca="1">ROUND(SQRT((VLOOKUP($A64,városok!$A$2:$C$346,2,0)-VLOOKUP(F$1,városok!$A$2:$C$346,2,0))^2+(VLOOKUP($A64,városok!$A$2:$C$346,3,0)-VLOOKUP(F$1,városok!$A$2:$C$346,3,0))^2)/1000,0)</f>
        <v>303</v>
      </c>
      <c r="G64">
        <f ca="1">ROUND(SQRT((VLOOKUP($A64,városok!$A$2:$C$346,2,0)-VLOOKUP(G$1,városok!$A$2:$C$346,2,0))^2+(VLOOKUP($A64,városok!$A$2:$C$346,3,0)-VLOOKUP(G$1,városok!$A$2:$C$346,3,0))^2)/1000,0)</f>
        <v>313</v>
      </c>
      <c r="H64">
        <f ca="1">ROUND(SQRT((VLOOKUP($A64,városok!$A$2:$C$346,2,0)-VLOOKUP(H$1,városok!$A$2:$C$346,2,0))^2+(VLOOKUP($A64,városok!$A$2:$C$346,3,0)-VLOOKUP(H$1,városok!$A$2:$C$346,3,0))^2)/1000,0)</f>
        <v>338</v>
      </c>
      <c r="I64">
        <f ca="1">ROUND(SQRT((VLOOKUP($A64,városok!$A$2:$C$346,2,0)-VLOOKUP(I$1,városok!$A$2:$C$346,2,0))^2+(VLOOKUP($A64,városok!$A$2:$C$346,3,0)-VLOOKUP(I$1,városok!$A$2:$C$346,3,0))^2)/1000,0)</f>
        <v>184</v>
      </c>
      <c r="J64">
        <f ca="1">ROUND(SQRT((VLOOKUP($A64,városok!$A$2:$C$346,2,0)-VLOOKUP(J$1,városok!$A$2:$C$346,2,0))^2+(VLOOKUP($A64,városok!$A$2:$C$346,3,0)-VLOOKUP(J$1,városok!$A$2:$C$346,3,0))^2)/1000,0)</f>
        <v>190</v>
      </c>
      <c r="K64">
        <f ca="1">ROUND(SQRT((VLOOKUP($A64,városok!$A$2:$C$346,2,0)-VLOOKUP(K$1,városok!$A$2:$C$346,2,0))^2+(VLOOKUP($A64,városok!$A$2:$C$346,3,0)-VLOOKUP(K$1,városok!$A$2:$C$346,3,0))^2)/1000,0)</f>
        <v>195</v>
      </c>
      <c r="L64">
        <f ca="1">ROUND(SQRT((VLOOKUP($A64,városok!$A$2:$C$346,2,0)-VLOOKUP(L$1,városok!$A$2:$C$346,2,0))^2+(VLOOKUP($A64,városok!$A$2:$C$346,3,0)-VLOOKUP(L$1,városok!$A$2:$C$346,3,0))^2)/1000,0)</f>
        <v>11</v>
      </c>
      <c r="M64">
        <f ca="1">ROUND(SQRT((VLOOKUP($A64,városok!$A$2:$C$346,2,0)-VLOOKUP(M$1,városok!$A$2:$C$346,2,0))^2+(VLOOKUP($A64,városok!$A$2:$C$346,3,0)-VLOOKUP(M$1,városok!$A$2:$C$346,3,0))^2)/1000,0)</f>
        <v>24</v>
      </c>
      <c r="N64">
        <f ca="1">ROUND(SQRT((VLOOKUP($A64,városok!$A$2:$C$346,2,0)-VLOOKUP(N$1,városok!$A$2:$C$346,2,0))^2+(VLOOKUP($A64,városok!$A$2:$C$346,3,0)-VLOOKUP(N$1,városok!$A$2:$C$346,3,0))^2)/1000,0)</f>
        <v>36</v>
      </c>
      <c r="O64">
        <f ca="1">ROUND(SQRT((VLOOKUP($A64,városok!$A$2:$C$346,2,0)-VLOOKUP(O$1,városok!$A$2:$C$346,2,0))^2+(VLOOKUP($A64,városok!$A$2:$C$346,3,0)-VLOOKUP(O$1,városok!$A$2:$C$346,3,0))^2)/1000,0)</f>
        <v>67</v>
      </c>
      <c r="P64">
        <f ca="1">ROUND(SQRT((VLOOKUP($A64,városok!$A$2:$C$346,2,0)-VLOOKUP(P$1,városok!$A$2:$C$346,2,0))^2+(VLOOKUP($A64,városok!$A$2:$C$346,3,0)-VLOOKUP(P$1,városok!$A$2:$C$346,3,0))^2)/1000,0)</f>
        <v>67</v>
      </c>
      <c r="Q64">
        <f ca="1">ROUND(SQRT((VLOOKUP($A64,városok!$A$2:$C$346,2,0)-VLOOKUP(Q$1,városok!$A$2:$C$346,2,0))^2+(VLOOKUP($A64,városok!$A$2:$C$346,3,0)-VLOOKUP(Q$1,városok!$A$2:$C$346,3,0))^2)/1000,0)</f>
        <v>214</v>
      </c>
      <c r="R64">
        <f ca="1">ROUND(SQRT((VLOOKUP($A64,városok!$A$2:$C$346,2,0)-VLOOKUP(R$1,városok!$A$2:$C$346,2,0))^2+(VLOOKUP($A64,városok!$A$2:$C$346,3,0)-VLOOKUP(R$1,városok!$A$2:$C$346,3,0))^2)/1000,0)</f>
        <v>234</v>
      </c>
      <c r="S64">
        <f ca="1">ROUND(SQRT((VLOOKUP($A64,városok!$A$2:$C$346,2,0)-VLOOKUP(S$1,városok!$A$2:$C$346,2,0))^2+(VLOOKUP($A64,városok!$A$2:$C$346,3,0)-VLOOKUP(S$1,városok!$A$2:$C$346,3,0))^2)/1000,0)</f>
        <v>235</v>
      </c>
      <c r="T64">
        <f ca="1">ROUND(SQRT((VLOOKUP($A64,városok!$A$2:$C$346,2,0)-VLOOKUP(T$1,városok!$A$2:$C$346,2,0))^2+(VLOOKUP($A64,városok!$A$2:$C$346,3,0)-VLOOKUP(T$1,városok!$A$2:$C$346,3,0))^2)/1000,0)</f>
        <v>183</v>
      </c>
      <c r="U64">
        <f ca="1">ROUND(SQRT((VLOOKUP($A64,városok!$A$2:$C$346,2,0)-VLOOKUP(U$1,városok!$A$2:$C$346,2,0))^2+(VLOOKUP($A64,városok!$A$2:$C$346,3,0)-VLOOKUP(U$1,városok!$A$2:$C$346,3,0))^2)/1000,0)</f>
        <v>203</v>
      </c>
      <c r="V64">
        <f ca="1">ROUND(SQRT((VLOOKUP($A64,városok!$A$2:$C$346,2,0)-VLOOKUP(V$1,városok!$A$2:$C$346,2,0))^2+(VLOOKUP($A64,városok!$A$2:$C$346,3,0)-VLOOKUP(V$1,városok!$A$2:$C$346,3,0))^2)/1000,0)</f>
        <v>231</v>
      </c>
      <c r="W64">
        <f ca="1">ROUND(SQRT((VLOOKUP($A64,városok!$A$2:$C$346,2,0)-VLOOKUP(W$1,városok!$A$2:$C$346,2,0))^2+(VLOOKUP($A64,városok!$A$2:$C$346,3,0)-VLOOKUP(W$1,városok!$A$2:$C$346,3,0))^2)/1000,0)</f>
        <v>226</v>
      </c>
      <c r="X64">
        <f ca="1">ROUND(SQRT((VLOOKUP($A64,városok!$A$2:$C$346,2,0)-VLOOKUP(X$1,városok!$A$2:$C$346,2,0))^2+(VLOOKUP($A64,városok!$A$2:$C$346,3,0)-VLOOKUP(X$1,városok!$A$2:$C$346,3,0))^2)/1000,0)</f>
        <v>215</v>
      </c>
      <c r="Y64">
        <f ca="1">ROUND(SQRT((VLOOKUP($A64,városok!$A$2:$C$346,2,0)-VLOOKUP(Y$1,városok!$A$2:$C$346,2,0))^2+(VLOOKUP($A64,városok!$A$2:$C$346,3,0)-VLOOKUP(Y$1,városok!$A$2:$C$346,3,0))^2)/1000,0)</f>
        <v>243</v>
      </c>
      <c r="Z64">
        <f ca="1">ROUND(SQRT((VLOOKUP($A64,városok!$A$2:$C$346,2,0)-VLOOKUP(Z$1,városok!$A$2:$C$346,2,0))^2+(VLOOKUP($A64,városok!$A$2:$C$346,3,0)-VLOOKUP(Z$1,városok!$A$2:$C$346,3,0))^2)/1000,0)</f>
        <v>259</v>
      </c>
      <c r="AA64">
        <f ca="1">ROUND(SQRT((VLOOKUP($A64,városok!$A$2:$C$346,2,0)-VLOOKUP(AA$1,városok!$A$2:$C$346,2,0))^2+(VLOOKUP($A64,városok!$A$2:$C$346,3,0)-VLOOKUP(AA$1,városok!$A$2:$C$346,3,0))^2)/1000,0)</f>
        <v>319</v>
      </c>
      <c r="AB64">
        <f ca="1">ROUND(SQRT((VLOOKUP($A64,városok!$A$2:$C$346,2,0)-VLOOKUP(AB$1,városok!$A$2:$C$346,2,0))^2+(VLOOKUP($A64,városok!$A$2:$C$346,3,0)-VLOOKUP(AB$1,városok!$A$2:$C$346,3,0))^2)/1000,0)</f>
        <v>110</v>
      </c>
      <c r="AC64">
        <f ca="1">ROUND(SQRT((VLOOKUP($A64,városok!$A$2:$C$346,2,0)-VLOOKUP(AC$1,városok!$A$2:$C$346,2,0))^2+(VLOOKUP($A64,városok!$A$2:$C$346,3,0)-VLOOKUP(AC$1,városok!$A$2:$C$346,3,0))^2)/1000,0)</f>
        <v>109</v>
      </c>
      <c r="AD64">
        <f ca="1">ROUND(SQRT((VLOOKUP($A64,városok!$A$2:$C$346,2,0)-VLOOKUP(AD$1,városok!$A$2:$C$346,2,0))^2+(VLOOKUP($A64,városok!$A$2:$C$346,3,0)-VLOOKUP(AD$1,városok!$A$2:$C$346,3,0))^2)/1000,0)</f>
        <v>104</v>
      </c>
      <c r="AE64">
        <f ca="1">ROUND(SQRT((VLOOKUP($A64,városok!$A$2:$C$346,2,0)-VLOOKUP(AE$1,városok!$A$2:$C$346,2,0))^2+(VLOOKUP($A64,városok!$A$2:$C$346,3,0)-VLOOKUP(AE$1,városok!$A$2:$C$346,3,0))^2)/1000,0)</f>
        <v>119</v>
      </c>
      <c r="AF64">
        <f ca="1">ROUND(SQRT((VLOOKUP($A64,városok!$A$2:$C$346,2,0)-VLOOKUP(AF$1,városok!$A$2:$C$346,2,0))^2+(VLOOKUP($A64,városok!$A$2:$C$346,3,0)-VLOOKUP(AF$1,városok!$A$2:$C$346,3,0))^2)/1000,0)</f>
        <v>54</v>
      </c>
      <c r="AG64">
        <f ca="1">ROUND(SQRT((VLOOKUP($A64,városok!$A$2:$C$346,2,0)-VLOOKUP(AG$1,városok!$A$2:$C$346,2,0))^2+(VLOOKUP($A64,városok!$A$2:$C$346,3,0)-VLOOKUP(AG$1,városok!$A$2:$C$346,3,0))^2)/1000,0)</f>
        <v>86</v>
      </c>
      <c r="AH64">
        <f ca="1">ROUND(SQRT((VLOOKUP($A64,városok!$A$2:$C$346,2,0)-VLOOKUP(AH$1,városok!$A$2:$C$346,2,0))^2+(VLOOKUP($A64,városok!$A$2:$C$346,3,0)-VLOOKUP(AH$1,városok!$A$2:$C$346,3,0))^2)/1000,0)</f>
        <v>108</v>
      </c>
      <c r="AI64">
        <f ca="1">ROUND(SQRT((VLOOKUP($A64,városok!$A$2:$C$346,2,0)-VLOOKUP(AI$1,városok!$A$2:$C$346,2,0))^2+(VLOOKUP($A64,városok!$A$2:$C$346,3,0)-VLOOKUP(AI$1,városok!$A$2:$C$346,3,0))^2)/1000,0)</f>
        <v>59</v>
      </c>
      <c r="AJ64">
        <f ca="1">ROUND(SQRT((VLOOKUP($A64,városok!$A$2:$C$346,2,0)-VLOOKUP(AJ$1,városok!$A$2:$C$346,2,0))^2+(VLOOKUP($A64,városok!$A$2:$C$346,3,0)-VLOOKUP(AJ$1,városok!$A$2:$C$346,3,0))^2)/1000,0)</f>
        <v>95</v>
      </c>
      <c r="AK64">
        <f ca="1">ROUND(SQRT((VLOOKUP($A64,városok!$A$2:$C$346,2,0)-VLOOKUP(AK$1,városok!$A$2:$C$346,2,0))^2+(VLOOKUP($A64,városok!$A$2:$C$346,3,0)-VLOOKUP(AK$1,városok!$A$2:$C$346,3,0))^2)/1000,0)</f>
        <v>116</v>
      </c>
      <c r="AL64">
        <f ca="1">ROUND(SQRT((VLOOKUP($A64,városok!$A$2:$C$346,2,0)-VLOOKUP(AL$1,városok!$A$2:$C$346,2,0))^2+(VLOOKUP($A64,városok!$A$2:$C$346,3,0)-VLOOKUP(AL$1,városok!$A$2:$C$346,3,0))^2)/1000,0)</f>
        <v>106</v>
      </c>
      <c r="AM64">
        <f ca="1">ROUND(SQRT((VLOOKUP($A64,városok!$A$2:$C$346,2,0)-VLOOKUP(AM$1,városok!$A$2:$C$346,2,0))^2+(VLOOKUP($A64,városok!$A$2:$C$346,3,0)-VLOOKUP(AM$1,városok!$A$2:$C$346,3,0))^2)/1000,0)</f>
        <v>134</v>
      </c>
      <c r="AN64">
        <f ca="1">ROUND(SQRT((VLOOKUP($A64,városok!$A$2:$C$346,2,0)-VLOOKUP(AN$1,városok!$A$2:$C$346,2,0))^2+(VLOOKUP($A64,városok!$A$2:$C$346,3,0)-VLOOKUP(AN$1,városok!$A$2:$C$346,3,0))^2)/1000,0)</f>
        <v>161</v>
      </c>
      <c r="AO64">
        <f ca="1">ROUND(SQRT((VLOOKUP($A64,városok!$A$2:$C$346,2,0)-VLOOKUP(AO$1,városok!$A$2:$C$346,2,0))^2+(VLOOKUP($A64,városok!$A$2:$C$346,3,0)-VLOOKUP(AO$1,városok!$A$2:$C$346,3,0))^2)/1000,0)</f>
        <v>207</v>
      </c>
      <c r="AP64">
        <f ca="1">ROUND(SQRT((VLOOKUP($A64,városok!$A$2:$C$346,2,0)-VLOOKUP(AP$1,városok!$A$2:$C$346,2,0))^2+(VLOOKUP($A64,városok!$A$2:$C$346,3,0)-VLOOKUP(AP$1,városok!$A$2:$C$346,3,0))^2)/1000,0)</f>
        <v>196</v>
      </c>
      <c r="AQ64">
        <f ca="1">ROUND(SQRT((VLOOKUP($A64,városok!$A$2:$C$346,2,0)-VLOOKUP(AQ$1,városok!$A$2:$C$346,2,0))^2+(VLOOKUP($A64,városok!$A$2:$C$346,3,0)-VLOOKUP(AQ$1,városok!$A$2:$C$346,3,0))^2)/1000,0)</f>
        <v>194</v>
      </c>
      <c r="AR64">
        <f ca="1">ROUND(SQRT((VLOOKUP($A64,városok!$A$2:$C$346,2,0)-VLOOKUP(AR$1,városok!$A$2:$C$346,2,0))^2+(VLOOKUP($A64,városok!$A$2:$C$346,3,0)-VLOOKUP(AR$1,városok!$A$2:$C$346,3,0))^2)/1000,0)</f>
        <v>90</v>
      </c>
      <c r="AS64">
        <f ca="1">ROUND(SQRT((VLOOKUP($A64,városok!$A$2:$C$346,2,0)-VLOOKUP(AS$1,városok!$A$2:$C$346,2,0))^2+(VLOOKUP($A64,városok!$A$2:$C$346,3,0)-VLOOKUP(AS$1,városok!$A$2:$C$346,3,0))^2)/1000,0)</f>
        <v>74</v>
      </c>
      <c r="AT64">
        <f ca="1">ROUND(SQRT((VLOOKUP($A64,városok!$A$2:$C$346,2,0)-VLOOKUP(AT$1,városok!$A$2:$C$346,2,0))^2+(VLOOKUP($A64,városok!$A$2:$C$346,3,0)-VLOOKUP(AT$1,városok!$A$2:$C$346,3,0))^2)/1000,0)</f>
        <v>173</v>
      </c>
      <c r="AU64">
        <f ca="1">ROUND(SQRT((VLOOKUP($A64,városok!$A$2:$C$346,2,0)-VLOOKUP(AU$1,városok!$A$2:$C$346,2,0))^2+(VLOOKUP($A64,városok!$A$2:$C$346,3,0)-VLOOKUP(AU$1,városok!$A$2:$C$346,3,0))^2)/1000,0)</f>
        <v>165</v>
      </c>
      <c r="AV64">
        <f ca="1">ROUND(SQRT((VLOOKUP($A64,városok!$A$2:$C$346,2,0)-VLOOKUP(AV$1,városok!$A$2:$C$346,2,0))^2+(VLOOKUP($A64,városok!$A$2:$C$346,3,0)-VLOOKUP(AV$1,városok!$A$2:$C$346,3,0))^2)/1000,0)</f>
        <v>169</v>
      </c>
      <c r="AW64">
        <f ca="1">ROUND(SQRT((VLOOKUP($A64,városok!$A$2:$C$346,2,0)-VLOOKUP(AW$1,városok!$A$2:$C$346,2,0))^2+(VLOOKUP($A64,városok!$A$2:$C$346,3,0)-VLOOKUP(AW$1,városok!$A$2:$C$346,3,0))^2)/1000,0)</f>
        <v>172</v>
      </c>
      <c r="AX64">
        <f ca="1">ROUND(SQRT((VLOOKUP($A64,városok!$A$2:$C$346,2,0)-VLOOKUP(AX$1,városok!$A$2:$C$346,2,0))^2+(VLOOKUP($A64,városok!$A$2:$C$346,3,0)-VLOOKUP(AX$1,városok!$A$2:$C$346,3,0))^2)/1000,0)</f>
        <v>161</v>
      </c>
      <c r="AY64">
        <f ca="1">ROUND(SQRT((VLOOKUP($A64,városok!$A$2:$C$346,2,0)-VLOOKUP(AY$1,városok!$A$2:$C$346,2,0))^2+(VLOOKUP($A64,városok!$A$2:$C$346,3,0)-VLOOKUP(AY$1,városok!$A$2:$C$346,3,0))^2)/1000,0)</f>
        <v>145</v>
      </c>
      <c r="AZ64">
        <f ca="1">ROUND(SQRT((VLOOKUP($A64,városok!$A$2:$C$346,2,0)-VLOOKUP(AZ$1,városok!$A$2:$C$346,2,0))^2+(VLOOKUP($A64,városok!$A$2:$C$346,3,0)-VLOOKUP(AZ$1,városok!$A$2:$C$346,3,0))^2)/1000,0)</f>
        <v>146</v>
      </c>
      <c r="BA64">
        <f ca="1">ROUND(SQRT((VLOOKUP($A64,városok!$A$2:$C$346,2,0)-VLOOKUP(BA$1,városok!$A$2:$C$346,2,0))^2+(VLOOKUP($A64,városok!$A$2:$C$346,3,0)-VLOOKUP(BA$1,városok!$A$2:$C$346,3,0))^2)/1000,0)</f>
        <v>286</v>
      </c>
      <c r="BB64">
        <f ca="1">ROUND(SQRT((VLOOKUP($A64,városok!$A$2:$C$346,2,0)-VLOOKUP(BB$1,városok!$A$2:$C$346,2,0))^2+(VLOOKUP($A64,városok!$A$2:$C$346,3,0)-VLOOKUP(BB$1,városok!$A$2:$C$346,3,0))^2)/1000,0)</f>
        <v>290</v>
      </c>
      <c r="BC64">
        <f ca="1">ROUND(SQRT((VLOOKUP($A64,városok!$A$2:$C$346,2,0)-VLOOKUP(BC$1,városok!$A$2:$C$346,2,0))^2+(VLOOKUP($A64,városok!$A$2:$C$346,3,0)-VLOOKUP(BC$1,városok!$A$2:$C$346,3,0))^2)/1000,0)</f>
        <v>312</v>
      </c>
      <c r="BD64">
        <f ca="1">ROUND(SQRT((VLOOKUP($A64,városok!$A$2:$C$346,2,0)-VLOOKUP(BD$1,városok!$A$2:$C$346,2,0))^2+(VLOOKUP($A64,városok!$A$2:$C$346,3,0)-VLOOKUP(BD$1,városok!$A$2:$C$346,3,0))^2)/1000,0)</f>
        <v>256</v>
      </c>
      <c r="BE64">
        <f ca="1">ROUND(SQRT((VLOOKUP($A64,városok!$A$2:$C$346,2,0)-VLOOKUP(BE$1,városok!$A$2:$C$346,2,0))^2+(VLOOKUP($A64,városok!$A$2:$C$346,3,0)-VLOOKUP(BE$1,városok!$A$2:$C$346,3,0))^2)/1000,0)</f>
        <v>152</v>
      </c>
      <c r="BF64">
        <f ca="1">ROUND(SQRT((VLOOKUP($A64,városok!$A$2:$C$346,2,0)-VLOOKUP(BF$1,városok!$A$2:$C$346,2,0))^2+(VLOOKUP($A64,városok!$A$2:$C$346,3,0)-VLOOKUP(BF$1,városok!$A$2:$C$346,3,0))^2)/1000,0)</f>
        <v>99</v>
      </c>
      <c r="BG64">
        <f ca="1">ROUND(SQRT((VLOOKUP($A64,városok!$A$2:$C$346,2,0)-VLOOKUP(BG$1,városok!$A$2:$C$346,2,0))^2+(VLOOKUP($A64,városok!$A$2:$C$346,3,0)-VLOOKUP(BG$1,városok!$A$2:$C$346,3,0))^2)/1000,0)</f>
        <v>57</v>
      </c>
      <c r="BH64">
        <f ca="1">ROUND(SQRT((VLOOKUP($A64,városok!$A$2:$C$346,2,0)-VLOOKUP(BH$1,városok!$A$2:$C$346,2,0))^2+(VLOOKUP($A64,városok!$A$2:$C$346,3,0)-VLOOKUP(BH$1,városok!$A$2:$C$346,3,0))^2)/1000,0)</f>
        <v>57</v>
      </c>
      <c r="BI64">
        <f ca="1">ROUND(SQRT((VLOOKUP($A64,városok!$A$2:$C$346,2,0)-VLOOKUP(BI$1,városok!$A$2:$C$346,2,0))^2+(VLOOKUP($A64,városok!$A$2:$C$346,3,0)-VLOOKUP(BI$1,városok!$A$2:$C$346,3,0))^2)/1000,0)</f>
        <v>267</v>
      </c>
      <c r="BJ64">
        <f ca="1">ROUND(SQRT((VLOOKUP($A64,városok!$A$2:$C$346,2,0)-VLOOKUP(BJ$1,városok!$A$2:$C$346,2,0))^2+(VLOOKUP($A64,városok!$A$2:$C$346,3,0)-VLOOKUP(BJ$1,városok!$A$2:$C$346,3,0))^2)/1000,0)</f>
        <v>285</v>
      </c>
      <c r="BK64">
        <f ca="1">ROUND(SQRT((VLOOKUP($A64,városok!$A$2:$C$346,2,0)-VLOOKUP(BK$1,városok!$A$2:$C$346,2,0))^2+(VLOOKUP($A64,városok!$A$2:$C$346,3,0)-VLOOKUP(BK$1,városok!$A$2:$C$346,3,0))^2)/1000,0)</f>
        <v>268</v>
      </c>
      <c r="BL64">
        <f ca="1">ROUND(SQRT((VLOOKUP($A64,városok!$A$2:$C$346,2,0)-VLOOKUP(BL$1,városok!$A$2:$C$346,2,0))^2+(VLOOKUP($A64,városok!$A$2:$C$346,3,0)-VLOOKUP(BL$1,városok!$A$2:$C$346,3,0))^2)/1000,0)</f>
        <v>344</v>
      </c>
      <c r="BM64">
        <f ca="1">ROUND(SQRT((VLOOKUP($A64,városok!$A$2:$C$346,2,0)-VLOOKUP(BM$1,városok!$A$2:$C$346,2,0))^2+(VLOOKUP($A64,városok!$A$2:$C$346,3,0)-VLOOKUP(BM$1,városok!$A$2:$C$346,3,0))^2)/1000,0)</f>
        <v>310</v>
      </c>
      <c r="BN64">
        <f ca="1">ROUND(SQRT((VLOOKUP($A64,városok!$A$2:$C$346,2,0)-VLOOKUP(BN$1,városok!$A$2:$C$346,2,0))^2+(VLOOKUP($A64,városok!$A$2:$C$346,3,0)-VLOOKUP(BN$1,városok!$A$2:$C$346,3,0))^2)/1000,0)</f>
        <v>332</v>
      </c>
      <c r="BO64">
        <f ca="1">ROUND(SQRT((VLOOKUP($A64,városok!$A$2:$C$346,2,0)-VLOOKUP(BO$1,városok!$A$2:$C$346,2,0))^2+(VLOOKUP($A64,városok!$A$2:$C$346,3,0)-VLOOKUP(BO$1,városok!$A$2:$C$346,3,0))^2)/1000,0)</f>
        <v>251</v>
      </c>
      <c r="BP64">
        <f ca="1">ROUND(SQRT((VLOOKUP($A64,városok!$A$2:$C$346,2,0)-VLOOKUP(BP$1,városok!$A$2:$C$346,2,0))^2+(VLOOKUP($A64,városok!$A$2:$C$346,3,0)-VLOOKUP(BP$1,városok!$A$2:$C$346,3,0))^2)/1000,0)</f>
        <v>244</v>
      </c>
      <c r="BQ64">
        <f ca="1">ROUND(SQRT((VLOOKUP($A64,városok!$A$2:$C$346,2,0)-VLOOKUP(BQ$1,városok!$A$2:$C$346,2,0))^2+(VLOOKUP($A64,városok!$A$2:$C$346,3,0)-VLOOKUP(BQ$1,városok!$A$2:$C$346,3,0))^2)/1000,0)</f>
        <v>253</v>
      </c>
      <c r="BR64">
        <f ca="1">ROUND(SQRT((VLOOKUP($A64,városok!$A$2:$C$346,2,0)-VLOOKUP(BR$1,városok!$A$2:$C$346,2,0))^2+(VLOOKUP($A64,városok!$A$2:$C$346,3,0)-VLOOKUP(BR$1,városok!$A$2:$C$346,3,0))^2)/1000,0)</f>
        <v>315</v>
      </c>
      <c r="BS64">
        <f ca="1">ROUND(SQRT((VLOOKUP($A64,városok!$A$2:$C$346,2,0)-VLOOKUP(BS$1,városok!$A$2:$C$346,2,0))^2+(VLOOKUP($A64,városok!$A$2:$C$346,3,0)-VLOOKUP(BS$1,városok!$A$2:$C$346,3,0))^2)/1000,0)</f>
        <v>352</v>
      </c>
      <c r="BT64">
        <f ca="1">ROUND(SQRT((VLOOKUP($A64,városok!$A$2:$C$346,2,0)-VLOOKUP(BT$1,városok!$A$2:$C$346,2,0))^2+(VLOOKUP($A64,városok!$A$2:$C$346,3,0)-VLOOKUP(BT$1,városok!$A$2:$C$346,3,0))^2)/1000,0)</f>
        <v>337</v>
      </c>
    </row>
    <row r="65" spans="1:72" x14ac:dyDescent="0.2">
      <c r="A65" t="str">
        <f>városok!A65</f>
        <v>Emőd</v>
      </c>
      <c r="B65">
        <f ca="1">ROUND(SQRT((VLOOKUP($A65,városok!$A$2:$C$346,2,0)-VLOOKUP(B$1,városok!$A$2:$C$346,2,0))^2+(VLOOKUP($A65,városok!$A$2:$C$346,3,0)-VLOOKUP(B$1,városok!$A$2:$C$346,3,0))^2)/1000,0)</f>
        <v>240</v>
      </c>
      <c r="C65">
        <f ca="1">ROUND(SQRT((VLOOKUP($A65,városok!$A$2:$C$346,2,0)-VLOOKUP(C$1,városok!$A$2:$C$346,2,0))^2+(VLOOKUP($A65,városok!$A$2:$C$346,3,0)-VLOOKUP(C$1,városok!$A$2:$C$346,3,0))^2)/1000,0)</f>
        <v>209</v>
      </c>
      <c r="D65">
        <f ca="1">ROUND(SQRT((VLOOKUP($A65,városok!$A$2:$C$346,2,0)-VLOOKUP(D$1,városok!$A$2:$C$346,2,0))^2+(VLOOKUP($A65,városok!$A$2:$C$346,3,0)-VLOOKUP(D$1,városok!$A$2:$C$346,3,0))^2)/1000,0)</f>
        <v>142</v>
      </c>
      <c r="E65">
        <f ca="1">ROUND(SQRT((VLOOKUP($A65,városok!$A$2:$C$346,2,0)-VLOOKUP(E$1,városok!$A$2:$C$346,2,0))^2+(VLOOKUP($A65,városok!$A$2:$C$346,3,0)-VLOOKUP(E$1,városok!$A$2:$C$346,3,0))^2)/1000,0)</f>
        <v>274</v>
      </c>
      <c r="F65">
        <f ca="1">ROUND(SQRT((VLOOKUP($A65,városok!$A$2:$C$346,2,0)-VLOOKUP(F$1,városok!$A$2:$C$346,2,0))^2+(VLOOKUP($A65,városok!$A$2:$C$346,3,0)-VLOOKUP(F$1,városok!$A$2:$C$346,3,0))^2)/1000,0)</f>
        <v>270</v>
      </c>
      <c r="G65">
        <f ca="1">ROUND(SQRT((VLOOKUP($A65,városok!$A$2:$C$346,2,0)-VLOOKUP(G$1,városok!$A$2:$C$346,2,0))^2+(VLOOKUP($A65,városok!$A$2:$C$346,3,0)-VLOOKUP(G$1,városok!$A$2:$C$346,3,0))^2)/1000,0)</f>
        <v>284</v>
      </c>
      <c r="H65">
        <f ca="1">ROUND(SQRT((VLOOKUP($A65,városok!$A$2:$C$346,2,0)-VLOOKUP(H$1,városok!$A$2:$C$346,2,0))^2+(VLOOKUP($A65,városok!$A$2:$C$346,3,0)-VLOOKUP(H$1,városok!$A$2:$C$346,3,0))^2)/1000,0)</f>
        <v>311</v>
      </c>
      <c r="I65">
        <f ca="1">ROUND(SQRT((VLOOKUP($A65,városok!$A$2:$C$346,2,0)-VLOOKUP(I$1,városok!$A$2:$C$346,2,0))^2+(VLOOKUP($A65,városok!$A$2:$C$346,3,0)-VLOOKUP(I$1,városok!$A$2:$C$346,3,0))^2)/1000,0)</f>
        <v>142</v>
      </c>
      <c r="J65">
        <f ca="1">ROUND(SQRT((VLOOKUP($A65,városok!$A$2:$C$346,2,0)-VLOOKUP(J$1,városok!$A$2:$C$346,2,0))^2+(VLOOKUP($A65,városok!$A$2:$C$346,3,0)-VLOOKUP(J$1,városok!$A$2:$C$346,3,0))^2)/1000,0)</f>
        <v>148</v>
      </c>
      <c r="K65">
        <f ca="1">ROUND(SQRT((VLOOKUP($A65,városok!$A$2:$C$346,2,0)-VLOOKUP(K$1,városok!$A$2:$C$346,2,0))^2+(VLOOKUP($A65,városok!$A$2:$C$346,3,0)-VLOOKUP(K$1,városok!$A$2:$C$346,3,0))^2)/1000,0)</f>
        <v>153</v>
      </c>
      <c r="L65">
        <f ca="1">ROUND(SQRT((VLOOKUP($A65,városok!$A$2:$C$346,2,0)-VLOOKUP(L$1,városok!$A$2:$C$346,2,0))^2+(VLOOKUP($A65,városok!$A$2:$C$346,3,0)-VLOOKUP(L$1,városok!$A$2:$C$346,3,0))^2)/1000,0)</f>
        <v>38</v>
      </c>
      <c r="M65">
        <f ca="1">ROUND(SQRT((VLOOKUP($A65,városok!$A$2:$C$346,2,0)-VLOOKUP(M$1,városok!$A$2:$C$346,2,0))^2+(VLOOKUP($A65,városok!$A$2:$C$346,3,0)-VLOOKUP(M$1,városok!$A$2:$C$346,3,0))^2)/1000,0)</f>
        <v>19</v>
      </c>
      <c r="N65">
        <f ca="1">ROUND(SQRT((VLOOKUP($A65,városok!$A$2:$C$346,2,0)-VLOOKUP(N$1,városok!$A$2:$C$346,2,0))^2+(VLOOKUP($A65,városok!$A$2:$C$346,3,0)-VLOOKUP(N$1,városok!$A$2:$C$346,3,0))^2)/1000,0)</f>
        <v>50</v>
      </c>
      <c r="O65">
        <f ca="1">ROUND(SQRT((VLOOKUP($A65,városok!$A$2:$C$346,2,0)-VLOOKUP(O$1,városok!$A$2:$C$346,2,0))^2+(VLOOKUP($A65,városok!$A$2:$C$346,3,0)-VLOOKUP(O$1,városok!$A$2:$C$346,3,0))^2)/1000,0)</f>
        <v>81</v>
      </c>
      <c r="P65">
        <f ca="1">ROUND(SQRT((VLOOKUP($A65,városok!$A$2:$C$346,2,0)-VLOOKUP(P$1,városok!$A$2:$C$346,2,0))^2+(VLOOKUP($A65,városok!$A$2:$C$346,3,0)-VLOOKUP(P$1,városok!$A$2:$C$346,3,0))^2)/1000,0)</f>
        <v>81</v>
      </c>
      <c r="Q65">
        <f ca="1">ROUND(SQRT((VLOOKUP($A65,városok!$A$2:$C$346,2,0)-VLOOKUP(Q$1,városok!$A$2:$C$346,2,0))^2+(VLOOKUP($A65,városok!$A$2:$C$346,3,0)-VLOOKUP(Q$1,városok!$A$2:$C$346,3,0))^2)/1000,0)</f>
        <v>173</v>
      </c>
      <c r="R65">
        <f ca="1">ROUND(SQRT((VLOOKUP($A65,városok!$A$2:$C$346,2,0)-VLOOKUP(R$1,városok!$A$2:$C$346,2,0))^2+(VLOOKUP($A65,városok!$A$2:$C$346,3,0)-VLOOKUP(R$1,városok!$A$2:$C$346,3,0))^2)/1000,0)</f>
        <v>193</v>
      </c>
      <c r="S65">
        <f ca="1">ROUND(SQRT((VLOOKUP($A65,városok!$A$2:$C$346,2,0)-VLOOKUP(S$1,városok!$A$2:$C$346,2,0))^2+(VLOOKUP($A65,városok!$A$2:$C$346,3,0)-VLOOKUP(S$1,városok!$A$2:$C$346,3,0))^2)/1000,0)</f>
        <v>194</v>
      </c>
      <c r="T65">
        <f ca="1">ROUND(SQRT((VLOOKUP($A65,városok!$A$2:$C$346,2,0)-VLOOKUP(T$1,városok!$A$2:$C$346,2,0))^2+(VLOOKUP($A65,városok!$A$2:$C$346,3,0)-VLOOKUP(T$1,városok!$A$2:$C$346,3,0))^2)/1000,0)</f>
        <v>171</v>
      </c>
      <c r="U65">
        <f ca="1">ROUND(SQRT((VLOOKUP($A65,városok!$A$2:$C$346,2,0)-VLOOKUP(U$1,városok!$A$2:$C$346,2,0))^2+(VLOOKUP($A65,városok!$A$2:$C$346,3,0)-VLOOKUP(U$1,városok!$A$2:$C$346,3,0))^2)/1000,0)</f>
        <v>178</v>
      </c>
      <c r="V65">
        <f ca="1">ROUND(SQRT((VLOOKUP($A65,városok!$A$2:$C$346,2,0)-VLOOKUP(V$1,városok!$A$2:$C$346,2,0))^2+(VLOOKUP($A65,városok!$A$2:$C$346,3,0)-VLOOKUP(V$1,városok!$A$2:$C$346,3,0))^2)/1000,0)</f>
        <v>213</v>
      </c>
      <c r="W65">
        <f ca="1">ROUND(SQRT((VLOOKUP($A65,városok!$A$2:$C$346,2,0)-VLOOKUP(W$1,városok!$A$2:$C$346,2,0))^2+(VLOOKUP($A65,városok!$A$2:$C$346,3,0)-VLOOKUP(W$1,városok!$A$2:$C$346,3,0))^2)/1000,0)</f>
        <v>202</v>
      </c>
      <c r="X65">
        <f ca="1">ROUND(SQRT((VLOOKUP($A65,városok!$A$2:$C$346,2,0)-VLOOKUP(X$1,városok!$A$2:$C$346,2,0))^2+(VLOOKUP($A65,városok!$A$2:$C$346,3,0)-VLOOKUP(X$1,városok!$A$2:$C$346,3,0))^2)/1000,0)</f>
        <v>200</v>
      </c>
      <c r="Y65">
        <f ca="1">ROUND(SQRT((VLOOKUP($A65,városok!$A$2:$C$346,2,0)-VLOOKUP(Y$1,városok!$A$2:$C$346,2,0))^2+(VLOOKUP($A65,városok!$A$2:$C$346,3,0)-VLOOKUP(Y$1,városok!$A$2:$C$346,3,0))^2)/1000,0)</f>
        <v>240</v>
      </c>
      <c r="Z65">
        <f ca="1">ROUND(SQRT((VLOOKUP($A65,városok!$A$2:$C$346,2,0)-VLOOKUP(Z$1,városok!$A$2:$C$346,2,0))^2+(VLOOKUP($A65,városok!$A$2:$C$346,3,0)-VLOOKUP(Z$1,városok!$A$2:$C$346,3,0))^2)/1000,0)</f>
        <v>257</v>
      </c>
      <c r="AA65">
        <f ca="1">ROUND(SQRT((VLOOKUP($A65,városok!$A$2:$C$346,2,0)-VLOOKUP(AA$1,városok!$A$2:$C$346,2,0))^2+(VLOOKUP($A65,városok!$A$2:$C$346,3,0)-VLOOKUP(AA$1,városok!$A$2:$C$346,3,0))^2)/1000,0)</f>
        <v>318</v>
      </c>
      <c r="AB65">
        <f ca="1">ROUND(SQRT((VLOOKUP($A65,városok!$A$2:$C$346,2,0)-VLOOKUP(AB$1,városok!$A$2:$C$346,2,0))^2+(VLOOKUP($A65,városok!$A$2:$C$346,3,0)-VLOOKUP(AB$1,városok!$A$2:$C$346,3,0))^2)/1000,0)</f>
        <v>76</v>
      </c>
      <c r="AC65">
        <f ca="1">ROUND(SQRT((VLOOKUP($A65,városok!$A$2:$C$346,2,0)-VLOOKUP(AC$1,városok!$A$2:$C$346,2,0))^2+(VLOOKUP($A65,városok!$A$2:$C$346,3,0)-VLOOKUP(AC$1,városok!$A$2:$C$346,3,0))^2)/1000,0)</f>
        <v>70</v>
      </c>
      <c r="AD65">
        <f ca="1">ROUND(SQRT((VLOOKUP($A65,városok!$A$2:$C$346,2,0)-VLOOKUP(AD$1,városok!$A$2:$C$346,2,0))^2+(VLOOKUP($A65,városok!$A$2:$C$346,3,0)-VLOOKUP(AD$1,városok!$A$2:$C$346,3,0))^2)/1000,0)</f>
        <v>62</v>
      </c>
      <c r="AE65">
        <f ca="1">ROUND(SQRT((VLOOKUP($A65,városok!$A$2:$C$346,2,0)-VLOOKUP(AE$1,városok!$A$2:$C$346,2,0))^2+(VLOOKUP($A65,városok!$A$2:$C$346,3,0)-VLOOKUP(AE$1,városok!$A$2:$C$346,3,0))^2)/1000,0)</f>
        <v>77</v>
      </c>
      <c r="AF65">
        <f ca="1">ROUND(SQRT((VLOOKUP($A65,városok!$A$2:$C$346,2,0)-VLOOKUP(AF$1,városok!$A$2:$C$346,2,0))^2+(VLOOKUP($A65,városok!$A$2:$C$346,3,0)-VLOOKUP(AF$1,városok!$A$2:$C$346,3,0))^2)/1000,0)</f>
        <v>33</v>
      </c>
      <c r="AG65">
        <f ca="1">ROUND(SQRT((VLOOKUP($A65,városok!$A$2:$C$346,2,0)-VLOOKUP(AG$1,városok!$A$2:$C$346,2,0))^2+(VLOOKUP($A65,városok!$A$2:$C$346,3,0)-VLOOKUP(AG$1,városok!$A$2:$C$346,3,0))^2)/1000,0)</f>
        <v>69</v>
      </c>
      <c r="AH65">
        <f ca="1">ROUND(SQRT((VLOOKUP($A65,városok!$A$2:$C$346,2,0)-VLOOKUP(AH$1,városok!$A$2:$C$346,2,0))^2+(VLOOKUP($A65,városok!$A$2:$C$346,3,0)-VLOOKUP(AH$1,városok!$A$2:$C$346,3,0))^2)/1000,0)</f>
        <v>90</v>
      </c>
      <c r="AI65">
        <f ca="1">ROUND(SQRT((VLOOKUP($A65,városok!$A$2:$C$346,2,0)-VLOOKUP(AI$1,városok!$A$2:$C$346,2,0))^2+(VLOOKUP($A65,városok!$A$2:$C$346,3,0)-VLOOKUP(AI$1,városok!$A$2:$C$346,3,0))^2)/1000,0)</f>
        <v>54</v>
      </c>
      <c r="AJ65">
        <f ca="1">ROUND(SQRT((VLOOKUP($A65,városok!$A$2:$C$346,2,0)-VLOOKUP(AJ$1,városok!$A$2:$C$346,2,0))^2+(VLOOKUP($A65,városok!$A$2:$C$346,3,0)-VLOOKUP(AJ$1,városok!$A$2:$C$346,3,0))^2)/1000,0)</f>
        <v>71</v>
      </c>
      <c r="AK65">
        <f ca="1">ROUND(SQRT((VLOOKUP($A65,városok!$A$2:$C$346,2,0)-VLOOKUP(AK$1,városok!$A$2:$C$346,2,0))^2+(VLOOKUP($A65,városok!$A$2:$C$346,3,0)-VLOOKUP(AK$1,városok!$A$2:$C$346,3,0))^2)/1000,0)</f>
        <v>74</v>
      </c>
      <c r="AL65">
        <f ca="1">ROUND(SQRT((VLOOKUP($A65,városok!$A$2:$C$346,2,0)-VLOOKUP(AL$1,városok!$A$2:$C$346,2,0))^2+(VLOOKUP($A65,városok!$A$2:$C$346,3,0)-VLOOKUP(AL$1,városok!$A$2:$C$346,3,0))^2)/1000,0)</f>
        <v>65</v>
      </c>
      <c r="AM65">
        <f ca="1">ROUND(SQRT((VLOOKUP($A65,városok!$A$2:$C$346,2,0)-VLOOKUP(AM$1,városok!$A$2:$C$346,2,0))^2+(VLOOKUP($A65,városok!$A$2:$C$346,3,0)-VLOOKUP(AM$1,városok!$A$2:$C$346,3,0))^2)/1000,0)</f>
        <v>97</v>
      </c>
      <c r="AN65">
        <f ca="1">ROUND(SQRT((VLOOKUP($A65,városok!$A$2:$C$346,2,0)-VLOOKUP(AN$1,városok!$A$2:$C$346,2,0))^2+(VLOOKUP($A65,városok!$A$2:$C$346,3,0)-VLOOKUP(AN$1,városok!$A$2:$C$346,3,0))^2)/1000,0)</f>
        <v>156</v>
      </c>
      <c r="AO65">
        <f ca="1">ROUND(SQRT((VLOOKUP($A65,városok!$A$2:$C$346,2,0)-VLOOKUP(AO$1,városok!$A$2:$C$346,2,0))^2+(VLOOKUP($A65,városok!$A$2:$C$346,3,0)-VLOOKUP(AO$1,városok!$A$2:$C$346,3,0))^2)/1000,0)</f>
        <v>203</v>
      </c>
      <c r="AP65">
        <f ca="1">ROUND(SQRT((VLOOKUP($A65,városok!$A$2:$C$346,2,0)-VLOOKUP(AP$1,városok!$A$2:$C$346,2,0))^2+(VLOOKUP($A65,városok!$A$2:$C$346,3,0)-VLOOKUP(AP$1,városok!$A$2:$C$346,3,0))^2)/1000,0)</f>
        <v>189</v>
      </c>
      <c r="AQ65">
        <f ca="1">ROUND(SQRT((VLOOKUP($A65,városok!$A$2:$C$346,2,0)-VLOOKUP(AQ$1,városok!$A$2:$C$346,2,0))^2+(VLOOKUP($A65,városok!$A$2:$C$346,3,0)-VLOOKUP(AQ$1,városok!$A$2:$C$346,3,0))^2)/1000,0)</f>
        <v>185</v>
      </c>
      <c r="AR65">
        <f ca="1">ROUND(SQRT((VLOOKUP($A65,városok!$A$2:$C$346,2,0)-VLOOKUP(AR$1,városok!$A$2:$C$346,2,0))^2+(VLOOKUP($A65,városok!$A$2:$C$346,3,0)-VLOOKUP(AR$1,városok!$A$2:$C$346,3,0))^2)/1000,0)</f>
        <v>83</v>
      </c>
      <c r="AS65">
        <f ca="1">ROUND(SQRT((VLOOKUP($A65,városok!$A$2:$C$346,2,0)-VLOOKUP(AS$1,városok!$A$2:$C$346,2,0))^2+(VLOOKUP($A65,városok!$A$2:$C$346,3,0)-VLOOKUP(AS$1,városok!$A$2:$C$346,3,0))^2)/1000,0)</f>
        <v>77</v>
      </c>
      <c r="AT65">
        <f ca="1">ROUND(SQRT((VLOOKUP($A65,városok!$A$2:$C$346,2,0)-VLOOKUP(AT$1,városok!$A$2:$C$346,2,0))^2+(VLOOKUP($A65,városok!$A$2:$C$346,3,0)-VLOOKUP(AT$1,városok!$A$2:$C$346,3,0))^2)/1000,0)</f>
        <v>158</v>
      </c>
      <c r="AU65">
        <f ca="1">ROUND(SQRT((VLOOKUP($A65,városok!$A$2:$C$346,2,0)-VLOOKUP(AU$1,városok!$A$2:$C$346,2,0))^2+(VLOOKUP($A65,városok!$A$2:$C$346,3,0)-VLOOKUP(AU$1,városok!$A$2:$C$346,3,0))^2)/1000,0)</f>
        <v>149</v>
      </c>
      <c r="AV65">
        <f ca="1">ROUND(SQRT((VLOOKUP($A65,városok!$A$2:$C$346,2,0)-VLOOKUP(AV$1,városok!$A$2:$C$346,2,0))^2+(VLOOKUP($A65,városok!$A$2:$C$346,3,0)-VLOOKUP(AV$1,városok!$A$2:$C$346,3,0))^2)/1000,0)</f>
        <v>152</v>
      </c>
      <c r="AW65">
        <f ca="1">ROUND(SQRT((VLOOKUP($A65,városok!$A$2:$C$346,2,0)-VLOOKUP(AW$1,városok!$A$2:$C$346,2,0))^2+(VLOOKUP($A65,városok!$A$2:$C$346,3,0)-VLOOKUP(AW$1,városok!$A$2:$C$346,3,0))^2)/1000,0)</f>
        <v>155</v>
      </c>
      <c r="AX65">
        <f ca="1">ROUND(SQRT((VLOOKUP($A65,városok!$A$2:$C$346,2,0)-VLOOKUP(AX$1,városok!$A$2:$C$346,2,0))^2+(VLOOKUP($A65,városok!$A$2:$C$346,3,0)-VLOOKUP(AX$1,városok!$A$2:$C$346,3,0))^2)/1000,0)</f>
        <v>127</v>
      </c>
      <c r="AY65">
        <f ca="1">ROUND(SQRT((VLOOKUP($A65,városok!$A$2:$C$346,2,0)-VLOOKUP(AY$1,városok!$A$2:$C$346,2,0))^2+(VLOOKUP($A65,városok!$A$2:$C$346,3,0)-VLOOKUP(AY$1,városok!$A$2:$C$346,3,0))^2)/1000,0)</f>
        <v>134</v>
      </c>
      <c r="AZ65">
        <f ca="1">ROUND(SQRT((VLOOKUP($A65,városok!$A$2:$C$346,2,0)-VLOOKUP(AZ$1,városok!$A$2:$C$346,2,0))^2+(VLOOKUP($A65,városok!$A$2:$C$346,3,0)-VLOOKUP(AZ$1,városok!$A$2:$C$346,3,0))^2)/1000,0)</f>
        <v>139</v>
      </c>
      <c r="BA65">
        <f ca="1">ROUND(SQRT((VLOOKUP($A65,városok!$A$2:$C$346,2,0)-VLOOKUP(BA$1,városok!$A$2:$C$346,2,0))^2+(VLOOKUP($A65,városok!$A$2:$C$346,3,0)-VLOOKUP(BA$1,városok!$A$2:$C$346,3,0))^2)/1000,0)</f>
        <v>268</v>
      </c>
      <c r="BB65">
        <f ca="1">ROUND(SQRT((VLOOKUP($A65,városok!$A$2:$C$346,2,0)-VLOOKUP(BB$1,városok!$A$2:$C$346,2,0))^2+(VLOOKUP($A65,városok!$A$2:$C$346,3,0)-VLOOKUP(BB$1,városok!$A$2:$C$346,3,0))^2)/1000,0)</f>
        <v>267</v>
      </c>
      <c r="BC65">
        <f ca="1">ROUND(SQRT((VLOOKUP($A65,városok!$A$2:$C$346,2,0)-VLOOKUP(BC$1,városok!$A$2:$C$346,2,0))^2+(VLOOKUP($A65,városok!$A$2:$C$346,3,0)-VLOOKUP(BC$1,városok!$A$2:$C$346,3,0))^2)/1000,0)</f>
        <v>288</v>
      </c>
      <c r="BD65">
        <f ca="1">ROUND(SQRT((VLOOKUP($A65,városok!$A$2:$C$346,2,0)-VLOOKUP(BD$1,városok!$A$2:$C$346,2,0))^2+(VLOOKUP($A65,városok!$A$2:$C$346,3,0)-VLOOKUP(BD$1,városok!$A$2:$C$346,3,0))^2)/1000,0)</f>
        <v>237</v>
      </c>
      <c r="BE65">
        <f ca="1">ROUND(SQRT((VLOOKUP($A65,városok!$A$2:$C$346,2,0)-VLOOKUP(BE$1,városok!$A$2:$C$346,2,0))^2+(VLOOKUP($A65,városok!$A$2:$C$346,3,0)-VLOOKUP(BE$1,városok!$A$2:$C$346,3,0))^2)/1000,0)</f>
        <v>139</v>
      </c>
      <c r="BF65">
        <f ca="1">ROUND(SQRT((VLOOKUP($A65,városok!$A$2:$C$346,2,0)-VLOOKUP(BF$1,városok!$A$2:$C$346,2,0))^2+(VLOOKUP($A65,városok!$A$2:$C$346,3,0)-VLOOKUP(BF$1,városok!$A$2:$C$346,3,0))^2)/1000,0)</f>
        <v>99</v>
      </c>
      <c r="BG65">
        <f ca="1">ROUND(SQRT((VLOOKUP($A65,városok!$A$2:$C$346,2,0)-VLOOKUP(BG$1,városok!$A$2:$C$346,2,0))^2+(VLOOKUP($A65,városok!$A$2:$C$346,3,0)-VLOOKUP(BG$1,városok!$A$2:$C$346,3,0))^2)/1000,0)</f>
        <v>53</v>
      </c>
      <c r="BH65">
        <f ca="1">ROUND(SQRT((VLOOKUP($A65,városok!$A$2:$C$346,2,0)-VLOOKUP(BH$1,városok!$A$2:$C$346,2,0))^2+(VLOOKUP($A65,városok!$A$2:$C$346,3,0)-VLOOKUP(BH$1,városok!$A$2:$C$346,3,0))^2)/1000,0)</f>
        <v>53</v>
      </c>
      <c r="BI65">
        <f ca="1">ROUND(SQRT((VLOOKUP($A65,városok!$A$2:$C$346,2,0)-VLOOKUP(BI$1,városok!$A$2:$C$346,2,0))^2+(VLOOKUP($A65,városok!$A$2:$C$346,3,0)-VLOOKUP(BI$1,városok!$A$2:$C$346,3,0))^2)/1000,0)</f>
        <v>238</v>
      </c>
      <c r="BJ65">
        <f ca="1">ROUND(SQRT((VLOOKUP($A65,városok!$A$2:$C$346,2,0)-VLOOKUP(BJ$1,városok!$A$2:$C$346,2,0))^2+(VLOOKUP($A65,városok!$A$2:$C$346,3,0)-VLOOKUP(BJ$1,városok!$A$2:$C$346,3,0))^2)/1000,0)</f>
        <v>256</v>
      </c>
      <c r="BK65">
        <f ca="1">ROUND(SQRT((VLOOKUP($A65,városok!$A$2:$C$346,2,0)-VLOOKUP(BK$1,városok!$A$2:$C$346,2,0))^2+(VLOOKUP($A65,városok!$A$2:$C$346,3,0)-VLOOKUP(BK$1,városok!$A$2:$C$346,3,0))^2)/1000,0)</f>
        <v>238</v>
      </c>
      <c r="BL65">
        <f ca="1">ROUND(SQRT((VLOOKUP($A65,városok!$A$2:$C$346,2,0)-VLOOKUP(BL$1,városok!$A$2:$C$346,2,0))^2+(VLOOKUP($A65,városok!$A$2:$C$346,3,0)-VLOOKUP(BL$1,városok!$A$2:$C$346,3,0))^2)/1000,0)</f>
        <v>333</v>
      </c>
      <c r="BM65">
        <f ca="1">ROUND(SQRT((VLOOKUP($A65,városok!$A$2:$C$346,2,0)-VLOOKUP(BM$1,városok!$A$2:$C$346,2,0))^2+(VLOOKUP($A65,városok!$A$2:$C$346,3,0)-VLOOKUP(BM$1,városok!$A$2:$C$346,3,0))^2)/1000,0)</f>
        <v>301</v>
      </c>
      <c r="BN65">
        <f ca="1">ROUND(SQRT((VLOOKUP($A65,városok!$A$2:$C$346,2,0)-VLOOKUP(BN$1,városok!$A$2:$C$346,2,0))^2+(VLOOKUP($A65,városok!$A$2:$C$346,3,0)-VLOOKUP(BN$1,városok!$A$2:$C$346,3,0))^2)/1000,0)</f>
        <v>325</v>
      </c>
      <c r="BO65">
        <f ca="1">ROUND(SQRT((VLOOKUP($A65,városok!$A$2:$C$346,2,0)-VLOOKUP(BO$1,városok!$A$2:$C$346,2,0))^2+(VLOOKUP($A65,városok!$A$2:$C$346,3,0)-VLOOKUP(BO$1,városok!$A$2:$C$346,3,0))^2)/1000,0)</f>
        <v>234</v>
      </c>
      <c r="BP65">
        <f ca="1">ROUND(SQRT((VLOOKUP($A65,városok!$A$2:$C$346,2,0)-VLOOKUP(BP$1,városok!$A$2:$C$346,2,0))^2+(VLOOKUP($A65,városok!$A$2:$C$346,3,0)-VLOOKUP(BP$1,városok!$A$2:$C$346,3,0))^2)/1000,0)</f>
        <v>227</v>
      </c>
      <c r="BQ65">
        <f ca="1">ROUND(SQRT((VLOOKUP($A65,városok!$A$2:$C$346,2,0)-VLOOKUP(BQ$1,városok!$A$2:$C$346,2,0))^2+(VLOOKUP($A65,városok!$A$2:$C$346,3,0)-VLOOKUP(BQ$1,városok!$A$2:$C$346,3,0))^2)/1000,0)</f>
        <v>238</v>
      </c>
      <c r="BR65">
        <f ca="1">ROUND(SQRT((VLOOKUP($A65,városok!$A$2:$C$346,2,0)-VLOOKUP(BR$1,városok!$A$2:$C$346,2,0))^2+(VLOOKUP($A65,városok!$A$2:$C$346,3,0)-VLOOKUP(BR$1,városok!$A$2:$C$346,3,0))^2)/1000,0)</f>
        <v>298</v>
      </c>
      <c r="BS65">
        <f ca="1">ROUND(SQRT((VLOOKUP($A65,városok!$A$2:$C$346,2,0)-VLOOKUP(BS$1,városok!$A$2:$C$346,2,0))^2+(VLOOKUP($A65,városok!$A$2:$C$346,3,0)-VLOOKUP(BS$1,városok!$A$2:$C$346,3,0))^2)/1000,0)</f>
        <v>333</v>
      </c>
      <c r="BT65">
        <f ca="1">ROUND(SQRT((VLOOKUP($A65,városok!$A$2:$C$346,2,0)-VLOOKUP(BT$1,városok!$A$2:$C$346,2,0))^2+(VLOOKUP($A65,városok!$A$2:$C$346,3,0)-VLOOKUP(BT$1,városok!$A$2:$C$346,3,0))^2)/1000,0)</f>
        <v>324</v>
      </c>
    </row>
    <row r="66" spans="1:72" x14ac:dyDescent="0.2">
      <c r="A66" t="str">
        <f>városok!A66</f>
        <v>Encs</v>
      </c>
      <c r="B66">
        <f ca="1">ROUND(SQRT((VLOOKUP($A66,városok!$A$2:$C$346,2,0)-VLOOKUP(B$1,városok!$A$2:$C$346,2,0))^2+(VLOOKUP($A66,városok!$A$2:$C$346,3,0)-VLOOKUP(B$1,városok!$A$2:$C$346,3,0))^2)/1000,0)</f>
        <v>289</v>
      </c>
      <c r="C66">
        <f ca="1">ROUND(SQRT((VLOOKUP($A66,városok!$A$2:$C$346,2,0)-VLOOKUP(C$1,városok!$A$2:$C$346,2,0))^2+(VLOOKUP($A66,városok!$A$2:$C$346,3,0)-VLOOKUP(C$1,városok!$A$2:$C$346,3,0))^2)/1000,0)</f>
        <v>257</v>
      </c>
      <c r="D66">
        <f ca="1">ROUND(SQRT((VLOOKUP($A66,városok!$A$2:$C$346,2,0)-VLOOKUP(D$1,városok!$A$2:$C$346,2,0))^2+(VLOOKUP($A66,városok!$A$2:$C$346,3,0)-VLOOKUP(D$1,városok!$A$2:$C$346,3,0))^2)/1000,0)</f>
        <v>191</v>
      </c>
      <c r="E66">
        <f ca="1">ROUND(SQRT((VLOOKUP($A66,városok!$A$2:$C$346,2,0)-VLOOKUP(E$1,városok!$A$2:$C$346,2,0))^2+(VLOOKUP($A66,városok!$A$2:$C$346,3,0)-VLOOKUP(E$1,városok!$A$2:$C$346,3,0))^2)/1000,0)</f>
        <v>322</v>
      </c>
      <c r="F66">
        <f ca="1">ROUND(SQRT((VLOOKUP($A66,városok!$A$2:$C$346,2,0)-VLOOKUP(F$1,városok!$A$2:$C$346,2,0))^2+(VLOOKUP($A66,városok!$A$2:$C$346,3,0)-VLOOKUP(F$1,városok!$A$2:$C$346,3,0))^2)/1000,0)</f>
        <v>319</v>
      </c>
      <c r="G66">
        <f ca="1">ROUND(SQRT((VLOOKUP($A66,városok!$A$2:$C$346,2,0)-VLOOKUP(G$1,városok!$A$2:$C$346,2,0))^2+(VLOOKUP($A66,városok!$A$2:$C$346,3,0)-VLOOKUP(G$1,városok!$A$2:$C$346,3,0))^2)/1000,0)</f>
        <v>332</v>
      </c>
      <c r="H66">
        <f ca="1">ROUND(SQRT((VLOOKUP($A66,városok!$A$2:$C$346,2,0)-VLOOKUP(H$1,városok!$A$2:$C$346,2,0))^2+(VLOOKUP($A66,városok!$A$2:$C$346,3,0)-VLOOKUP(H$1,városok!$A$2:$C$346,3,0))^2)/1000,0)</f>
        <v>357</v>
      </c>
      <c r="I66">
        <f ca="1">ROUND(SQRT((VLOOKUP($A66,városok!$A$2:$C$346,2,0)-VLOOKUP(I$1,városok!$A$2:$C$346,2,0))^2+(VLOOKUP($A66,városok!$A$2:$C$346,3,0)-VLOOKUP(I$1,városok!$A$2:$C$346,3,0))^2)/1000,0)</f>
        <v>184</v>
      </c>
      <c r="J66">
        <f ca="1">ROUND(SQRT((VLOOKUP($A66,városok!$A$2:$C$346,2,0)-VLOOKUP(J$1,városok!$A$2:$C$346,2,0))^2+(VLOOKUP($A66,városok!$A$2:$C$346,3,0)-VLOOKUP(J$1,városok!$A$2:$C$346,3,0))^2)/1000,0)</f>
        <v>188</v>
      </c>
      <c r="K66">
        <f ca="1">ROUND(SQRT((VLOOKUP($A66,városok!$A$2:$C$346,2,0)-VLOOKUP(K$1,városok!$A$2:$C$346,2,0))^2+(VLOOKUP($A66,városok!$A$2:$C$346,3,0)-VLOOKUP(K$1,városok!$A$2:$C$346,3,0))^2)/1000,0)</f>
        <v>200</v>
      </c>
      <c r="L66">
        <f ca="1">ROUND(SQRT((VLOOKUP($A66,városok!$A$2:$C$346,2,0)-VLOOKUP(L$1,városok!$A$2:$C$346,2,0))^2+(VLOOKUP($A66,városok!$A$2:$C$346,3,0)-VLOOKUP(L$1,városok!$A$2:$C$346,3,0))^2)/1000,0)</f>
        <v>37</v>
      </c>
      <c r="M66">
        <f ca="1">ROUND(SQRT((VLOOKUP($A66,városok!$A$2:$C$346,2,0)-VLOOKUP(M$1,városok!$A$2:$C$346,2,0))^2+(VLOOKUP($A66,városok!$A$2:$C$346,3,0)-VLOOKUP(M$1,városok!$A$2:$C$346,3,0))^2)/1000,0)</f>
        <v>35</v>
      </c>
      <c r="N66">
        <f ca="1">ROUND(SQRT((VLOOKUP($A66,városok!$A$2:$C$346,2,0)-VLOOKUP(N$1,városok!$A$2:$C$346,2,0))^2+(VLOOKUP($A66,városok!$A$2:$C$346,3,0)-VLOOKUP(N$1,városok!$A$2:$C$346,3,0))^2)/1000,0)</f>
        <v>62</v>
      </c>
      <c r="O66">
        <f ca="1">ROUND(SQRT((VLOOKUP($A66,városok!$A$2:$C$346,2,0)-VLOOKUP(O$1,városok!$A$2:$C$346,2,0))^2+(VLOOKUP($A66,városok!$A$2:$C$346,3,0)-VLOOKUP(O$1,városok!$A$2:$C$346,3,0))^2)/1000,0)</f>
        <v>40</v>
      </c>
      <c r="P66">
        <f ca="1">ROUND(SQRT((VLOOKUP($A66,városok!$A$2:$C$346,2,0)-VLOOKUP(P$1,városok!$A$2:$C$346,2,0))^2+(VLOOKUP($A66,városok!$A$2:$C$346,3,0)-VLOOKUP(P$1,városok!$A$2:$C$346,3,0))^2)/1000,0)</f>
        <v>40</v>
      </c>
      <c r="Q66">
        <f ca="1">ROUND(SQRT((VLOOKUP($A66,városok!$A$2:$C$346,2,0)-VLOOKUP(Q$1,városok!$A$2:$C$346,2,0))^2+(VLOOKUP($A66,városok!$A$2:$C$346,3,0)-VLOOKUP(Q$1,városok!$A$2:$C$346,3,0))^2)/1000,0)</f>
        <v>221</v>
      </c>
      <c r="R66">
        <f ca="1">ROUND(SQRT((VLOOKUP($A66,városok!$A$2:$C$346,2,0)-VLOOKUP(R$1,városok!$A$2:$C$346,2,0))^2+(VLOOKUP($A66,városok!$A$2:$C$346,3,0)-VLOOKUP(R$1,városok!$A$2:$C$346,3,0))^2)/1000,0)</f>
        <v>240</v>
      </c>
      <c r="S66">
        <f ca="1">ROUND(SQRT((VLOOKUP($A66,városok!$A$2:$C$346,2,0)-VLOOKUP(S$1,városok!$A$2:$C$346,2,0))^2+(VLOOKUP($A66,városok!$A$2:$C$346,3,0)-VLOOKUP(S$1,városok!$A$2:$C$346,3,0))^2)/1000,0)</f>
        <v>243</v>
      </c>
      <c r="T66">
        <f ca="1">ROUND(SQRT((VLOOKUP($A66,városok!$A$2:$C$346,2,0)-VLOOKUP(T$1,városok!$A$2:$C$346,2,0))^2+(VLOOKUP($A66,városok!$A$2:$C$346,3,0)-VLOOKUP(T$1,városok!$A$2:$C$346,3,0))^2)/1000,0)</f>
        <v>208</v>
      </c>
      <c r="U66">
        <f ca="1">ROUND(SQRT((VLOOKUP($A66,városok!$A$2:$C$346,2,0)-VLOOKUP(U$1,városok!$A$2:$C$346,2,0))^2+(VLOOKUP($A66,városok!$A$2:$C$346,3,0)-VLOOKUP(U$1,városok!$A$2:$C$346,3,0))^2)/1000,0)</f>
        <v>223</v>
      </c>
      <c r="V66">
        <f ca="1">ROUND(SQRT((VLOOKUP($A66,városok!$A$2:$C$346,2,0)-VLOOKUP(V$1,városok!$A$2:$C$346,2,0))^2+(VLOOKUP($A66,városok!$A$2:$C$346,3,0)-VLOOKUP(V$1,városok!$A$2:$C$346,3,0))^2)/1000,0)</f>
        <v>254</v>
      </c>
      <c r="W66">
        <f ca="1">ROUND(SQRT((VLOOKUP($A66,városok!$A$2:$C$346,2,0)-VLOOKUP(W$1,városok!$A$2:$C$346,2,0))^2+(VLOOKUP($A66,városok!$A$2:$C$346,3,0)-VLOOKUP(W$1,városok!$A$2:$C$346,3,0))^2)/1000,0)</f>
        <v>247</v>
      </c>
      <c r="X66">
        <f ca="1">ROUND(SQRT((VLOOKUP($A66,városok!$A$2:$C$346,2,0)-VLOOKUP(X$1,városok!$A$2:$C$346,2,0))^2+(VLOOKUP($A66,városok!$A$2:$C$346,3,0)-VLOOKUP(X$1,városok!$A$2:$C$346,3,0))^2)/1000,0)</f>
        <v>239</v>
      </c>
      <c r="Y66">
        <f ca="1">ROUND(SQRT((VLOOKUP($A66,városok!$A$2:$C$346,2,0)-VLOOKUP(Y$1,városok!$A$2:$C$346,2,0))^2+(VLOOKUP($A66,városok!$A$2:$C$346,3,0)-VLOOKUP(Y$1,városok!$A$2:$C$346,3,0))^2)/1000,0)</f>
        <v>269</v>
      </c>
      <c r="Z66">
        <f ca="1">ROUND(SQRT((VLOOKUP($A66,városok!$A$2:$C$346,2,0)-VLOOKUP(Z$1,városok!$A$2:$C$346,2,0))^2+(VLOOKUP($A66,városok!$A$2:$C$346,3,0)-VLOOKUP(Z$1,városok!$A$2:$C$346,3,0))^2)/1000,0)</f>
        <v>286</v>
      </c>
      <c r="AA66">
        <f ca="1">ROUND(SQRT((VLOOKUP($A66,városok!$A$2:$C$346,2,0)-VLOOKUP(AA$1,városok!$A$2:$C$346,2,0))^2+(VLOOKUP($A66,városok!$A$2:$C$346,3,0)-VLOOKUP(AA$1,városok!$A$2:$C$346,3,0))^2)/1000,0)</f>
        <v>346</v>
      </c>
      <c r="AB66">
        <f ca="1">ROUND(SQRT((VLOOKUP($A66,városok!$A$2:$C$346,2,0)-VLOOKUP(AB$1,városok!$A$2:$C$346,2,0))^2+(VLOOKUP($A66,városok!$A$2:$C$346,3,0)-VLOOKUP(AB$1,városok!$A$2:$C$346,3,0))^2)/1000,0)</f>
        <v>97</v>
      </c>
      <c r="AC66">
        <f ca="1">ROUND(SQRT((VLOOKUP($A66,városok!$A$2:$C$346,2,0)-VLOOKUP(AC$1,városok!$A$2:$C$346,2,0))^2+(VLOOKUP($A66,városok!$A$2:$C$346,3,0)-VLOOKUP(AC$1,városok!$A$2:$C$346,3,0))^2)/1000,0)</f>
        <v>101</v>
      </c>
      <c r="AD66">
        <f ca="1">ROUND(SQRT((VLOOKUP($A66,városok!$A$2:$C$346,2,0)-VLOOKUP(AD$1,városok!$A$2:$C$346,2,0))^2+(VLOOKUP($A66,városok!$A$2:$C$346,3,0)-VLOOKUP(AD$1,városok!$A$2:$C$346,3,0))^2)/1000,0)</f>
        <v>101</v>
      </c>
      <c r="AE66">
        <f ca="1">ROUND(SQRT((VLOOKUP($A66,városok!$A$2:$C$346,2,0)-VLOOKUP(AE$1,városok!$A$2:$C$346,2,0))^2+(VLOOKUP($A66,városok!$A$2:$C$346,3,0)-VLOOKUP(AE$1,városok!$A$2:$C$346,3,0))^2)/1000,0)</f>
        <v>117</v>
      </c>
      <c r="AF66">
        <f ca="1">ROUND(SQRT((VLOOKUP($A66,városok!$A$2:$C$346,2,0)-VLOOKUP(AF$1,városok!$A$2:$C$346,2,0))^2+(VLOOKUP($A66,városok!$A$2:$C$346,3,0)-VLOOKUP(AF$1,városok!$A$2:$C$346,3,0))^2)/1000,0)</f>
        <v>73</v>
      </c>
      <c r="AG66">
        <f ca="1">ROUND(SQRT((VLOOKUP($A66,városok!$A$2:$C$346,2,0)-VLOOKUP(AG$1,városok!$A$2:$C$346,2,0))^2+(VLOOKUP($A66,városok!$A$2:$C$346,3,0)-VLOOKUP(AG$1,városok!$A$2:$C$346,3,0))^2)/1000,0)</f>
        <v>108</v>
      </c>
      <c r="AH66">
        <f ca="1">ROUND(SQRT((VLOOKUP($A66,városok!$A$2:$C$346,2,0)-VLOOKUP(AH$1,városok!$A$2:$C$346,2,0))^2+(VLOOKUP($A66,városok!$A$2:$C$346,3,0)-VLOOKUP(AH$1,városok!$A$2:$C$346,3,0))^2)/1000,0)</f>
        <v>130</v>
      </c>
      <c r="AI66">
        <f ca="1">ROUND(SQRT((VLOOKUP($A66,városok!$A$2:$C$346,2,0)-VLOOKUP(AI$1,városok!$A$2:$C$346,2,0))^2+(VLOOKUP($A66,városok!$A$2:$C$346,3,0)-VLOOKUP(AI$1,városok!$A$2:$C$346,3,0))^2)/1000,0)</f>
        <v>83</v>
      </c>
      <c r="AJ66">
        <f ca="1">ROUND(SQRT((VLOOKUP($A66,városok!$A$2:$C$346,2,0)-VLOOKUP(AJ$1,városok!$A$2:$C$346,2,0))^2+(VLOOKUP($A66,városok!$A$2:$C$346,3,0)-VLOOKUP(AJ$1,városok!$A$2:$C$346,3,0))^2)/1000,0)</f>
        <v>114</v>
      </c>
      <c r="AK66">
        <f ca="1">ROUND(SQRT((VLOOKUP($A66,városok!$A$2:$C$346,2,0)-VLOOKUP(AK$1,városok!$A$2:$C$346,2,0))^2+(VLOOKUP($A66,városok!$A$2:$C$346,3,0)-VLOOKUP(AK$1,városok!$A$2:$C$346,3,0))^2)/1000,0)</f>
        <v>117</v>
      </c>
      <c r="AL66">
        <f ca="1">ROUND(SQRT((VLOOKUP($A66,városok!$A$2:$C$346,2,0)-VLOOKUP(AL$1,városok!$A$2:$C$346,2,0))^2+(VLOOKUP($A66,városok!$A$2:$C$346,3,0)-VLOOKUP(AL$1,városok!$A$2:$C$346,3,0))^2)/1000,0)</f>
        <v>113</v>
      </c>
      <c r="AM66">
        <f ca="1">ROUND(SQRT((VLOOKUP($A66,városok!$A$2:$C$346,2,0)-VLOOKUP(AM$1,városok!$A$2:$C$346,2,0))^2+(VLOOKUP($A66,városok!$A$2:$C$346,3,0)-VLOOKUP(AM$1,városok!$A$2:$C$346,3,0))^2)/1000,0)</f>
        <v>146</v>
      </c>
      <c r="AN66">
        <f ca="1">ROUND(SQRT((VLOOKUP($A66,városok!$A$2:$C$346,2,0)-VLOOKUP(AN$1,városok!$A$2:$C$346,2,0))^2+(VLOOKUP($A66,városok!$A$2:$C$346,3,0)-VLOOKUP(AN$1,városok!$A$2:$C$346,3,0))^2)/1000,0)</f>
        <v>187</v>
      </c>
      <c r="AO66">
        <f ca="1">ROUND(SQRT((VLOOKUP($A66,városok!$A$2:$C$346,2,0)-VLOOKUP(AO$1,városok!$A$2:$C$346,2,0))^2+(VLOOKUP($A66,városok!$A$2:$C$346,3,0)-VLOOKUP(AO$1,városok!$A$2:$C$346,3,0))^2)/1000,0)</f>
        <v>233</v>
      </c>
      <c r="AP66">
        <f ca="1">ROUND(SQRT((VLOOKUP($A66,városok!$A$2:$C$346,2,0)-VLOOKUP(AP$1,városok!$A$2:$C$346,2,0))^2+(VLOOKUP($A66,városok!$A$2:$C$346,3,0)-VLOOKUP(AP$1,városok!$A$2:$C$346,3,0))^2)/1000,0)</f>
        <v>221</v>
      </c>
      <c r="AQ66">
        <f ca="1">ROUND(SQRT((VLOOKUP($A66,városok!$A$2:$C$346,2,0)-VLOOKUP(AQ$1,városok!$A$2:$C$346,2,0))^2+(VLOOKUP($A66,városok!$A$2:$C$346,3,0)-VLOOKUP(AQ$1,városok!$A$2:$C$346,3,0))^2)/1000,0)</f>
        <v>219</v>
      </c>
      <c r="AR66">
        <f ca="1">ROUND(SQRT((VLOOKUP($A66,városok!$A$2:$C$346,2,0)-VLOOKUP(AR$1,városok!$A$2:$C$346,2,0))^2+(VLOOKUP($A66,városok!$A$2:$C$346,3,0)-VLOOKUP(AR$1,városok!$A$2:$C$346,3,0))^2)/1000,0)</f>
        <v>115</v>
      </c>
      <c r="AS66">
        <f ca="1">ROUND(SQRT((VLOOKUP($A66,városok!$A$2:$C$346,2,0)-VLOOKUP(AS$1,városok!$A$2:$C$346,2,0))^2+(VLOOKUP($A66,városok!$A$2:$C$346,3,0)-VLOOKUP(AS$1,városok!$A$2:$C$346,3,0))^2)/1000,0)</f>
        <v>100</v>
      </c>
      <c r="AT66">
        <f ca="1">ROUND(SQRT((VLOOKUP($A66,városok!$A$2:$C$346,2,0)-VLOOKUP(AT$1,városok!$A$2:$C$346,2,0))^2+(VLOOKUP($A66,városok!$A$2:$C$346,3,0)-VLOOKUP(AT$1,városok!$A$2:$C$346,3,0))^2)/1000,0)</f>
        <v>197</v>
      </c>
      <c r="AU66">
        <f ca="1">ROUND(SQRT((VLOOKUP($A66,városok!$A$2:$C$346,2,0)-VLOOKUP(AU$1,városok!$A$2:$C$346,2,0))^2+(VLOOKUP($A66,városok!$A$2:$C$346,3,0)-VLOOKUP(AU$1,városok!$A$2:$C$346,3,0))^2)/1000,0)</f>
        <v>188</v>
      </c>
      <c r="AV66">
        <f ca="1">ROUND(SQRT((VLOOKUP($A66,városok!$A$2:$C$346,2,0)-VLOOKUP(AV$1,városok!$A$2:$C$346,2,0))^2+(VLOOKUP($A66,városok!$A$2:$C$346,3,0)-VLOOKUP(AV$1,városok!$A$2:$C$346,3,0))^2)/1000,0)</f>
        <v>192</v>
      </c>
      <c r="AW66">
        <f ca="1">ROUND(SQRT((VLOOKUP($A66,városok!$A$2:$C$346,2,0)-VLOOKUP(AW$1,városok!$A$2:$C$346,2,0))^2+(VLOOKUP($A66,városok!$A$2:$C$346,3,0)-VLOOKUP(AW$1,városok!$A$2:$C$346,3,0))^2)/1000,0)</f>
        <v>195</v>
      </c>
      <c r="AX66">
        <f ca="1">ROUND(SQRT((VLOOKUP($A66,városok!$A$2:$C$346,2,0)-VLOOKUP(AX$1,városok!$A$2:$C$346,2,0))^2+(VLOOKUP($A66,városok!$A$2:$C$346,3,0)-VLOOKUP(AX$1,városok!$A$2:$C$346,3,0))^2)/1000,0)</f>
        <v>176</v>
      </c>
      <c r="AY66">
        <f ca="1">ROUND(SQRT((VLOOKUP($A66,városok!$A$2:$C$346,2,0)-VLOOKUP(AY$1,városok!$A$2:$C$346,2,0))^2+(VLOOKUP($A66,városok!$A$2:$C$346,3,0)-VLOOKUP(AY$1,városok!$A$2:$C$346,3,0))^2)/1000,0)</f>
        <v>169</v>
      </c>
      <c r="AZ66">
        <f ca="1">ROUND(SQRT((VLOOKUP($A66,városok!$A$2:$C$346,2,0)-VLOOKUP(AZ$1,városok!$A$2:$C$346,2,0))^2+(VLOOKUP($A66,városok!$A$2:$C$346,3,0)-VLOOKUP(AZ$1,városok!$A$2:$C$346,3,0))^2)/1000,0)</f>
        <v>171</v>
      </c>
      <c r="BA66">
        <f ca="1">ROUND(SQRT((VLOOKUP($A66,városok!$A$2:$C$346,2,0)-VLOOKUP(BA$1,városok!$A$2:$C$346,2,0))^2+(VLOOKUP($A66,városok!$A$2:$C$346,3,0)-VLOOKUP(BA$1,városok!$A$2:$C$346,3,0))^2)/1000,0)</f>
        <v>309</v>
      </c>
      <c r="BB66">
        <f ca="1">ROUND(SQRT((VLOOKUP($A66,városok!$A$2:$C$346,2,0)-VLOOKUP(BB$1,városok!$A$2:$C$346,2,0))^2+(VLOOKUP($A66,városok!$A$2:$C$346,3,0)-VLOOKUP(BB$1,városok!$A$2:$C$346,3,0))^2)/1000,0)</f>
        <v>312</v>
      </c>
      <c r="BC66">
        <f ca="1">ROUND(SQRT((VLOOKUP($A66,városok!$A$2:$C$346,2,0)-VLOOKUP(BC$1,városok!$A$2:$C$346,2,0))^2+(VLOOKUP($A66,városok!$A$2:$C$346,3,0)-VLOOKUP(BC$1,városok!$A$2:$C$346,3,0))^2)/1000,0)</f>
        <v>333</v>
      </c>
      <c r="BD66">
        <f ca="1">ROUND(SQRT((VLOOKUP($A66,városok!$A$2:$C$346,2,0)-VLOOKUP(BD$1,városok!$A$2:$C$346,2,0))^2+(VLOOKUP($A66,városok!$A$2:$C$346,3,0)-VLOOKUP(BD$1,városok!$A$2:$C$346,3,0))^2)/1000,0)</f>
        <v>279</v>
      </c>
      <c r="BE66">
        <f ca="1">ROUND(SQRT((VLOOKUP($A66,városok!$A$2:$C$346,2,0)-VLOOKUP(BE$1,városok!$A$2:$C$346,2,0))^2+(VLOOKUP($A66,városok!$A$2:$C$346,3,0)-VLOOKUP(BE$1,városok!$A$2:$C$346,3,0))^2)/1000,0)</f>
        <v>128</v>
      </c>
      <c r="BF66">
        <f ca="1">ROUND(SQRT((VLOOKUP($A66,városok!$A$2:$C$346,2,0)-VLOOKUP(BF$1,városok!$A$2:$C$346,2,0))^2+(VLOOKUP($A66,városok!$A$2:$C$346,3,0)-VLOOKUP(BF$1,városok!$A$2:$C$346,3,0))^2)/1000,0)</f>
        <v>72</v>
      </c>
      <c r="BG66">
        <f ca="1">ROUND(SQRT((VLOOKUP($A66,városok!$A$2:$C$346,2,0)-VLOOKUP(BG$1,városok!$A$2:$C$346,2,0))^2+(VLOOKUP($A66,városok!$A$2:$C$346,3,0)-VLOOKUP(BG$1,városok!$A$2:$C$346,3,0))^2)/1000,0)</f>
        <v>35</v>
      </c>
      <c r="BH66">
        <f ca="1">ROUND(SQRT((VLOOKUP($A66,városok!$A$2:$C$346,2,0)-VLOOKUP(BH$1,városok!$A$2:$C$346,2,0))^2+(VLOOKUP($A66,városok!$A$2:$C$346,3,0)-VLOOKUP(BH$1,városok!$A$2:$C$346,3,0))^2)/1000,0)</f>
        <v>35</v>
      </c>
      <c r="BI66">
        <f ca="1">ROUND(SQRT((VLOOKUP($A66,városok!$A$2:$C$346,2,0)-VLOOKUP(BI$1,városok!$A$2:$C$346,2,0))^2+(VLOOKUP($A66,városok!$A$2:$C$346,3,0)-VLOOKUP(BI$1,városok!$A$2:$C$346,3,0))^2)/1000,0)</f>
        <v>286</v>
      </c>
      <c r="BJ66">
        <f ca="1">ROUND(SQRT((VLOOKUP($A66,városok!$A$2:$C$346,2,0)-VLOOKUP(BJ$1,városok!$A$2:$C$346,2,0))^2+(VLOOKUP($A66,városok!$A$2:$C$346,3,0)-VLOOKUP(BJ$1,városok!$A$2:$C$346,3,0))^2)/1000,0)</f>
        <v>304</v>
      </c>
      <c r="BK66">
        <f ca="1">ROUND(SQRT((VLOOKUP($A66,városok!$A$2:$C$346,2,0)-VLOOKUP(BK$1,városok!$A$2:$C$346,2,0))^2+(VLOOKUP($A66,városok!$A$2:$C$346,3,0)-VLOOKUP(BK$1,városok!$A$2:$C$346,3,0))^2)/1000,0)</f>
        <v>286</v>
      </c>
      <c r="BL66">
        <f ca="1">ROUND(SQRT((VLOOKUP($A66,városok!$A$2:$C$346,2,0)-VLOOKUP(BL$1,városok!$A$2:$C$346,2,0))^2+(VLOOKUP($A66,városok!$A$2:$C$346,3,0)-VLOOKUP(BL$1,városok!$A$2:$C$346,3,0))^2)/1000,0)</f>
        <v>369</v>
      </c>
      <c r="BM66">
        <f ca="1">ROUND(SQRT((VLOOKUP($A66,városok!$A$2:$C$346,2,0)-VLOOKUP(BM$1,városok!$A$2:$C$346,2,0))^2+(VLOOKUP($A66,városok!$A$2:$C$346,3,0)-VLOOKUP(BM$1,városok!$A$2:$C$346,3,0))^2)/1000,0)</f>
        <v>335</v>
      </c>
      <c r="BN66">
        <f ca="1">ROUND(SQRT((VLOOKUP($A66,városok!$A$2:$C$346,2,0)-VLOOKUP(BN$1,városok!$A$2:$C$346,2,0))^2+(VLOOKUP($A66,városok!$A$2:$C$346,3,0)-VLOOKUP(BN$1,városok!$A$2:$C$346,3,0))^2)/1000,0)</f>
        <v>358</v>
      </c>
      <c r="BO66">
        <f ca="1">ROUND(SQRT((VLOOKUP($A66,városok!$A$2:$C$346,2,0)-VLOOKUP(BO$1,városok!$A$2:$C$346,2,0))^2+(VLOOKUP($A66,városok!$A$2:$C$346,3,0)-VLOOKUP(BO$1,városok!$A$2:$C$346,3,0))^2)/1000,0)</f>
        <v>274</v>
      </c>
      <c r="BP66">
        <f ca="1">ROUND(SQRT((VLOOKUP($A66,városok!$A$2:$C$346,2,0)-VLOOKUP(BP$1,városok!$A$2:$C$346,2,0))^2+(VLOOKUP($A66,városok!$A$2:$C$346,3,0)-VLOOKUP(BP$1,városok!$A$2:$C$346,3,0))^2)/1000,0)</f>
        <v>268</v>
      </c>
      <c r="BQ66">
        <f ca="1">ROUND(SQRT((VLOOKUP($A66,városok!$A$2:$C$346,2,0)-VLOOKUP(BQ$1,városok!$A$2:$C$346,2,0))^2+(VLOOKUP($A66,városok!$A$2:$C$346,3,0)-VLOOKUP(BQ$1,városok!$A$2:$C$346,3,0))^2)/1000,0)</f>
        <v>277</v>
      </c>
      <c r="BR66">
        <f ca="1">ROUND(SQRT((VLOOKUP($A66,városok!$A$2:$C$346,2,0)-VLOOKUP(BR$1,városok!$A$2:$C$346,2,0))^2+(VLOOKUP($A66,városok!$A$2:$C$346,3,0)-VLOOKUP(BR$1,városok!$A$2:$C$346,3,0))^2)/1000,0)</f>
        <v>338</v>
      </c>
      <c r="BS66">
        <f ca="1">ROUND(SQRT((VLOOKUP($A66,városok!$A$2:$C$346,2,0)-VLOOKUP(BS$1,városok!$A$2:$C$346,2,0))^2+(VLOOKUP($A66,városok!$A$2:$C$346,3,0)-VLOOKUP(BS$1,városok!$A$2:$C$346,3,0))^2)/1000,0)</f>
        <v>375</v>
      </c>
      <c r="BT66">
        <f ca="1">ROUND(SQRT((VLOOKUP($A66,városok!$A$2:$C$346,2,0)-VLOOKUP(BT$1,városok!$A$2:$C$346,2,0))^2+(VLOOKUP($A66,városok!$A$2:$C$346,3,0)-VLOOKUP(BT$1,városok!$A$2:$C$346,3,0))^2)/1000,0)</f>
        <v>362</v>
      </c>
    </row>
    <row r="67" spans="1:72" x14ac:dyDescent="0.2">
      <c r="A67" t="str">
        <f>városok!A67</f>
        <v>Felsőzsolca</v>
      </c>
      <c r="B67">
        <f ca="1">ROUND(SQRT((VLOOKUP($A67,városok!$A$2:$C$346,2,0)-VLOOKUP(B$1,városok!$A$2:$C$346,2,0))^2+(VLOOKUP($A67,városok!$A$2:$C$346,3,0)-VLOOKUP(B$1,városok!$A$2:$C$346,3,0))^2)/1000,0)</f>
        <v>257</v>
      </c>
      <c r="C67">
        <f ca="1">ROUND(SQRT((VLOOKUP($A67,városok!$A$2:$C$346,2,0)-VLOOKUP(C$1,városok!$A$2:$C$346,2,0))^2+(VLOOKUP($A67,városok!$A$2:$C$346,3,0)-VLOOKUP(C$1,városok!$A$2:$C$346,3,0))^2)/1000,0)</f>
        <v>226</v>
      </c>
      <c r="D67">
        <f ca="1">ROUND(SQRT((VLOOKUP($A67,városok!$A$2:$C$346,2,0)-VLOOKUP(D$1,városok!$A$2:$C$346,2,0))^2+(VLOOKUP($A67,városok!$A$2:$C$346,3,0)-VLOOKUP(D$1,városok!$A$2:$C$346,3,0))^2)/1000,0)</f>
        <v>159</v>
      </c>
      <c r="E67">
        <f ca="1">ROUND(SQRT((VLOOKUP($A67,városok!$A$2:$C$346,2,0)-VLOOKUP(E$1,városok!$A$2:$C$346,2,0))^2+(VLOOKUP($A67,városok!$A$2:$C$346,3,0)-VLOOKUP(E$1,városok!$A$2:$C$346,3,0))^2)/1000,0)</f>
        <v>290</v>
      </c>
      <c r="F67">
        <f ca="1">ROUND(SQRT((VLOOKUP($A67,városok!$A$2:$C$346,2,0)-VLOOKUP(F$1,városok!$A$2:$C$346,2,0))^2+(VLOOKUP($A67,városok!$A$2:$C$346,3,0)-VLOOKUP(F$1,városok!$A$2:$C$346,3,0))^2)/1000,0)</f>
        <v>287</v>
      </c>
      <c r="G67">
        <f ca="1">ROUND(SQRT((VLOOKUP($A67,városok!$A$2:$C$346,2,0)-VLOOKUP(G$1,városok!$A$2:$C$346,2,0))^2+(VLOOKUP($A67,városok!$A$2:$C$346,3,0)-VLOOKUP(G$1,városok!$A$2:$C$346,3,0))^2)/1000,0)</f>
        <v>300</v>
      </c>
      <c r="H67">
        <f ca="1">ROUND(SQRT((VLOOKUP($A67,városok!$A$2:$C$346,2,0)-VLOOKUP(H$1,városok!$A$2:$C$346,2,0))^2+(VLOOKUP($A67,városok!$A$2:$C$346,3,0)-VLOOKUP(H$1,városok!$A$2:$C$346,3,0))^2)/1000,0)</f>
        <v>326</v>
      </c>
      <c r="I67">
        <f ca="1">ROUND(SQRT((VLOOKUP($A67,városok!$A$2:$C$346,2,0)-VLOOKUP(I$1,városok!$A$2:$C$346,2,0))^2+(VLOOKUP($A67,városok!$A$2:$C$346,3,0)-VLOOKUP(I$1,városok!$A$2:$C$346,3,0))^2)/1000,0)</f>
        <v>160</v>
      </c>
      <c r="J67">
        <f ca="1">ROUND(SQRT((VLOOKUP($A67,városok!$A$2:$C$346,2,0)-VLOOKUP(J$1,városok!$A$2:$C$346,2,0))^2+(VLOOKUP($A67,városok!$A$2:$C$346,3,0)-VLOOKUP(J$1,városok!$A$2:$C$346,3,0))^2)/1000,0)</f>
        <v>165</v>
      </c>
      <c r="K67">
        <f ca="1">ROUND(SQRT((VLOOKUP($A67,városok!$A$2:$C$346,2,0)-VLOOKUP(K$1,városok!$A$2:$C$346,2,0))^2+(VLOOKUP($A67,városok!$A$2:$C$346,3,0)-VLOOKUP(K$1,városok!$A$2:$C$346,3,0))^2)/1000,0)</f>
        <v>172</v>
      </c>
      <c r="L67">
        <f ca="1">ROUND(SQRT((VLOOKUP($A67,városok!$A$2:$C$346,2,0)-VLOOKUP(L$1,városok!$A$2:$C$346,2,0))^2+(VLOOKUP($A67,városok!$A$2:$C$346,3,0)-VLOOKUP(L$1,városok!$A$2:$C$346,3,0))^2)/1000,0)</f>
        <v>23</v>
      </c>
      <c r="M67">
        <f ca="1">ROUND(SQRT((VLOOKUP($A67,városok!$A$2:$C$346,2,0)-VLOOKUP(M$1,városok!$A$2:$C$346,2,0))^2+(VLOOKUP($A67,városok!$A$2:$C$346,3,0)-VLOOKUP(M$1,városok!$A$2:$C$346,3,0))^2)/1000,0)</f>
        <v>5</v>
      </c>
      <c r="N67">
        <f ca="1">ROUND(SQRT((VLOOKUP($A67,városok!$A$2:$C$346,2,0)-VLOOKUP(N$1,városok!$A$2:$C$346,2,0))^2+(VLOOKUP($A67,városok!$A$2:$C$346,3,0)-VLOOKUP(N$1,városok!$A$2:$C$346,3,0))^2)/1000,0)</f>
        <v>44</v>
      </c>
      <c r="O67">
        <f ca="1">ROUND(SQRT((VLOOKUP($A67,városok!$A$2:$C$346,2,0)-VLOOKUP(O$1,városok!$A$2:$C$346,2,0))^2+(VLOOKUP($A67,városok!$A$2:$C$346,3,0)-VLOOKUP(O$1,városok!$A$2:$C$346,3,0))^2)/1000,0)</f>
        <v>67</v>
      </c>
      <c r="P67">
        <f ca="1">ROUND(SQRT((VLOOKUP($A67,városok!$A$2:$C$346,2,0)-VLOOKUP(P$1,városok!$A$2:$C$346,2,0))^2+(VLOOKUP($A67,városok!$A$2:$C$346,3,0)-VLOOKUP(P$1,városok!$A$2:$C$346,3,0))^2)/1000,0)</f>
        <v>67</v>
      </c>
      <c r="Q67">
        <f ca="1">ROUND(SQRT((VLOOKUP($A67,városok!$A$2:$C$346,2,0)-VLOOKUP(Q$1,városok!$A$2:$C$346,2,0))^2+(VLOOKUP($A67,városok!$A$2:$C$346,3,0)-VLOOKUP(Q$1,városok!$A$2:$C$346,3,0))^2)/1000,0)</f>
        <v>192</v>
      </c>
      <c r="R67">
        <f ca="1">ROUND(SQRT((VLOOKUP($A67,városok!$A$2:$C$346,2,0)-VLOOKUP(R$1,városok!$A$2:$C$346,2,0))^2+(VLOOKUP($A67,városok!$A$2:$C$346,3,0)-VLOOKUP(R$1,városok!$A$2:$C$346,3,0))^2)/1000,0)</f>
        <v>212</v>
      </c>
      <c r="S67">
        <f ca="1">ROUND(SQRT((VLOOKUP($A67,városok!$A$2:$C$346,2,0)-VLOOKUP(S$1,városok!$A$2:$C$346,2,0))^2+(VLOOKUP($A67,városok!$A$2:$C$346,3,0)-VLOOKUP(S$1,városok!$A$2:$C$346,3,0))^2)/1000,0)</f>
        <v>213</v>
      </c>
      <c r="T67">
        <f ca="1">ROUND(SQRT((VLOOKUP($A67,városok!$A$2:$C$346,2,0)-VLOOKUP(T$1,városok!$A$2:$C$346,2,0))^2+(VLOOKUP($A67,városok!$A$2:$C$346,3,0)-VLOOKUP(T$1,városok!$A$2:$C$346,3,0))^2)/1000,0)</f>
        <v>180</v>
      </c>
      <c r="U67">
        <f ca="1">ROUND(SQRT((VLOOKUP($A67,városok!$A$2:$C$346,2,0)-VLOOKUP(U$1,városok!$A$2:$C$346,2,0))^2+(VLOOKUP($A67,városok!$A$2:$C$346,3,0)-VLOOKUP(U$1,városok!$A$2:$C$346,3,0))^2)/1000,0)</f>
        <v>192</v>
      </c>
      <c r="V67">
        <f ca="1">ROUND(SQRT((VLOOKUP($A67,városok!$A$2:$C$346,2,0)-VLOOKUP(V$1,városok!$A$2:$C$346,2,0))^2+(VLOOKUP($A67,városok!$A$2:$C$346,3,0)-VLOOKUP(V$1,városok!$A$2:$C$346,3,0))^2)/1000,0)</f>
        <v>224</v>
      </c>
      <c r="W67">
        <f ca="1">ROUND(SQRT((VLOOKUP($A67,városok!$A$2:$C$346,2,0)-VLOOKUP(W$1,városok!$A$2:$C$346,2,0))^2+(VLOOKUP($A67,városok!$A$2:$C$346,3,0)-VLOOKUP(W$1,városok!$A$2:$C$346,3,0))^2)/1000,0)</f>
        <v>216</v>
      </c>
      <c r="X67">
        <f ca="1">ROUND(SQRT((VLOOKUP($A67,városok!$A$2:$C$346,2,0)-VLOOKUP(X$1,városok!$A$2:$C$346,2,0))^2+(VLOOKUP($A67,városok!$A$2:$C$346,3,0)-VLOOKUP(X$1,városok!$A$2:$C$346,3,0))^2)/1000,0)</f>
        <v>210</v>
      </c>
      <c r="Y67">
        <f ca="1">ROUND(SQRT((VLOOKUP($A67,városok!$A$2:$C$346,2,0)-VLOOKUP(Y$1,városok!$A$2:$C$346,2,0))^2+(VLOOKUP($A67,városok!$A$2:$C$346,3,0)-VLOOKUP(Y$1,városok!$A$2:$C$346,3,0))^2)/1000,0)</f>
        <v>245</v>
      </c>
      <c r="Z67">
        <f ca="1">ROUND(SQRT((VLOOKUP($A67,városok!$A$2:$C$346,2,0)-VLOOKUP(Z$1,városok!$A$2:$C$346,2,0))^2+(VLOOKUP($A67,városok!$A$2:$C$346,3,0)-VLOOKUP(Z$1,városok!$A$2:$C$346,3,0))^2)/1000,0)</f>
        <v>262</v>
      </c>
      <c r="AA67">
        <f ca="1">ROUND(SQRT((VLOOKUP($A67,városok!$A$2:$C$346,2,0)-VLOOKUP(AA$1,városok!$A$2:$C$346,2,0))^2+(VLOOKUP($A67,városok!$A$2:$C$346,3,0)-VLOOKUP(AA$1,városok!$A$2:$C$346,3,0))^2)/1000,0)</f>
        <v>323</v>
      </c>
      <c r="AB67">
        <f ca="1">ROUND(SQRT((VLOOKUP($A67,városok!$A$2:$C$346,2,0)-VLOOKUP(AB$1,városok!$A$2:$C$346,2,0))^2+(VLOOKUP($A67,városok!$A$2:$C$346,3,0)-VLOOKUP(AB$1,városok!$A$2:$C$346,3,0))^2)/1000,0)</f>
        <v>87</v>
      </c>
      <c r="AC67">
        <f ca="1">ROUND(SQRT((VLOOKUP($A67,városok!$A$2:$C$346,2,0)-VLOOKUP(AC$1,városok!$A$2:$C$346,2,0))^2+(VLOOKUP($A67,városok!$A$2:$C$346,3,0)-VLOOKUP(AC$1,városok!$A$2:$C$346,3,0))^2)/1000,0)</f>
        <v>84</v>
      </c>
      <c r="AD67">
        <f ca="1">ROUND(SQRT((VLOOKUP($A67,városok!$A$2:$C$346,2,0)-VLOOKUP(AD$1,városok!$A$2:$C$346,2,0))^2+(VLOOKUP($A67,városok!$A$2:$C$346,3,0)-VLOOKUP(AD$1,városok!$A$2:$C$346,3,0))^2)/1000,0)</f>
        <v>79</v>
      </c>
      <c r="AE67">
        <f ca="1">ROUND(SQRT((VLOOKUP($A67,városok!$A$2:$C$346,2,0)-VLOOKUP(AE$1,városok!$A$2:$C$346,2,0))^2+(VLOOKUP($A67,városok!$A$2:$C$346,3,0)-VLOOKUP(AE$1,városok!$A$2:$C$346,3,0))^2)/1000,0)</f>
        <v>94</v>
      </c>
      <c r="AF67">
        <f ca="1">ROUND(SQRT((VLOOKUP($A67,városok!$A$2:$C$346,2,0)-VLOOKUP(AF$1,városok!$A$2:$C$346,2,0))^2+(VLOOKUP($A67,városok!$A$2:$C$346,3,0)-VLOOKUP(AF$1,városok!$A$2:$C$346,3,0))^2)/1000,0)</f>
        <v>42</v>
      </c>
      <c r="AG67">
        <f ca="1">ROUND(SQRT((VLOOKUP($A67,városok!$A$2:$C$346,2,0)-VLOOKUP(AG$1,városok!$A$2:$C$346,2,0))^2+(VLOOKUP($A67,városok!$A$2:$C$346,3,0)-VLOOKUP(AG$1,városok!$A$2:$C$346,3,0))^2)/1000,0)</f>
        <v>78</v>
      </c>
      <c r="AH67">
        <f ca="1">ROUND(SQRT((VLOOKUP($A67,városok!$A$2:$C$346,2,0)-VLOOKUP(AH$1,városok!$A$2:$C$346,2,0))^2+(VLOOKUP($A67,városok!$A$2:$C$346,3,0)-VLOOKUP(AH$1,városok!$A$2:$C$346,3,0))^2)/1000,0)</f>
        <v>101</v>
      </c>
      <c r="AI67">
        <f ca="1">ROUND(SQRT((VLOOKUP($A67,városok!$A$2:$C$346,2,0)-VLOOKUP(AI$1,városok!$A$2:$C$346,2,0))^2+(VLOOKUP($A67,városok!$A$2:$C$346,3,0)-VLOOKUP(AI$1,városok!$A$2:$C$346,3,0))^2)/1000,0)</f>
        <v>57</v>
      </c>
      <c r="AJ67">
        <f ca="1">ROUND(SQRT((VLOOKUP($A67,városok!$A$2:$C$346,2,0)-VLOOKUP(AJ$1,városok!$A$2:$C$346,2,0))^2+(VLOOKUP($A67,városok!$A$2:$C$346,3,0)-VLOOKUP(AJ$1,városok!$A$2:$C$346,3,0))^2)/1000,0)</f>
        <v>83</v>
      </c>
      <c r="AK67">
        <f ca="1">ROUND(SQRT((VLOOKUP($A67,városok!$A$2:$C$346,2,0)-VLOOKUP(AK$1,városok!$A$2:$C$346,2,0))^2+(VLOOKUP($A67,városok!$A$2:$C$346,3,0)-VLOOKUP(AK$1,városok!$A$2:$C$346,3,0))^2)/1000,0)</f>
        <v>92</v>
      </c>
      <c r="AL67">
        <f ca="1">ROUND(SQRT((VLOOKUP($A67,városok!$A$2:$C$346,2,0)-VLOOKUP(AL$1,városok!$A$2:$C$346,2,0))^2+(VLOOKUP($A67,városok!$A$2:$C$346,3,0)-VLOOKUP(AL$1,városok!$A$2:$C$346,3,0))^2)/1000,0)</f>
        <v>84</v>
      </c>
      <c r="AM67">
        <f ca="1">ROUND(SQRT((VLOOKUP($A67,városok!$A$2:$C$346,2,0)-VLOOKUP(AM$1,városok!$A$2:$C$346,2,0))^2+(VLOOKUP($A67,városok!$A$2:$C$346,3,0)-VLOOKUP(AM$1,városok!$A$2:$C$346,3,0))^2)/1000,0)</f>
        <v>115</v>
      </c>
      <c r="AN67">
        <f ca="1">ROUND(SQRT((VLOOKUP($A67,városok!$A$2:$C$346,2,0)-VLOOKUP(AN$1,városok!$A$2:$C$346,2,0))^2+(VLOOKUP($A67,városok!$A$2:$C$346,3,0)-VLOOKUP(AN$1,városok!$A$2:$C$346,3,0))^2)/1000,0)</f>
        <v>162</v>
      </c>
      <c r="AO67">
        <f ca="1">ROUND(SQRT((VLOOKUP($A67,városok!$A$2:$C$346,2,0)-VLOOKUP(AO$1,városok!$A$2:$C$346,2,0))^2+(VLOOKUP($A67,városok!$A$2:$C$346,3,0)-VLOOKUP(AO$1,városok!$A$2:$C$346,3,0))^2)/1000,0)</f>
        <v>208</v>
      </c>
      <c r="AP67">
        <f ca="1">ROUND(SQRT((VLOOKUP($A67,városok!$A$2:$C$346,2,0)-VLOOKUP(AP$1,városok!$A$2:$C$346,2,0))^2+(VLOOKUP($A67,városok!$A$2:$C$346,3,0)-VLOOKUP(AP$1,városok!$A$2:$C$346,3,0))^2)/1000,0)</f>
        <v>196</v>
      </c>
      <c r="AQ67">
        <f ca="1">ROUND(SQRT((VLOOKUP($A67,városok!$A$2:$C$346,2,0)-VLOOKUP(AQ$1,városok!$A$2:$C$346,2,0))^2+(VLOOKUP($A67,városok!$A$2:$C$346,3,0)-VLOOKUP(AQ$1,városok!$A$2:$C$346,3,0))^2)/1000,0)</f>
        <v>193</v>
      </c>
      <c r="AR67">
        <f ca="1">ROUND(SQRT((VLOOKUP($A67,városok!$A$2:$C$346,2,0)-VLOOKUP(AR$1,városok!$A$2:$C$346,2,0))^2+(VLOOKUP($A67,városok!$A$2:$C$346,3,0)-VLOOKUP(AR$1,városok!$A$2:$C$346,3,0))^2)/1000,0)</f>
        <v>89</v>
      </c>
      <c r="AS67">
        <f ca="1">ROUND(SQRT((VLOOKUP($A67,városok!$A$2:$C$346,2,0)-VLOOKUP(AS$1,városok!$A$2:$C$346,2,0))^2+(VLOOKUP($A67,városok!$A$2:$C$346,3,0)-VLOOKUP(AS$1,városok!$A$2:$C$346,3,0))^2)/1000,0)</f>
        <v>78</v>
      </c>
      <c r="AT67">
        <f ca="1">ROUND(SQRT((VLOOKUP($A67,városok!$A$2:$C$346,2,0)-VLOOKUP(AT$1,városok!$A$2:$C$346,2,0))^2+(VLOOKUP($A67,városok!$A$2:$C$346,3,0)-VLOOKUP(AT$1,városok!$A$2:$C$346,3,0))^2)/1000,0)</f>
        <v>168</v>
      </c>
      <c r="AU67">
        <f ca="1">ROUND(SQRT((VLOOKUP($A67,városok!$A$2:$C$346,2,0)-VLOOKUP(AU$1,városok!$A$2:$C$346,2,0))^2+(VLOOKUP($A67,városok!$A$2:$C$346,3,0)-VLOOKUP(AU$1,városok!$A$2:$C$346,3,0))^2)/1000,0)</f>
        <v>159</v>
      </c>
      <c r="AV67">
        <f ca="1">ROUND(SQRT((VLOOKUP($A67,városok!$A$2:$C$346,2,0)-VLOOKUP(AV$1,városok!$A$2:$C$346,2,0))^2+(VLOOKUP($A67,városok!$A$2:$C$346,3,0)-VLOOKUP(AV$1,városok!$A$2:$C$346,3,0))^2)/1000,0)</f>
        <v>163</v>
      </c>
      <c r="AW67">
        <f ca="1">ROUND(SQRT((VLOOKUP($A67,városok!$A$2:$C$346,2,0)-VLOOKUP(AW$1,városok!$A$2:$C$346,2,0))^2+(VLOOKUP($A67,városok!$A$2:$C$346,3,0)-VLOOKUP(AW$1,városok!$A$2:$C$346,3,0))^2)/1000,0)</f>
        <v>166</v>
      </c>
      <c r="AX67">
        <f ca="1">ROUND(SQRT((VLOOKUP($A67,városok!$A$2:$C$346,2,0)-VLOOKUP(AX$1,városok!$A$2:$C$346,2,0))^2+(VLOOKUP($A67,városok!$A$2:$C$346,3,0)-VLOOKUP(AX$1,városok!$A$2:$C$346,3,0))^2)/1000,0)</f>
        <v>144</v>
      </c>
      <c r="AY67">
        <f ca="1">ROUND(SQRT((VLOOKUP($A67,városok!$A$2:$C$346,2,0)-VLOOKUP(AY$1,városok!$A$2:$C$346,2,0))^2+(VLOOKUP($A67,városok!$A$2:$C$346,3,0)-VLOOKUP(AY$1,városok!$A$2:$C$346,3,0))^2)/1000,0)</f>
        <v>142</v>
      </c>
      <c r="AZ67">
        <f ca="1">ROUND(SQRT((VLOOKUP($A67,városok!$A$2:$C$346,2,0)-VLOOKUP(AZ$1,városok!$A$2:$C$346,2,0))^2+(VLOOKUP($A67,városok!$A$2:$C$346,3,0)-VLOOKUP(AZ$1,városok!$A$2:$C$346,3,0))^2)/1000,0)</f>
        <v>145</v>
      </c>
      <c r="BA67">
        <f ca="1">ROUND(SQRT((VLOOKUP($A67,városok!$A$2:$C$346,2,0)-VLOOKUP(BA$1,városok!$A$2:$C$346,2,0))^2+(VLOOKUP($A67,városok!$A$2:$C$346,3,0)-VLOOKUP(BA$1,városok!$A$2:$C$346,3,0))^2)/1000,0)</f>
        <v>280</v>
      </c>
      <c r="BB67">
        <f ca="1">ROUND(SQRT((VLOOKUP($A67,városok!$A$2:$C$346,2,0)-VLOOKUP(BB$1,városok!$A$2:$C$346,2,0))^2+(VLOOKUP($A67,városok!$A$2:$C$346,3,0)-VLOOKUP(BB$1,városok!$A$2:$C$346,3,0))^2)/1000,0)</f>
        <v>281</v>
      </c>
      <c r="BC67">
        <f ca="1">ROUND(SQRT((VLOOKUP($A67,városok!$A$2:$C$346,2,0)-VLOOKUP(BC$1,városok!$A$2:$C$346,2,0))^2+(VLOOKUP($A67,városok!$A$2:$C$346,3,0)-VLOOKUP(BC$1,városok!$A$2:$C$346,3,0))^2)/1000,0)</f>
        <v>302</v>
      </c>
      <c r="BD67">
        <f ca="1">ROUND(SQRT((VLOOKUP($A67,városok!$A$2:$C$346,2,0)-VLOOKUP(BD$1,városok!$A$2:$C$346,2,0))^2+(VLOOKUP($A67,városok!$A$2:$C$346,3,0)-VLOOKUP(BD$1,városok!$A$2:$C$346,3,0))^2)/1000,0)</f>
        <v>249</v>
      </c>
      <c r="BE67">
        <f ca="1">ROUND(SQRT((VLOOKUP($A67,városok!$A$2:$C$346,2,0)-VLOOKUP(BE$1,városok!$A$2:$C$346,2,0))^2+(VLOOKUP($A67,városok!$A$2:$C$346,3,0)-VLOOKUP(BE$1,városok!$A$2:$C$346,3,0))^2)/1000,0)</f>
        <v>139</v>
      </c>
      <c r="BF67">
        <f ca="1">ROUND(SQRT((VLOOKUP($A67,városok!$A$2:$C$346,2,0)-VLOOKUP(BF$1,városok!$A$2:$C$346,2,0))^2+(VLOOKUP($A67,városok!$A$2:$C$346,3,0)-VLOOKUP(BF$1,városok!$A$2:$C$346,3,0))^2)/1000,0)</f>
        <v>92</v>
      </c>
      <c r="BG67">
        <f ca="1">ROUND(SQRT((VLOOKUP($A67,városok!$A$2:$C$346,2,0)-VLOOKUP(BG$1,városok!$A$2:$C$346,2,0))^2+(VLOOKUP($A67,városok!$A$2:$C$346,3,0)-VLOOKUP(BG$1,városok!$A$2:$C$346,3,0))^2)/1000,0)</f>
        <v>46</v>
      </c>
      <c r="BH67">
        <f ca="1">ROUND(SQRT((VLOOKUP($A67,városok!$A$2:$C$346,2,0)-VLOOKUP(BH$1,városok!$A$2:$C$346,2,0))^2+(VLOOKUP($A67,városok!$A$2:$C$346,3,0)-VLOOKUP(BH$1,városok!$A$2:$C$346,3,0))^2)/1000,0)</f>
        <v>45</v>
      </c>
      <c r="BI67">
        <f ca="1">ROUND(SQRT((VLOOKUP($A67,városok!$A$2:$C$346,2,0)-VLOOKUP(BI$1,városok!$A$2:$C$346,2,0))^2+(VLOOKUP($A67,városok!$A$2:$C$346,3,0)-VLOOKUP(BI$1,városok!$A$2:$C$346,3,0))^2)/1000,0)</f>
        <v>254</v>
      </c>
      <c r="BJ67">
        <f ca="1">ROUND(SQRT((VLOOKUP($A67,városok!$A$2:$C$346,2,0)-VLOOKUP(BJ$1,városok!$A$2:$C$346,2,0))^2+(VLOOKUP($A67,városok!$A$2:$C$346,3,0)-VLOOKUP(BJ$1,városok!$A$2:$C$346,3,0))^2)/1000,0)</f>
        <v>272</v>
      </c>
      <c r="BK67">
        <f ca="1">ROUND(SQRT((VLOOKUP($A67,városok!$A$2:$C$346,2,0)-VLOOKUP(BK$1,városok!$A$2:$C$346,2,0))^2+(VLOOKUP($A67,városok!$A$2:$C$346,3,0)-VLOOKUP(BK$1,városok!$A$2:$C$346,3,0))^2)/1000,0)</f>
        <v>254</v>
      </c>
      <c r="BL67">
        <f ca="1">ROUND(SQRT((VLOOKUP($A67,városok!$A$2:$C$346,2,0)-VLOOKUP(BL$1,városok!$A$2:$C$346,2,0))^2+(VLOOKUP($A67,városok!$A$2:$C$346,3,0)-VLOOKUP(BL$1,városok!$A$2:$C$346,3,0))^2)/1000,0)</f>
        <v>342</v>
      </c>
      <c r="BM67">
        <f ca="1">ROUND(SQRT((VLOOKUP($A67,városok!$A$2:$C$346,2,0)-VLOOKUP(BM$1,városok!$A$2:$C$346,2,0))^2+(VLOOKUP($A67,városok!$A$2:$C$346,3,0)-VLOOKUP(BM$1,városok!$A$2:$C$346,3,0))^2)/1000,0)</f>
        <v>309</v>
      </c>
      <c r="BN67">
        <f ca="1">ROUND(SQRT((VLOOKUP($A67,városok!$A$2:$C$346,2,0)-VLOOKUP(BN$1,városok!$A$2:$C$346,2,0))^2+(VLOOKUP($A67,városok!$A$2:$C$346,3,0)-VLOOKUP(BN$1,városok!$A$2:$C$346,3,0))^2)/1000,0)</f>
        <v>332</v>
      </c>
      <c r="BO67">
        <f ca="1">ROUND(SQRT((VLOOKUP($A67,városok!$A$2:$C$346,2,0)-VLOOKUP(BO$1,városok!$A$2:$C$346,2,0))^2+(VLOOKUP($A67,városok!$A$2:$C$346,3,0)-VLOOKUP(BO$1,városok!$A$2:$C$346,3,0))^2)/1000,0)</f>
        <v>245</v>
      </c>
      <c r="BP67">
        <f ca="1">ROUND(SQRT((VLOOKUP($A67,városok!$A$2:$C$346,2,0)-VLOOKUP(BP$1,városok!$A$2:$C$346,2,0))^2+(VLOOKUP($A67,városok!$A$2:$C$346,3,0)-VLOOKUP(BP$1,városok!$A$2:$C$346,3,0))^2)/1000,0)</f>
        <v>238</v>
      </c>
      <c r="BQ67">
        <f ca="1">ROUND(SQRT((VLOOKUP($A67,városok!$A$2:$C$346,2,0)-VLOOKUP(BQ$1,városok!$A$2:$C$346,2,0))^2+(VLOOKUP($A67,városok!$A$2:$C$346,3,0)-VLOOKUP(BQ$1,városok!$A$2:$C$346,3,0))^2)/1000,0)</f>
        <v>248</v>
      </c>
      <c r="BR67">
        <f ca="1">ROUND(SQRT((VLOOKUP($A67,városok!$A$2:$C$346,2,0)-VLOOKUP(BR$1,városok!$A$2:$C$346,2,0))^2+(VLOOKUP($A67,városok!$A$2:$C$346,3,0)-VLOOKUP(BR$1,városok!$A$2:$C$346,3,0))^2)/1000,0)</f>
        <v>310</v>
      </c>
      <c r="BS67">
        <f ca="1">ROUND(SQRT((VLOOKUP($A67,városok!$A$2:$C$346,2,0)-VLOOKUP(BS$1,városok!$A$2:$C$346,2,0))^2+(VLOOKUP($A67,városok!$A$2:$C$346,3,0)-VLOOKUP(BS$1,városok!$A$2:$C$346,3,0))^2)/1000,0)</f>
        <v>345</v>
      </c>
      <c r="BT67">
        <f ca="1">ROUND(SQRT((VLOOKUP($A67,városok!$A$2:$C$346,2,0)-VLOOKUP(BT$1,városok!$A$2:$C$346,2,0))^2+(VLOOKUP($A67,városok!$A$2:$C$346,3,0)-VLOOKUP(BT$1,városok!$A$2:$C$346,3,0))^2)/1000,0)</f>
        <v>334</v>
      </c>
    </row>
    <row r="68" spans="1:72" x14ac:dyDescent="0.2">
      <c r="A68" t="str">
        <f>városok!A68</f>
        <v>Gönc</v>
      </c>
      <c r="B68">
        <f ca="1">ROUND(SQRT((VLOOKUP($A68,városok!$A$2:$C$346,2,0)-VLOOKUP(B$1,városok!$A$2:$C$346,2,0))^2+(VLOOKUP($A68,városok!$A$2:$C$346,3,0)-VLOOKUP(B$1,városok!$A$2:$C$346,3,0))^2)/1000,0)</f>
        <v>308</v>
      </c>
      <c r="C68">
        <f ca="1">ROUND(SQRT((VLOOKUP($A68,városok!$A$2:$C$346,2,0)-VLOOKUP(C$1,városok!$A$2:$C$346,2,0))^2+(VLOOKUP($A68,városok!$A$2:$C$346,3,0)-VLOOKUP(C$1,városok!$A$2:$C$346,3,0))^2)/1000,0)</f>
        <v>277</v>
      </c>
      <c r="D68">
        <f ca="1">ROUND(SQRT((VLOOKUP($A68,városok!$A$2:$C$346,2,0)-VLOOKUP(D$1,városok!$A$2:$C$346,2,0))^2+(VLOOKUP($A68,városok!$A$2:$C$346,3,0)-VLOOKUP(D$1,városok!$A$2:$C$346,3,0))^2)/1000,0)</f>
        <v>210</v>
      </c>
      <c r="E68">
        <f ca="1">ROUND(SQRT((VLOOKUP($A68,városok!$A$2:$C$346,2,0)-VLOOKUP(E$1,városok!$A$2:$C$346,2,0))^2+(VLOOKUP($A68,városok!$A$2:$C$346,3,0)-VLOOKUP(E$1,városok!$A$2:$C$346,3,0))^2)/1000,0)</f>
        <v>341</v>
      </c>
      <c r="F68">
        <f ca="1">ROUND(SQRT((VLOOKUP($A68,városok!$A$2:$C$346,2,0)-VLOOKUP(F$1,városok!$A$2:$C$346,2,0))^2+(VLOOKUP($A68,városok!$A$2:$C$346,3,0)-VLOOKUP(F$1,városok!$A$2:$C$346,3,0))^2)/1000,0)</f>
        <v>338</v>
      </c>
      <c r="G68">
        <f ca="1">ROUND(SQRT((VLOOKUP($A68,városok!$A$2:$C$346,2,0)-VLOOKUP(G$1,városok!$A$2:$C$346,2,0))^2+(VLOOKUP($A68,városok!$A$2:$C$346,3,0)-VLOOKUP(G$1,városok!$A$2:$C$346,3,0))^2)/1000,0)</f>
        <v>351</v>
      </c>
      <c r="H68">
        <f ca="1">ROUND(SQRT((VLOOKUP($A68,városok!$A$2:$C$346,2,0)-VLOOKUP(H$1,városok!$A$2:$C$346,2,0))^2+(VLOOKUP($A68,városok!$A$2:$C$346,3,0)-VLOOKUP(H$1,városok!$A$2:$C$346,3,0))^2)/1000,0)</f>
        <v>376</v>
      </c>
      <c r="I68">
        <f ca="1">ROUND(SQRT((VLOOKUP($A68,városok!$A$2:$C$346,2,0)-VLOOKUP(I$1,városok!$A$2:$C$346,2,0))^2+(VLOOKUP($A68,városok!$A$2:$C$346,3,0)-VLOOKUP(I$1,városok!$A$2:$C$346,3,0))^2)/1000,0)</f>
        <v>200</v>
      </c>
      <c r="J68">
        <f ca="1">ROUND(SQRT((VLOOKUP($A68,városok!$A$2:$C$346,2,0)-VLOOKUP(J$1,városok!$A$2:$C$346,2,0))^2+(VLOOKUP($A68,városok!$A$2:$C$346,3,0)-VLOOKUP(J$1,városok!$A$2:$C$346,3,0))^2)/1000,0)</f>
        <v>203</v>
      </c>
      <c r="K68">
        <f ca="1">ROUND(SQRT((VLOOKUP($A68,városok!$A$2:$C$346,2,0)-VLOOKUP(K$1,városok!$A$2:$C$346,2,0))^2+(VLOOKUP($A68,városok!$A$2:$C$346,3,0)-VLOOKUP(K$1,városok!$A$2:$C$346,3,0))^2)/1000,0)</f>
        <v>217</v>
      </c>
      <c r="L68">
        <f ca="1">ROUND(SQRT((VLOOKUP($A68,városok!$A$2:$C$346,2,0)-VLOOKUP(L$1,városok!$A$2:$C$346,2,0))^2+(VLOOKUP($A68,városok!$A$2:$C$346,3,0)-VLOOKUP(L$1,városok!$A$2:$C$346,3,0))^2)/1000,0)</f>
        <v>53</v>
      </c>
      <c r="M68">
        <f ca="1">ROUND(SQRT((VLOOKUP($A68,városok!$A$2:$C$346,2,0)-VLOOKUP(M$1,városok!$A$2:$C$346,2,0))^2+(VLOOKUP($A68,városok!$A$2:$C$346,3,0)-VLOOKUP(M$1,városok!$A$2:$C$346,3,0))^2)/1000,0)</f>
        <v>54</v>
      </c>
      <c r="N68">
        <f ca="1">ROUND(SQRT((VLOOKUP($A68,városok!$A$2:$C$346,2,0)-VLOOKUP(N$1,városok!$A$2:$C$346,2,0))^2+(VLOOKUP($A68,városok!$A$2:$C$346,3,0)-VLOOKUP(N$1,városok!$A$2:$C$346,3,0))^2)/1000,0)</f>
        <v>78</v>
      </c>
      <c r="O68">
        <f ca="1">ROUND(SQRT((VLOOKUP($A68,városok!$A$2:$C$346,2,0)-VLOOKUP(O$1,városok!$A$2:$C$346,2,0))^2+(VLOOKUP($A68,városok!$A$2:$C$346,3,0)-VLOOKUP(O$1,városok!$A$2:$C$346,3,0))^2)/1000,0)</f>
        <v>30</v>
      </c>
      <c r="P68">
        <f ca="1">ROUND(SQRT((VLOOKUP($A68,városok!$A$2:$C$346,2,0)-VLOOKUP(P$1,városok!$A$2:$C$346,2,0))^2+(VLOOKUP($A68,városok!$A$2:$C$346,3,0)-VLOOKUP(P$1,városok!$A$2:$C$346,3,0))^2)/1000,0)</f>
        <v>30</v>
      </c>
      <c r="Q68">
        <f ca="1">ROUND(SQRT((VLOOKUP($A68,városok!$A$2:$C$346,2,0)-VLOOKUP(Q$1,városok!$A$2:$C$346,2,0))^2+(VLOOKUP($A68,városok!$A$2:$C$346,3,0)-VLOOKUP(Q$1,városok!$A$2:$C$346,3,0))^2)/1000,0)</f>
        <v>239</v>
      </c>
      <c r="R68">
        <f ca="1">ROUND(SQRT((VLOOKUP($A68,városok!$A$2:$C$346,2,0)-VLOOKUP(R$1,városok!$A$2:$C$346,2,0))^2+(VLOOKUP($A68,városok!$A$2:$C$346,3,0)-VLOOKUP(R$1,városok!$A$2:$C$346,3,0))^2)/1000,0)</f>
        <v>258</v>
      </c>
      <c r="S68">
        <f ca="1">ROUND(SQRT((VLOOKUP($A68,városok!$A$2:$C$346,2,0)-VLOOKUP(S$1,városok!$A$2:$C$346,2,0))^2+(VLOOKUP($A68,városok!$A$2:$C$346,3,0)-VLOOKUP(S$1,városok!$A$2:$C$346,3,0))^2)/1000,0)</f>
        <v>261</v>
      </c>
      <c r="T68">
        <f ca="1">ROUND(SQRT((VLOOKUP($A68,városok!$A$2:$C$346,2,0)-VLOOKUP(T$1,városok!$A$2:$C$346,2,0))^2+(VLOOKUP($A68,városok!$A$2:$C$346,3,0)-VLOOKUP(T$1,városok!$A$2:$C$346,3,0))^2)/1000,0)</f>
        <v>225</v>
      </c>
      <c r="U68">
        <f ca="1">ROUND(SQRT((VLOOKUP($A68,városok!$A$2:$C$346,2,0)-VLOOKUP(U$1,városok!$A$2:$C$346,2,0))^2+(VLOOKUP($A68,városok!$A$2:$C$346,3,0)-VLOOKUP(U$1,városok!$A$2:$C$346,3,0))^2)/1000,0)</f>
        <v>242</v>
      </c>
      <c r="V68">
        <f ca="1">ROUND(SQRT((VLOOKUP($A68,városok!$A$2:$C$346,2,0)-VLOOKUP(V$1,városok!$A$2:$C$346,2,0))^2+(VLOOKUP($A68,városok!$A$2:$C$346,3,0)-VLOOKUP(V$1,városok!$A$2:$C$346,3,0))^2)/1000,0)</f>
        <v>272</v>
      </c>
      <c r="W68">
        <f ca="1">ROUND(SQRT((VLOOKUP($A68,városok!$A$2:$C$346,2,0)-VLOOKUP(W$1,városok!$A$2:$C$346,2,0))^2+(VLOOKUP($A68,városok!$A$2:$C$346,3,0)-VLOOKUP(W$1,városok!$A$2:$C$346,3,0))^2)/1000,0)</f>
        <v>266</v>
      </c>
      <c r="X68">
        <f ca="1">ROUND(SQRT((VLOOKUP($A68,városok!$A$2:$C$346,2,0)-VLOOKUP(X$1,városok!$A$2:$C$346,2,0))^2+(VLOOKUP($A68,városok!$A$2:$C$346,3,0)-VLOOKUP(X$1,városok!$A$2:$C$346,3,0))^2)/1000,0)</f>
        <v>256</v>
      </c>
      <c r="Y68">
        <f ca="1">ROUND(SQRT((VLOOKUP($A68,városok!$A$2:$C$346,2,0)-VLOOKUP(Y$1,városok!$A$2:$C$346,2,0))^2+(VLOOKUP($A68,városok!$A$2:$C$346,3,0)-VLOOKUP(Y$1,városok!$A$2:$C$346,3,0))^2)/1000,0)</f>
        <v>284</v>
      </c>
      <c r="Z68">
        <f ca="1">ROUND(SQRT((VLOOKUP($A68,városok!$A$2:$C$346,2,0)-VLOOKUP(Z$1,városok!$A$2:$C$346,2,0))^2+(VLOOKUP($A68,városok!$A$2:$C$346,3,0)-VLOOKUP(Z$1,városok!$A$2:$C$346,3,0))^2)/1000,0)</f>
        <v>300</v>
      </c>
      <c r="AA68">
        <f ca="1">ROUND(SQRT((VLOOKUP($A68,városok!$A$2:$C$346,2,0)-VLOOKUP(AA$1,városok!$A$2:$C$346,2,0))^2+(VLOOKUP($A68,városok!$A$2:$C$346,3,0)-VLOOKUP(AA$1,városok!$A$2:$C$346,3,0))^2)/1000,0)</f>
        <v>360</v>
      </c>
      <c r="AB68">
        <f ca="1">ROUND(SQRT((VLOOKUP($A68,városok!$A$2:$C$346,2,0)-VLOOKUP(AB$1,városok!$A$2:$C$346,2,0))^2+(VLOOKUP($A68,városok!$A$2:$C$346,3,0)-VLOOKUP(AB$1,városok!$A$2:$C$346,3,0))^2)/1000,0)</f>
        <v>108</v>
      </c>
      <c r="AC68">
        <f ca="1">ROUND(SQRT((VLOOKUP($A68,városok!$A$2:$C$346,2,0)-VLOOKUP(AC$1,városok!$A$2:$C$346,2,0))^2+(VLOOKUP($A68,városok!$A$2:$C$346,3,0)-VLOOKUP(AC$1,városok!$A$2:$C$346,3,0))^2)/1000,0)</f>
        <v>115</v>
      </c>
      <c r="AD68">
        <f ca="1">ROUND(SQRT((VLOOKUP($A68,városok!$A$2:$C$346,2,0)-VLOOKUP(AD$1,városok!$A$2:$C$346,2,0))^2+(VLOOKUP($A68,városok!$A$2:$C$346,3,0)-VLOOKUP(AD$1,városok!$A$2:$C$346,3,0))^2)/1000,0)</f>
        <v>117</v>
      </c>
      <c r="AE68">
        <f ca="1">ROUND(SQRT((VLOOKUP($A68,városok!$A$2:$C$346,2,0)-VLOOKUP(AE$1,városok!$A$2:$C$346,2,0))^2+(VLOOKUP($A68,városok!$A$2:$C$346,3,0)-VLOOKUP(AE$1,városok!$A$2:$C$346,3,0))^2)/1000,0)</f>
        <v>132</v>
      </c>
      <c r="AF68">
        <f ca="1">ROUND(SQRT((VLOOKUP($A68,városok!$A$2:$C$346,2,0)-VLOOKUP(AF$1,városok!$A$2:$C$346,2,0))^2+(VLOOKUP($A68,városok!$A$2:$C$346,3,0)-VLOOKUP(AF$1,városok!$A$2:$C$346,3,0))^2)/1000,0)</f>
        <v>92</v>
      </c>
      <c r="AG68">
        <f ca="1">ROUND(SQRT((VLOOKUP($A68,városok!$A$2:$C$346,2,0)-VLOOKUP(AG$1,városok!$A$2:$C$346,2,0))^2+(VLOOKUP($A68,városok!$A$2:$C$346,3,0)-VLOOKUP(AG$1,városok!$A$2:$C$346,3,0))^2)/1000,0)</f>
        <v>126</v>
      </c>
      <c r="AH68">
        <f ca="1">ROUND(SQRT((VLOOKUP($A68,városok!$A$2:$C$346,2,0)-VLOOKUP(AH$1,városok!$A$2:$C$346,2,0))^2+(VLOOKUP($A68,városok!$A$2:$C$346,3,0)-VLOOKUP(AH$1,városok!$A$2:$C$346,3,0))^2)/1000,0)</f>
        <v>149</v>
      </c>
      <c r="AI68">
        <f ca="1">ROUND(SQRT((VLOOKUP($A68,városok!$A$2:$C$346,2,0)-VLOOKUP(AI$1,városok!$A$2:$C$346,2,0))^2+(VLOOKUP($A68,városok!$A$2:$C$346,3,0)-VLOOKUP(AI$1,városok!$A$2:$C$346,3,0))^2)/1000,0)</f>
        <v>100</v>
      </c>
      <c r="AJ68">
        <f ca="1">ROUND(SQRT((VLOOKUP($A68,városok!$A$2:$C$346,2,0)-VLOOKUP(AJ$1,városok!$A$2:$C$346,2,0))^2+(VLOOKUP($A68,városok!$A$2:$C$346,3,0)-VLOOKUP(AJ$1,városok!$A$2:$C$346,3,0))^2)/1000,0)</f>
        <v>133</v>
      </c>
      <c r="AK68">
        <f ca="1">ROUND(SQRT((VLOOKUP($A68,városok!$A$2:$C$346,2,0)-VLOOKUP(AK$1,városok!$A$2:$C$346,2,0))^2+(VLOOKUP($A68,városok!$A$2:$C$346,3,0)-VLOOKUP(AK$1,városok!$A$2:$C$346,3,0))^2)/1000,0)</f>
        <v>134</v>
      </c>
      <c r="AL68">
        <f ca="1">ROUND(SQRT((VLOOKUP($A68,városok!$A$2:$C$346,2,0)-VLOOKUP(AL$1,városok!$A$2:$C$346,2,0))^2+(VLOOKUP($A68,városok!$A$2:$C$346,3,0)-VLOOKUP(AL$1,városok!$A$2:$C$346,3,0))^2)/1000,0)</f>
        <v>132</v>
      </c>
      <c r="AM68">
        <f ca="1">ROUND(SQRT((VLOOKUP($A68,városok!$A$2:$C$346,2,0)-VLOOKUP(AM$1,városok!$A$2:$C$346,2,0))^2+(VLOOKUP($A68,városok!$A$2:$C$346,3,0)-VLOOKUP(AM$1,városok!$A$2:$C$346,3,0))^2)/1000,0)</f>
        <v>165</v>
      </c>
      <c r="AN68">
        <f ca="1">ROUND(SQRT((VLOOKUP($A68,városok!$A$2:$C$346,2,0)-VLOOKUP(AN$1,városok!$A$2:$C$346,2,0))^2+(VLOOKUP($A68,városok!$A$2:$C$346,3,0)-VLOOKUP(AN$1,városok!$A$2:$C$346,3,0))^2)/1000,0)</f>
        <v>203</v>
      </c>
      <c r="AO68">
        <f ca="1">ROUND(SQRT((VLOOKUP($A68,városok!$A$2:$C$346,2,0)-VLOOKUP(AO$1,városok!$A$2:$C$346,2,0))^2+(VLOOKUP($A68,városok!$A$2:$C$346,3,0)-VLOOKUP(AO$1,városok!$A$2:$C$346,3,0))^2)/1000,0)</f>
        <v>248</v>
      </c>
      <c r="AP68">
        <f ca="1">ROUND(SQRT((VLOOKUP($A68,városok!$A$2:$C$346,2,0)-VLOOKUP(AP$1,városok!$A$2:$C$346,2,0))^2+(VLOOKUP($A68,városok!$A$2:$C$346,3,0)-VLOOKUP(AP$1,városok!$A$2:$C$346,3,0))^2)/1000,0)</f>
        <v>237</v>
      </c>
      <c r="AQ68">
        <f ca="1">ROUND(SQRT((VLOOKUP($A68,városok!$A$2:$C$346,2,0)-VLOOKUP(AQ$1,városok!$A$2:$C$346,2,0))^2+(VLOOKUP($A68,városok!$A$2:$C$346,3,0)-VLOOKUP(AQ$1,városok!$A$2:$C$346,3,0))^2)/1000,0)</f>
        <v>236</v>
      </c>
      <c r="AR68">
        <f ca="1">ROUND(SQRT((VLOOKUP($A68,városok!$A$2:$C$346,2,0)-VLOOKUP(AR$1,városok!$A$2:$C$346,2,0))^2+(VLOOKUP($A68,városok!$A$2:$C$346,3,0)-VLOOKUP(AR$1,városok!$A$2:$C$346,3,0))^2)/1000,0)</f>
        <v>132</v>
      </c>
      <c r="AS68">
        <f ca="1">ROUND(SQRT((VLOOKUP($A68,városok!$A$2:$C$346,2,0)-VLOOKUP(AS$1,városok!$A$2:$C$346,2,0))^2+(VLOOKUP($A68,városok!$A$2:$C$346,3,0)-VLOOKUP(AS$1,városok!$A$2:$C$346,3,0))^2)/1000,0)</f>
        <v>115</v>
      </c>
      <c r="AT68">
        <f ca="1">ROUND(SQRT((VLOOKUP($A68,városok!$A$2:$C$346,2,0)-VLOOKUP(AT$1,városok!$A$2:$C$346,2,0))^2+(VLOOKUP($A68,városok!$A$2:$C$346,3,0)-VLOOKUP(AT$1,városok!$A$2:$C$346,3,0))^2)/1000,0)</f>
        <v>214</v>
      </c>
      <c r="AU68">
        <f ca="1">ROUND(SQRT((VLOOKUP($A68,városok!$A$2:$C$346,2,0)-VLOOKUP(AU$1,városok!$A$2:$C$346,2,0))^2+(VLOOKUP($A68,városok!$A$2:$C$346,3,0)-VLOOKUP(AU$1,városok!$A$2:$C$346,3,0))^2)/1000,0)</f>
        <v>206</v>
      </c>
      <c r="AV68">
        <f ca="1">ROUND(SQRT((VLOOKUP($A68,városok!$A$2:$C$346,2,0)-VLOOKUP(AV$1,városok!$A$2:$C$346,2,0))^2+(VLOOKUP($A68,városok!$A$2:$C$346,3,0)-VLOOKUP(AV$1,városok!$A$2:$C$346,3,0))^2)/1000,0)</f>
        <v>210</v>
      </c>
      <c r="AW68">
        <f ca="1">ROUND(SQRT((VLOOKUP($A68,városok!$A$2:$C$346,2,0)-VLOOKUP(AW$1,városok!$A$2:$C$346,2,0))^2+(VLOOKUP($A68,városok!$A$2:$C$346,3,0)-VLOOKUP(AW$1,városok!$A$2:$C$346,3,0))^2)/1000,0)</f>
        <v>213</v>
      </c>
      <c r="AX68">
        <f ca="1">ROUND(SQRT((VLOOKUP($A68,városok!$A$2:$C$346,2,0)-VLOOKUP(AX$1,városok!$A$2:$C$346,2,0))^2+(VLOOKUP($A68,városok!$A$2:$C$346,3,0)-VLOOKUP(AX$1,városok!$A$2:$C$346,3,0))^2)/1000,0)</f>
        <v>195</v>
      </c>
      <c r="AY68">
        <f ca="1">ROUND(SQRT((VLOOKUP($A68,városok!$A$2:$C$346,2,0)-VLOOKUP(AY$1,városok!$A$2:$C$346,2,0))^2+(VLOOKUP($A68,városok!$A$2:$C$346,3,0)-VLOOKUP(AY$1,városok!$A$2:$C$346,3,0))^2)/1000,0)</f>
        <v>186</v>
      </c>
      <c r="AZ68">
        <f ca="1">ROUND(SQRT((VLOOKUP($A68,városok!$A$2:$C$346,2,0)-VLOOKUP(AZ$1,városok!$A$2:$C$346,2,0))^2+(VLOOKUP($A68,városok!$A$2:$C$346,3,0)-VLOOKUP(AZ$1,városok!$A$2:$C$346,3,0))^2)/1000,0)</f>
        <v>187</v>
      </c>
      <c r="BA68">
        <f ca="1">ROUND(SQRT((VLOOKUP($A68,városok!$A$2:$C$346,2,0)-VLOOKUP(BA$1,városok!$A$2:$C$346,2,0))^2+(VLOOKUP($A68,városok!$A$2:$C$346,3,0)-VLOOKUP(BA$1,városok!$A$2:$C$346,3,0))^2)/1000,0)</f>
        <v>327</v>
      </c>
      <c r="BB68">
        <f ca="1">ROUND(SQRT((VLOOKUP($A68,városok!$A$2:$C$346,2,0)-VLOOKUP(BB$1,városok!$A$2:$C$346,2,0))^2+(VLOOKUP($A68,városok!$A$2:$C$346,3,0)-VLOOKUP(BB$1,városok!$A$2:$C$346,3,0))^2)/1000,0)</f>
        <v>330</v>
      </c>
      <c r="BC68">
        <f ca="1">ROUND(SQRT((VLOOKUP($A68,városok!$A$2:$C$346,2,0)-VLOOKUP(BC$1,városok!$A$2:$C$346,2,0))^2+(VLOOKUP($A68,városok!$A$2:$C$346,3,0)-VLOOKUP(BC$1,városok!$A$2:$C$346,3,0))^2)/1000,0)</f>
        <v>352</v>
      </c>
      <c r="BD68">
        <f ca="1">ROUND(SQRT((VLOOKUP($A68,városok!$A$2:$C$346,2,0)-VLOOKUP(BD$1,városok!$A$2:$C$346,2,0))^2+(VLOOKUP($A68,városok!$A$2:$C$346,3,0)-VLOOKUP(BD$1,városok!$A$2:$C$346,3,0))^2)/1000,0)</f>
        <v>297</v>
      </c>
      <c r="BE68">
        <f ca="1">ROUND(SQRT((VLOOKUP($A68,városok!$A$2:$C$346,2,0)-VLOOKUP(BE$1,városok!$A$2:$C$346,2,0))^2+(VLOOKUP($A68,városok!$A$2:$C$346,3,0)-VLOOKUP(BE$1,városok!$A$2:$C$346,3,0))^2)/1000,0)</f>
        <v>126</v>
      </c>
      <c r="BF68">
        <f ca="1">ROUND(SQRT((VLOOKUP($A68,városok!$A$2:$C$346,2,0)-VLOOKUP(BF$1,városok!$A$2:$C$346,2,0))^2+(VLOOKUP($A68,városok!$A$2:$C$346,3,0)-VLOOKUP(BF$1,városok!$A$2:$C$346,3,0))^2)/1000,0)</f>
        <v>66</v>
      </c>
      <c r="BG68">
        <f ca="1">ROUND(SQRT((VLOOKUP($A68,városok!$A$2:$C$346,2,0)-VLOOKUP(BG$1,városok!$A$2:$C$346,2,0))^2+(VLOOKUP($A68,városok!$A$2:$C$346,3,0)-VLOOKUP(BG$1,városok!$A$2:$C$346,3,0))^2)/1000,0)</f>
        <v>41</v>
      </c>
      <c r="BH68">
        <f ca="1">ROUND(SQRT((VLOOKUP($A68,városok!$A$2:$C$346,2,0)-VLOOKUP(BH$1,városok!$A$2:$C$346,2,0))^2+(VLOOKUP($A68,városok!$A$2:$C$346,3,0)-VLOOKUP(BH$1,városok!$A$2:$C$346,3,0))^2)/1000,0)</f>
        <v>41</v>
      </c>
      <c r="BI68">
        <f ca="1">ROUND(SQRT((VLOOKUP($A68,városok!$A$2:$C$346,2,0)-VLOOKUP(BI$1,városok!$A$2:$C$346,2,0))^2+(VLOOKUP($A68,városok!$A$2:$C$346,3,0)-VLOOKUP(BI$1,városok!$A$2:$C$346,3,0))^2)/1000,0)</f>
        <v>305</v>
      </c>
      <c r="BJ68">
        <f ca="1">ROUND(SQRT((VLOOKUP($A68,városok!$A$2:$C$346,2,0)-VLOOKUP(BJ$1,városok!$A$2:$C$346,2,0))^2+(VLOOKUP($A68,városok!$A$2:$C$346,3,0)-VLOOKUP(BJ$1,városok!$A$2:$C$346,3,0))^2)/1000,0)</f>
        <v>323</v>
      </c>
      <c r="BK68">
        <f ca="1">ROUND(SQRT((VLOOKUP($A68,városok!$A$2:$C$346,2,0)-VLOOKUP(BK$1,városok!$A$2:$C$346,2,0))^2+(VLOOKUP($A68,városok!$A$2:$C$346,3,0)-VLOOKUP(BK$1,városok!$A$2:$C$346,3,0))^2)/1000,0)</f>
        <v>305</v>
      </c>
      <c r="BL68">
        <f ca="1">ROUND(SQRT((VLOOKUP($A68,városok!$A$2:$C$346,2,0)-VLOOKUP(BL$1,városok!$A$2:$C$346,2,0))^2+(VLOOKUP($A68,városok!$A$2:$C$346,3,0)-VLOOKUP(BL$1,városok!$A$2:$C$346,3,0))^2)/1000,0)</f>
        <v>385</v>
      </c>
      <c r="BM68">
        <f ca="1">ROUND(SQRT((VLOOKUP($A68,városok!$A$2:$C$346,2,0)-VLOOKUP(BM$1,városok!$A$2:$C$346,2,0))^2+(VLOOKUP($A68,városok!$A$2:$C$346,3,0)-VLOOKUP(BM$1,városok!$A$2:$C$346,3,0))^2)/1000,0)</f>
        <v>351</v>
      </c>
      <c r="BN68">
        <f ca="1">ROUND(SQRT((VLOOKUP($A68,városok!$A$2:$C$346,2,0)-VLOOKUP(BN$1,városok!$A$2:$C$346,2,0))^2+(VLOOKUP($A68,városok!$A$2:$C$346,3,0)-VLOOKUP(BN$1,városok!$A$2:$C$346,3,0))^2)/1000,0)</f>
        <v>374</v>
      </c>
      <c r="BO68">
        <f ca="1">ROUND(SQRT((VLOOKUP($A68,városok!$A$2:$C$346,2,0)-VLOOKUP(BO$1,városok!$A$2:$C$346,2,0))^2+(VLOOKUP($A68,városok!$A$2:$C$346,3,0)-VLOOKUP(BO$1,városok!$A$2:$C$346,3,0))^2)/1000,0)</f>
        <v>292</v>
      </c>
      <c r="BP68">
        <f ca="1">ROUND(SQRT((VLOOKUP($A68,városok!$A$2:$C$346,2,0)-VLOOKUP(BP$1,városok!$A$2:$C$346,2,0))^2+(VLOOKUP($A68,városok!$A$2:$C$346,3,0)-VLOOKUP(BP$1,városok!$A$2:$C$346,3,0))^2)/1000,0)</f>
        <v>286</v>
      </c>
      <c r="BQ68">
        <f ca="1">ROUND(SQRT((VLOOKUP($A68,városok!$A$2:$C$346,2,0)-VLOOKUP(BQ$1,városok!$A$2:$C$346,2,0))^2+(VLOOKUP($A68,városok!$A$2:$C$346,3,0)-VLOOKUP(BQ$1,városok!$A$2:$C$346,3,0))^2)/1000,0)</f>
        <v>295</v>
      </c>
      <c r="BR68">
        <f ca="1">ROUND(SQRT((VLOOKUP($A68,városok!$A$2:$C$346,2,0)-VLOOKUP(BR$1,városok!$A$2:$C$346,2,0))^2+(VLOOKUP($A68,városok!$A$2:$C$346,3,0)-VLOOKUP(BR$1,városok!$A$2:$C$346,3,0))^2)/1000,0)</f>
        <v>356</v>
      </c>
      <c r="BS68">
        <f ca="1">ROUND(SQRT((VLOOKUP($A68,városok!$A$2:$C$346,2,0)-VLOOKUP(BS$1,városok!$A$2:$C$346,2,0))^2+(VLOOKUP($A68,városok!$A$2:$C$346,3,0)-VLOOKUP(BS$1,városok!$A$2:$C$346,3,0))^2)/1000,0)</f>
        <v>393</v>
      </c>
      <c r="BT68">
        <f ca="1">ROUND(SQRT((VLOOKUP($A68,városok!$A$2:$C$346,2,0)-VLOOKUP(BT$1,városok!$A$2:$C$346,2,0))^2+(VLOOKUP($A68,városok!$A$2:$C$346,3,0)-VLOOKUP(BT$1,városok!$A$2:$C$346,3,0))^2)/1000,0)</f>
        <v>379</v>
      </c>
    </row>
    <row r="69" spans="1:72" x14ac:dyDescent="0.2">
      <c r="A69" t="str">
        <f>városok!A69</f>
        <v>Kazincbarcika</v>
      </c>
      <c r="B69">
        <f ca="1">ROUND(SQRT((VLOOKUP($A69,városok!$A$2:$C$346,2,0)-VLOOKUP(B$1,városok!$A$2:$C$346,2,0))^2+(VLOOKUP($A69,városok!$A$2:$C$346,3,0)-VLOOKUP(B$1,városok!$A$2:$C$346,3,0))^2)/1000,0)</f>
        <v>263</v>
      </c>
      <c r="C69">
        <f ca="1">ROUND(SQRT((VLOOKUP($A69,városok!$A$2:$C$346,2,0)-VLOOKUP(C$1,városok!$A$2:$C$346,2,0))^2+(VLOOKUP($A69,városok!$A$2:$C$346,3,0)-VLOOKUP(C$1,városok!$A$2:$C$346,3,0))^2)/1000,0)</f>
        <v>229</v>
      </c>
      <c r="D69">
        <f ca="1">ROUND(SQRT((VLOOKUP($A69,városok!$A$2:$C$346,2,0)-VLOOKUP(D$1,városok!$A$2:$C$346,2,0))^2+(VLOOKUP($A69,városok!$A$2:$C$346,3,0)-VLOOKUP(D$1,városok!$A$2:$C$346,3,0))^2)/1000,0)</f>
        <v>166</v>
      </c>
      <c r="E69">
        <f ca="1">ROUND(SQRT((VLOOKUP($A69,városok!$A$2:$C$346,2,0)-VLOOKUP(E$1,városok!$A$2:$C$346,2,0))^2+(VLOOKUP($A69,városok!$A$2:$C$346,3,0)-VLOOKUP(E$1,városok!$A$2:$C$346,3,0))^2)/1000,0)</f>
        <v>292</v>
      </c>
      <c r="F69">
        <f ca="1">ROUND(SQRT((VLOOKUP($A69,városok!$A$2:$C$346,2,0)-VLOOKUP(F$1,városok!$A$2:$C$346,2,0))^2+(VLOOKUP($A69,városok!$A$2:$C$346,3,0)-VLOOKUP(F$1,városok!$A$2:$C$346,3,0))^2)/1000,0)</f>
        <v>292</v>
      </c>
      <c r="G69">
        <f ca="1">ROUND(SQRT((VLOOKUP($A69,városok!$A$2:$C$346,2,0)-VLOOKUP(G$1,városok!$A$2:$C$346,2,0))^2+(VLOOKUP($A69,városok!$A$2:$C$346,3,0)-VLOOKUP(G$1,városok!$A$2:$C$346,3,0))^2)/1000,0)</f>
        <v>302</v>
      </c>
      <c r="H69">
        <f ca="1">ROUND(SQRT((VLOOKUP($A69,városok!$A$2:$C$346,2,0)-VLOOKUP(H$1,városok!$A$2:$C$346,2,0))^2+(VLOOKUP($A69,városok!$A$2:$C$346,3,0)-VLOOKUP(H$1,városok!$A$2:$C$346,3,0))^2)/1000,0)</f>
        <v>326</v>
      </c>
      <c r="I69">
        <f ca="1">ROUND(SQRT((VLOOKUP($A69,városok!$A$2:$C$346,2,0)-VLOOKUP(I$1,városok!$A$2:$C$346,2,0))^2+(VLOOKUP($A69,városok!$A$2:$C$346,3,0)-VLOOKUP(I$1,városok!$A$2:$C$346,3,0))^2)/1000,0)</f>
        <v>179</v>
      </c>
      <c r="J69">
        <f ca="1">ROUND(SQRT((VLOOKUP($A69,városok!$A$2:$C$346,2,0)-VLOOKUP(J$1,városok!$A$2:$C$346,2,0))^2+(VLOOKUP($A69,városok!$A$2:$C$346,3,0)-VLOOKUP(J$1,városok!$A$2:$C$346,3,0))^2)/1000,0)</f>
        <v>185</v>
      </c>
      <c r="K69">
        <f ca="1">ROUND(SQRT((VLOOKUP($A69,városok!$A$2:$C$346,2,0)-VLOOKUP(K$1,városok!$A$2:$C$346,2,0))^2+(VLOOKUP($A69,városok!$A$2:$C$346,3,0)-VLOOKUP(K$1,városok!$A$2:$C$346,3,0))^2)/1000,0)</f>
        <v>188</v>
      </c>
      <c r="L69">
        <f ca="1">ROUND(SQRT((VLOOKUP($A69,városok!$A$2:$C$346,2,0)-VLOOKUP(L$1,városok!$A$2:$C$346,2,0))^2+(VLOOKUP($A69,városok!$A$2:$C$346,3,0)-VLOOKUP(L$1,városok!$A$2:$C$346,3,0))^2)/1000,0)</f>
        <v>0</v>
      </c>
      <c r="M69">
        <f ca="1">ROUND(SQRT((VLOOKUP($A69,városok!$A$2:$C$346,2,0)-VLOOKUP(M$1,városok!$A$2:$C$346,2,0))^2+(VLOOKUP($A69,városok!$A$2:$C$346,3,0)-VLOOKUP(M$1,városok!$A$2:$C$346,3,0))^2)/1000,0)</f>
        <v>21</v>
      </c>
      <c r="N69">
        <f ca="1">ROUND(SQRT((VLOOKUP($A69,városok!$A$2:$C$346,2,0)-VLOOKUP(N$1,városok!$A$2:$C$346,2,0))^2+(VLOOKUP($A69,városok!$A$2:$C$346,3,0)-VLOOKUP(N$1,városok!$A$2:$C$346,3,0))^2)/1000,0)</f>
        <v>26</v>
      </c>
      <c r="O69">
        <f ca="1">ROUND(SQRT((VLOOKUP($A69,városok!$A$2:$C$346,2,0)-VLOOKUP(O$1,városok!$A$2:$C$346,2,0))^2+(VLOOKUP($A69,városok!$A$2:$C$346,3,0)-VLOOKUP(O$1,városok!$A$2:$C$346,3,0))^2)/1000,0)</f>
        <v>77</v>
      </c>
      <c r="P69">
        <f ca="1">ROUND(SQRT((VLOOKUP($A69,városok!$A$2:$C$346,2,0)-VLOOKUP(P$1,városok!$A$2:$C$346,2,0))^2+(VLOOKUP($A69,városok!$A$2:$C$346,3,0)-VLOOKUP(P$1,városok!$A$2:$C$346,3,0))^2)/1000,0)</f>
        <v>77</v>
      </c>
      <c r="Q69">
        <f ca="1">ROUND(SQRT((VLOOKUP($A69,városok!$A$2:$C$346,2,0)-VLOOKUP(Q$1,városok!$A$2:$C$346,2,0))^2+(VLOOKUP($A69,városok!$A$2:$C$346,3,0)-VLOOKUP(Q$1,városok!$A$2:$C$346,3,0))^2)/1000,0)</f>
        <v>205</v>
      </c>
      <c r="R69">
        <f ca="1">ROUND(SQRT((VLOOKUP($A69,városok!$A$2:$C$346,2,0)-VLOOKUP(R$1,városok!$A$2:$C$346,2,0))^2+(VLOOKUP($A69,városok!$A$2:$C$346,3,0)-VLOOKUP(R$1,városok!$A$2:$C$346,3,0))^2)/1000,0)</f>
        <v>227</v>
      </c>
      <c r="S69">
        <f ca="1">ROUND(SQRT((VLOOKUP($A69,városok!$A$2:$C$346,2,0)-VLOOKUP(S$1,városok!$A$2:$C$346,2,0))^2+(VLOOKUP($A69,városok!$A$2:$C$346,3,0)-VLOOKUP(S$1,városok!$A$2:$C$346,3,0))^2)/1000,0)</f>
        <v>226</v>
      </c>
      <c r="T69">
        <f ca="1">ROUND(SQRT((VLOOKUP($A69,városok!$A$2:$C$346,2,0)-VLOOKUP(T$1,városok!$A$2:$C$346,2,0))^2+(VLOOKUP($A69,városok!$A$2:$C$346,3,0)-VLOOKUP(T$1,városok!$A$2:$C$346,3,0))^2)/1000,0)</f>
        <v>172</v>
      </c>
      <c r="U69">
        <f ca="1">ROUND(SQRT((VLOOKUP($A69,városok!$A$2:$C$346,2,0)-VLOOKUP(U$1,városok!$A$2:$C$346,2,0))^2+(VLOOKUP($A69,városok!$A$2:$C$346,3,0)-VLOOKUP(U$1,városok!$A$2:$C$346,3,0))^2)/1000,0)</f>
        <v>192</v>
      </c>
      <c r="V69">
        <f ca="1">ROUND(SQRT((VLOOKUP($A69,városok!$A$2:$C$346,2,0)-VLOOKUP(V$1,városok!$A$2:$C$346,2,0))^2+(VLOOKUP($A69,városok!$A$2:$C$346,3,0)-VLOOKUP(V$1,városok!$A$2:$C$346,3,0))^2)/1000,0)</f>
        <v>220</v>
      </c>
      <c r="W69">
        <f ca="1">ROUND(SQRT((VLOOKUP($A69,városok!$A$2:$C$346,2,0)-VLOOKUP(W$1,városok!$A$2:$C$346,2,0))^2+(VLOOKUP($A69,városok!$A$2:$C$346,3,0)-VLOOKUP(W$1,városok!$A$2:$C$346,3,0))^2)/1000,0)</f>
        <v>215</v>
      </c>
      <c r="X69">
        <f ca="1">ROUND(SQRT((VLOOKUP($A69,városok!$A$2:$C$346,2,0)-VLOOKUP(X$1,városok!$A$2:$C$346,2,0))^2+(VLOOKUP($A69,városok!$A$2:$C$346,3,0)-VLOOKUP(X$1,városok!$A$2:$C$346,3,0))^2)/1000,0)</f>
        <v>203</v>
      </c>
      <c r="Y69">
        <f ca="1">ROUND(SQRT((VLOOKUP($A69,városok!$A$2:$C$346,2,0)-VLOOKUP(Y$1,városok!$A$2:$C$346,2,0))^2+(VLOOKUP($A69,városok!$A$2:$C$346,3,0)-VLOOKUP(Y$1,városok!$A$2:$C$346,3,0))^2)/1000,0)</f>
        <v>233</v>
      </c>
      <c r="Z69">
        <f ca="1">ROUND(SQRT((VLOOKUP($A69,városok!$A$2:$C$346,2,0)-VLOOKUP(Z$1,városok!$A$2:$C$346,2,0))^2+(VLOOKUP($A69,városok!$A$2:$C$346,3,0)-VLOOKUP(Z$1,városok!$A$2:$C$346,3,0))^2)/1000,0)</f>
        <v>249</v>
      </c>
      <c r="AA69">
        <f ca="1">ROUND(SQRT((VLOOKUP($A69,városok!$A$2:$C$346,2,0)-VLOOKUP(AA$1,városok!$A$2:$C$346,2,0))^2+(VLOOKUP($A69,városok!$A$2:$C$346,3,0)-VLOOKUP(AA$1,városok!$A$2:$C$346,3,0))^2)/1000,0)</f>
        <v>309</v>
      </c>
      <c r="AB69">
        <f ca="1">ROUND(SQRT((VLOOKUP($A69,városok!$A$2:$C$346,2,0)-VLOOKUP(AB$1,városok!$A$2:$C$346,2,0))^2+(VLOOKUP($A69,városok!$A$2:$C$346,3,0)-VLOOKUP(AB$1,városok!$A$2:$C$346,3,0))^2)/1000,0)</f>
        <v>110</v>
      </c>
      <c r="AC69">
        <f ca="1">ROUND(SQRT((VLOOKUP($A69,városok!$A$2:$C$346,2,0)-VLOOKUP(AC$1,városok!$A$2:$C$346,2,0))^2+(VLOOKUP($A69,városok!$A$2:$C$346,3,0)-VLOOKUP(AC$1,városok!$A$2:$C$346,3,0))^2)/1000,0)</f>
        <v>107</v>
      </c>
      <c r="AD69">
        <f ca="1">ROUND(SQRT((VLOOKUP($A69,városok!$A$2:$C$346,2,0)-VLOOKUP(AD$1,városok!$A$2:$C$346,2,0))^2+(VLOOKUP($A69,városok!$A$2:$C$346,3,0)-VLOOKUP(AD$1,városok!$A$2:$C$346,3,0))^2)/1000,0)</f>
        <v>100</v>
      </c>
      <c r="AE69">
        <f ca="1">ROUND(SQRT((VLOOKUP($A69,városok!$A$2:$C$346,2,0)-VLOOKUP(AE$1,városok!$A$2:$C$346,2,0))^2+(VLOOKUP($A69,városok!$A$2:$C$346,3,0)-VLOOKUP(AE$1,városok!$A$2:$C$346,3,0))^2)/1000,0)</f>
        <v>115</v>
      </c>
      <c r="AF69">
        <f ca="1">ROUND(SQRT((VLOOKUP($A69,városok!$A$2:$C$346,2,0)-VLOOKUP(AF$1,városok!$A$2:$C$346,2,0))^2+(VLOOKUP($A69,városok!$A$2:$C$346,3,0)-VLOOKUP(AF$1,városok!$A$2:$C$346,3,0))^2)/1000,0)</f>
        <v>44</v>
      </c>
      <c r="AG69">
        <f ca="1">ROUND(SQRT((VLOOKUP($A69,városok!$A$2:$C$346,2,0)-VLOOKUP(AG$1,városok!$A$2:$C$346,2,0))^2+(VLOOKUP($A69,városok!$A$2:$C$346,3,0)-VLOOKUP(AG$1,városok!$A$2:$C$346,3,0))^2)/1000,0)</f>
        <v>75</v>
      </c>
      <c r="AH69">
        <f ca="1">ROUND(SQRT((VLOOKUP($A69,városok!$A$2:$C$346,2,0)-VLOOKUP(AH$1,városok!$A$2:$C$346,2,0))^2+(VLOOKUP($A69,városok!$A$2:$C$346,3,0)-VLOOKUP(AH$1,városok!$A$2:$C$346,3,0))^2)/1000,0)</f>
        <v>97</v>
      </c>
      <c r="AI69">
        <f ca="1">ROUND(SQRT((VLOOKUP($A69,városok!$A$2:$C$346,2,0)-VLOOKUP(AI$1,városok!$A$2:$C$346,2,0))^2+(VLOOKUP($A69,városok!$A$2:$C$346,3,0)-VLOOKUP(AI$1,városok!$A$2:$C$346,3,0))^2)/1000,0)</f>
        <v>48</v>
      </c>
      <c r="AJ69">
        <f ca="1">ROUND(SQRT((VLOOKUP($A69,városok!$A$2:$C$346,2,0)-VLOOKUP(AJ$1,városok!$A$2:$C$346,2,0))^2+(VLOOKUP($A69,városok!$A$2:$C$346,3,0)-VLOOKUP(AJ$1,városok!$A$2:$C$346,3,0))^2)/1000,0)</f>
        <v>84</v>
      </c>
      <c r="AK69">
        <f ca="1">ROUND(SQRT((VLOOKUP($A69,városok!$A$2:$C$346,2,0)-VLOOKUP(AK$1,városok!$A$2:$C$346,2,0))^2+(VLOOKUP($A69,városok!$A$2:$C$346,3,0)-VLOOKUP(AK$1,városok!$A$2:$C$346,3,0))^2)/1000,0)</f>
        <v>111</v>
      </c>
      <c r="AL69">
        <f ca="1">ROUND(SQRT((VLOOKUP($A69,városok!$A$2:$C$346,2,0)-VLOOKUP(AL$1,városok!$A$2:$C$346,2,0))^2+(VLOOKUP($A69,városok!$A$2:$C$346,3,0)-VLOOKUP(AL$1,városok!$A$2:$C$346,3,0))^2)/1000,0)</f>
        <v>99</v>
      </c>
      <c r="AM69">
        <f ca="1">ROUND(SQRT((VLOOKUP($A69,városok!$A$2:$C$346,2,0)-VLOOKUP(AM$1,városok!$A$2:$C$346,2,0))^2+(VLOOKUP($A69,városok!$A$2:$C$346,3,0)-VLOOKUP(AM$1,városok!$A$2:$C$346,3,0))^2)/1000,0)</f>
        <v>124</v>
      </c>
      <c r="AN69">
        <f ca="1">ROUND(SQRT((VLOOKUP($A69,városok!$A$2:$C$346,2,0)-VLOOKUP(AN$1,városok!$A$2:$C$346,2,0))^2+(VLOOKUP($A69,városok!$A$2:$C$346,3,0)-VLOOKUP(AN$1,városok!$A$2:$C$346,3,0))^2)/1000,0)</f>
        <v>150</v>
      </c>
      <c r="AO69">
        <f ca="1">ROUND(SQRT((VLOOKUP($A69,városok!$A$2:$C$346,2,0)-VLOOKUP(AO$1,városok!$A$2:$C$346,2,0))^2+(VLOOKUP($A69,városok!$A$2:$C$346,3,0)-VLOOKUP(AO$1,városok!$A$2:$C$346,3,0))^2)/1000,0)</f>
        <v>196</v>
      </c>
      <c r="AP69">
        <f ca="1">ROUND(SQRT((VLOOKUP($A69,városok!$A$2:$C$346,2,0)-VLOOKUP(AP$1,városok!$A$2:$C$346,2,0))^2+(VLOOKUP($A69,városok!$A$2:$C$346,3,0)-VLOOKUP(AP$1,városok!$A$2:$C$346,3,0))^2)/1000,0)</f>
        <v>185</v>
      </c>
      <c r="AQ69">
        <f ca="1">ROUND(SQRT((VLOOKUP($A69,városok!$A$2:$C$346,2,0)-VLOOKUP(AQ$1,városok!$A$2:$C$346,2,0))^2+(VLOOKUP($A69,városok!$A$2:$C$346,3,0)-VLOOKUP(AQ$1,városok!$A$2:$C$346,3,0))^2)/1000,0)</f>
        <v>183</v>
      </c>
      <c r="AR69">
        <f ca="1">ROUND(SQRT((VLOOKUP($A69,városok!$A$2:$C$346,2,0)-VLOOKUP(AR$1,városok!$A$2:$C$346,2,0))^2+(VLOOKUP($A69,városok!$A$2:$C$346,3,0)-VLOOKUP(AR$1,városok!$A$2:$C$346,3,0))^2)/1000,0)</f>
        <v>79</v>
      </c>
      <c r="AS69">
        <f ca="1">ROUND(SQRT((VLOOKUP($A69,városok!$A$2:$C$346,2,0)-VLOOKUP(AS$1,városok!$A$2:$C$346,2,0))^2+(VLOOKUP($A69,városok!$A$2:$C$346,3,0)-VLOOKUP(AS$1,városok!$A$2:$C$346,3,0))^2)/1000,0)</f>
        <v>63</v>
      </c>
      <c r="AT69">
        <f ca="1">ROUND(SQRT((VLOOKUP($A69,városok!$A$2:$C$346,2,0)-VLOOKUP(AT$1,városok!$A$2:$C$346,2,0))^2+(VLOOKUP($A69,városok!$A$2:$C$346,3,0)-VLOOKUP(AT$1,városok!$A$2:$C$346,3,0))^2)/1000,0)</f>
        <v>161</v>
      </c>
      <c r="AU69">
        <f ca="1">ROUND(SQRT((VLOOKUP($A69,városok!$A$2:$C$346,2,0)-VLOOKUP(AU$1,városok!$A$2:$C$346,2,0))^2+(VLOOKUP($A69,városok!$A$2:$C$346,3,0)-VLOOKUP(AU$1,városok!$A$2:$C$346,3,0))^2)/1000,0)</f>
        <v>153</v>
      </c>
      <c r="AV69">
        <f ca="1">ROUND(SQRT((VLOOKUP($A69,városok!$A$2:$C$346,2,0)-VLOOKUP(AV$1,városok!$A$2:$C$346,2,0))^2+(VLOOKUP($A69,városok!$A$2:$C$346,3,0)-VLOOKUP(AV$1,városok!$A$2:$C$346,3,0))^2)/1000,0)</f>
        <v>157</v>
      </c>
      <c r="AW69">
        <f ca="1">ROUND(SQRT((VLOOKUP($A69,városok!$A$2:$C$346,2,0)-VLOOKUP(AW$1,városok!$A$2:$C$346,2,0))^2+(VLOOKUP($A69,városok!$A$2:$C$346,3,0)-VLOOKUP(AW$1,városok!$A$2:$C$346,3,0))^2)/1000,0)</f>
        <v>161</v>
      </c>
      <c r="AX69">
        <f ca="1">ROUND(SQRT((VLOOKUP($A69,városok!$A$2:$C$346,2,0)-VLOOKUP(AX$1,városok!$A$2:$C$346,2,0))^2+(VLOOKUP($A69,városok!$A$2:$C$346,3,0)-VLOOKUP(AX$1,városok!$A$2:$C$346,3,0))^2)/1000,0)</f>
        <v>150</v>
      </c>
      <c r="AY69">
        <f ca="1">ROUND(SQRT((VLOOKUP($A69,városok!$A$2:$C$346,2,0)-VLOOKUP(AY$1,városok!$A$2:$C$346,2,0))^2+(VLOOKUP($A69,városok!$A$2:$C$346,3,0)-VLOOKUP(AY$1,városok!$A$2:$C$346,3,0))^2)/1000,0)</f>
        <v>133</v>
      </c>
      <c r="AZ69">
        <f ca="1">ROUND(SQRT((VLOOKUP($A69,városok!$A$2:$C$346,2,0)-VLOOKUP(AZ$1,városok!$A$2:$C$346,2,0))^2+(VLOOKUP($A69,városok!$A$2:$C$346,3,0)-VLOOKUP(AZ$1,városok!$A$2:$C$346,3,0))^2)/1000,0)</f>
        <v>135</v>
      </c>
      <c r="BA69">
        <f ca="1">ROUND(SQRT((VLOOKUP($A69,városok!$A$2:$C$346,2,0)-VLOOKUP(BA$1,városok!$A$2:$C$346,2,0))^2+(VLOOKUP($A69,városok!$A$2:$C$346,3,0)-VLOOKUP(BA$1,városok!$A$2:$C$346,3,0))^2)/1000,0)</f>
        <v>275</v>
      </c>
      <c r="BB69">
        <f ca="1">ROUND(SQRT((VLOOKUP($A69,városok!$A$2:$C$346,2,0)-VLOOKUP(BB$1,városok!$A$2:$C$346,2,0))^2+(VLOOKUP($A69,városok!$A$2:$C$346,3,0)-VLOOKUP(BB$1,városok!$A$2:$C$346,3,0))^2)/1000,0)</f>
        <v>279</v>
      </c>
      <c r="BC69">
        <f ca="1">ROUND(SQRT((VLOOKUP($A69,városok!$A$2:$C$346,2,0)-VLOOKUP(BC$1,városok!$A$2:$C$346,2,0))^2+(VLOOKUP($A69,városok!$A$2:$C$346,3,0)-VLOOKUP(BC$1,városok!$A$2:$C$346,3,0))^2)/1000,0)</f>
        <v>301</v>
      </c>
      <c r="BD69">
        <f ca="1">ROUND(SQRT((VLOOKUP($A69,városok!$A$2:$C$346,2,0)-VLOOKUP(BD$1,városok!$A$2:$C$346,2,0))^2+(VLOOKUP($A69,városok!$A$2:$C$346,3,0)-VLOOKUP(BD$1,városok!$A$2:$C$346,3,0))^2)/1000,0)</f>
        <v>244</v>
      </c>
      <c r="BE69">
        <f ca="1">ROUND(SQRT((VLOOKUP($A69,városok!$A$2:$C$346,2,0)-VLOOKUP(BE$1,városok!$A$2:$C$346,2,0))^2+(VLOOKUP($A69,városok!$A$2:$C$346,3,0)-VLOOKUP(BE$1,városok!$A$2:$C$346,3,0))^2)/1000,0)</f>
        <v>159</v>
      </c>
      <c r="BF69">
        <f ca="1">ROUND(SQRT((VLOOKUP($A69,városok!$A$2:$C$346,2,0)-VLOOKUP(BF$1,városok!$A$2:$C$346,2,0))^2+(VLOOKUP($A69,városok!$A$2:$C$346,3,0)-VLOOKUP(BF$1,városok!$A$2:$C$346,3,0))^2)/1000,0)</f>
        <v>107</v>
      </c>
      <c r="BG69">
        <f ca="1">ROUND(SQRT((VLOOKUP($A69,városok!$A$2:$C$346,2,0)-VLOOKUP(BG$1,városok!$A$2:$C$346,2,0))^2+(VLOOKUP($A69,városok!$A$2:$C$346,3,0)-VLOOKUP(BG$1,városok!$A$2:$C$346,3,0))^2)/1000,0)</f>
        <v>64</v>
      </c>
      <c r="BH69">
        <f ca="1">ROUND(SQRT((VLOOKUP($A69,városok!$A$2:$C$346,2,0)-VLOOKUP(BH$1,városok!$A$2:$C$346,2,0))^2+(VLOOKUP($A69,városok!$A$2:$C$346,3,0)-VLOOKUP(BH$1,városok!$A$2:$C$346,3,0))^2)/1000,0)</f>
        <v>63</v>
      </c>
      <c r="BI69">
        <f ca="1">ROUND(SQRT((VLOOKUP($A69,városok!$A$2:$C$346,2,0)-VLOOKUP(BI$1,városok!$A$2:$C$346,2,0))^2+(VLOOKUP($A69,városok!$A$2:$C$346,3,0)-VLOOKUP(BI$1,városok!$A$2:$C$346,3,0))^2)/1000,0)</f>
        <v>256</v>
      </c>
      <c r="BJ69">
        <f ca="1">ROUND(SQRT((VLOOKUP($A69,városok!$A$2:$C$346,2,0)-VLOOKUP(BJ$1,városok!$A$2:$C$346,2,0))^2+(VLOOKUP($A69,városok!$A$2:$C$346,3,0)-VLOOKUP(BJ$1,városok!$A$2:$C$346,3,0))^2)/1000,0)</f>
        <v>274</v>
      </c>
      <c r="BK69">
        <f ca="1">ROUND(SQRT((VLOOKUP($A69,városok!$A$2:$C$346,2,0)-VLOOKUP(BK$1,városok!$A$2:$C$346,2,0))^2+(VLOOKUP($A69,városok!$A$2:$C$346,3,0)-VLOOKUP(BK$1,városok!$A$2:$C$346,3,0))^2)/1000,0)</f>
        <v>257</v>
      </c>
      <c r="BL69">
        <f ca="1">ROUND(SQRT((VLOOKUP($A69,városok!$A$2:$C$346,2,0)-VLOOKUP(BL$1,városok!$A$2:$C$346,2,0))^2+(VLOOKUP($A69,városok!$A$2:$C$346,3,0)-VLOOKUP(BL$1,városok!$A$2:$C$346,3,0))^2)/1000,0)</f>
        <v>333</v>
      </c>
      <c r="BM69">
        <f ca="1">ROUND(SQRT((VLOOKUP($A69,városok!$A$2:$C$346,2,0)-VLOOKUP(BM$1,városok!$A$2:$C$346,2,0))^2+(VLOOKUP($A69,városok!$A$2:$C$346,3,0)-VLOOKUP(BM$1,városok!$A$2:$C$346,3,0))^2)/1000,0)</f>
        <v>299</v>
      </c>
      <c r="BN69">
        <f ca="1">ROUND(SQRT((VLOOKUP($A69,városok!$A$2:$C$346,2,0)-VLOOKUP(BN$1,városok!$A$2:$C$346,2,0))^2+(VLOOKUP($A69,városok!$A$2:$C$346,3,0)-VLOOKUP(BN$1,városok!$A$2:$C$346,3,0))^2)/1000,0)</f>
        <v>321</v>
      </c>
      <c r="BO69">
        <f ca="1">ROUND(SQRT((VLOOKUP($A69,városok!$A$2:$C$346,2,0)-VLOOKUP(BO$1,városok!$A$2:$C$346,2,0))^2+(VLOOKUP($A69,városok!$A$2:$C$346,3,0)-VLOOKUP(BO$1,városok!$A$2:$C$346,3,0))^2)/1000,0)</f>
        <v>239</v>
      </c>
      <c r="BP69">
        <f ca="1">ROUND(SQRT((VLOOKUP($A69,városok!$A$2:$C$346,2,0)-VLOOKUP(BP$1,városok!$A$2:$C$346,2,0))^2+(VLOOKUP($A69,városok!$A$2:$C$346,3,0)-VLOOKUP(BP$1,városok!$A$2:$C$346,3,0))^2)/1000,0)</f>
        <v>233</v>
      </c>
      <c r="BQ69">
        <f ca="1">ROUND(SQRT((VLOOKUP($A69,városok!$A$2:$C$346,2,0)-VLOOKUP(BQ$1,városok!$A$2:$C$346,2,0))^2+(VLOOKUP($A69,városok!$A$2:$C$346,3,0)-VLOOKUP(BQ$1,városok!$A$2:$C$346,3,0))^2)/1000,0)</f>
        <v>242</v>
      </c>
      <c r="BR69">
        <f ca="1">ROUND(SQRT((VLOOKUP($A69,városok!$A$2:$C$346,2,0)-VLOOKUP(BR$1,városok!$A$2:$C$346,2,0))^2+(VLOOKUP($A69,városok!$A$2:$C$346,3,0)-VLOOKUP(BR$1,városok!$A$2:$C$346,3,0))^2)/1000,0)</f>
        <v>303</v>
      </c>
      <c r="BS69">
        <f ca="1">ROUND(SQRT((VLOOKUP($A69,városok!$A$2:$C$346,2,0)-VLOOKUP(BS$1,városok!$A$2:$C$346,2,0))^2+(VLOOKUP($A69,városok!$A$2:$C$346,3,0)-VLOOKUP(BS$1,városok!$A$2:$C$346,3,0))^2)/1000,0)</f>
        <v>340</v>
      </c>
      <c r="BT69">
        <f ca="1">ROUND(SQRT((VLOOKUP($A69,városok!$A$2:$C$346,2,0)-VLOOKUP(BT$1,városok!$A$2:$C$346,2,0))^2+(VLOOKUP($A69,városok!$A$2:$C$346,3,0)-VLOOKUP(BT$1,városok!$A$2:$C$346,3,0))^2)/1000,0)</f>
        <v>326</v>
      </c>
    </row>
    <row r="70" spans="1:72" x14ac:dyDescent="0.2">
      <c r="A70" t="str">
        <f>városok!A70</f>
        <v>Mezőcsát</v>
      </c>
      <c r="B70">
        <f ca="1">ROUND(SQRT((VLOOKUP($A70,városok!$A$2:$C$346,2,0)-VLOOKUP(B$1,városok!$A$2:$C$346,2,0))^2+(VLOOKUP($A70,városok!$A$2:$C$346,3,0)-VLOOKUP(B$1,városok!$A$2:$C$346,3,0))^2)/1000,0)</f>
        <v>235</v>
      </c>
      <c r="C70">
        <f ca="1">ROUND(SQRT((VLOOKUP($A70,városok!$A$2:$C$346,2,0)-VLOOKUP(C$1,városok!$A$2:$C$346,2,0))^2+(VLOOKUP($A70,városok!$A$2:$C$346,3,0)-VLOOKUP(C$1,városok!$A$2:$C$346,3,0))^2)/1000,0)</f>
        <v>205</v>
      </c>
      <c r="D70">
        <f ca="1">ROUND(SQRT((VLOOKUP($A70,városok!$A$2:$C$346,2,0)-VLOOKUP(D$1,városok!$A$2:$C$346,2,0))^2+(VLOOKUP($A70,városok!$A$2:$C$346,3,0)-VLOOKUP(D$1,városok!$A$2:$C$346,3,0))^2)/1000,0)</f>
        <v>137</v>
      </c>
      <c r="E70">
        <f ca="1">ROUND(SQRT((VLOOKUP($A70,városok!$A$2:$C$346,2,0)-VLOOKUP(E$1,városok!$A$2:$C$346,2,0))^2+(VLOOKUP($A70,városok!$A$2:$C$346,3,0)-VLOOKUP(E$1,városok!$A$2:$C$346,3,0))^2)/1000,0)</f>
        <v>271</v>
      </c>
      <c r="F70">
        <f ca="1">ROUND(SQRT((VLOOKUP($A70,városok!$A$2:$C$346,2,0)-VLOOKUP(F$1,városok!$A$2:$C$346,2,0))^2+(VLOOKUP($A70,városok!$A$2:$C$346,3,0)-VLOOKUP(F$1,városok!$A$2:$C$346,3,0))^2)/1000,0)</f>
        <v>265</v>
      </c>
      <c r="G70">
        <f ca="1">ROUND(SQRT((VLOOKUP($A70,városok!$A$2:$C$346,2,0)-VLOOKUP(G$1,városok!$A$2:$C$346,2,0))^2+(VLOOKUP($A70,városok!$A$2:$C$346,3,0)-VLOOKUP(G$1,városok!$A$2:$C$346,3,0))^2)/1000,0)</f>
        <v>280</v>
      </c>
      <c r="H70">
        <f ca="1">ROUND(SQRT((VLOOKUP($A70,városok!$A$2:$C$346,2,0)-VLOOKUP(H$1,városok!$A$2:$C$346,2,0))^2+(VLOOKUP($A70,városok!$A$2:$C$346,3,0)-VLOOKUP(H$1,városok!$A$2:$C$346,3,0))^2)/1000,0)</f>
        <v>308</v>
      </c>
      <c r="I70">
        <f ca="1">ROUND(SQRT((VLOOKUP($A70,városok!$A$2:$C$346,2,0)-VLOOKUP(I$1,városok!$A$2:$C$346,2,0))^2+(VLOOKUP($A70,városok!$A$2:$C$346,3,0)-VLOOKUP(I$1,városok!$A$2:$C$346,3,0))^2)/1000,0)</f>
        <v>128</v>
      </c>
      <c r="J70">
        <f ca="1">ROUND(SQRT((VLOOKUP($A70,városok!$A$2:$C$346,2,0)-VLOOKUP(J$1,városok!$A$2:$C$346,2,0))^2+(VLOOKUP($A70,városok!$A$2:$C$346,3,0)-VLOOKUP(J$1,városok!$A$2:$C$346,3,0))^2)/1000,0)</f>
        <v>134</v>
      </c>
      <c r="K70">
        <f ca="1">ROUND(SQRT((VLOOKUP($A70,városok!$A$2:$C$346,2,0)-VLOOKUP(K$1,városok!$A$2:$C$346,2,0))^2+(VLOOKUP($A70,városok!$A$2:$C$346,3,0)-VLOOKUP(K$1,városok!$A$2:$C$346,3,0))^2)/1000,0)</f>
        <v>141</v>
      </c>
      <c r="L70">
        <f ca="1">ROUND(SQRT((VLOOKUP($A70,városok!$A$2:$C$346,2,0)-VLOOKUP(L$1,városok!$A$2:$C$346,2,0))^2+(VLOOKUP($A70,városok!$A$2:$C$346,3,0)-VLOOKUP(L$1,városok!$A$2:$C$346,3,0))^2)/1000,0)</f>
        <v>52</v>
      </c>
      <c r="M70">
        <f ca="1">ROUND(SQRT((VLOOKUP($A70,városok!$A$2:$C$346,2,0)-VLOOKUP(M$1,városok!$A$2:$C$346,2,0))^2+(VLOOKUP($A70,városok!$A$2:$C$346,3,0)-VLOOKUP(M$1,városok!$A$2:$C$346,3,0))^2)/1000,0)</f>
        <v>32</v>
      </c>
      <c r="N70">
        <f ca="1">ROUND(SQRT((VLOOKUP($A70,városok!$A$2:$C$346,2,0)-VLOOKUP(N$1,városok!$A$2:$C$346,2,0))^2+(VLOOKUP($A70,városok!$A$2:$C$346,3,0)-VLOOKUP(N$1,városok!$A$2:$C$346,3,0))^2)/1000,0)</f>
        <v>64</v>
      </c>
      <c r="O70">
        <f ca="1">ROUND(SQRT((VLOOKUP($A70,városok!$A$2:$C$346,2,0)-VLOOKUP(O$1,városok!$A$2:$C$346,2,0))^2+(VLOOKUP($A70,városok!$A$2:$C$346,3,0)-VLOOKUP(O$1,városok!$A$2:$C$346,3,0))^2)/1000,0)</f>
        <v>85</v>
      </c>
      <c r="P70">
        <f ca="1">ROUND(SQRT((VLOOKUP($A70,városok!$A$2:$C$346,2,0)-VLOOKUP(P$1,városok!$A$2:$C$346,2,0))^2+(VLOOKUP($A70,városok!$A$2:$C$346,3,0)-VLOOKUP(P$1,városok!$A$2:$C$346,3,0))^2)/1000,0)</f>
        <v>85</v>
      </c>
      <c r="Q70">
        <f ca="1">ROUND(SQRT((VLOOKUP($A70,városok!$A$2:$C$346,2,0)-VLOOKUP(Q$1,városok!$A$2:$C$346,2,0))^2+(VLOOKUP($A70,városok!$A$2:$C$346,3,0)-VLOOKUP(Q$1,városok!$A$2:$C$346,3,0))^2)/1000,0)</f>
        <v>162</v>
      </c>
      <c r="R70">
        <f ca="1">ROUND(SQRT((VLOOKUP($A70,városok!$A$2:$C$346,2,0)-VLOOKUP(R$1,városok!$A$2:$C$346,2,0))^2+(VLOOKUP($A70,városok!$A$2:$C$346,3,0)-VLOOKUP(R$1,városok!$A$2:$C$346,3,0))^2)/1000,0)</f>
        <v>181</v>
      </c>
      <c r="S70">
        <f ca="1">ROUND(SQRT((VLOOKUP($A70,városok!$A$2:$C$346,2,0)-VLOOKUP(S$1,városok!$A$2:$C$346,2,0))^2+(VLOOKUP($A70,városok!$A$2:$C$346,3,0)-VLOOKUP(S$1,városok!$A$2:$C$346,3,0))^2)/1000,0)</f>
        <v>184</v>
      </c>
      <c r="T70">
        <f ca="1">ROUND(SQRT((VLOOKUP($A70,városok!$A$2:$C$346,2,0)-VLOOKUP(T$1,városok!$A$2:$C$346,2,0))^2+(VLOOKUP($A70,városok!$A$2:$C$346,3,0)-VLOOKUP(T$1,városok!$A$2:$C$346,3,0))^2)/1000,0)</f>
        <v>175</v>
      </c>
      <c r="U70">
        <f ca="1">ROUND(SQRT((VLOOKUP($A70,városok!$A$2:$C$346,2,0)-VLOOKUP(U$1,városok!$A$2:$C$346,2,0))^2+(VLOOKUP($A70,városok!$A$2:$C$346,3,0)-VLOOKUP(U$1,városok!$A$2:$C$346,3,0))^2)/1000,0)</f>
        <v>177</v>
      </c>
      <c r="V70">
        <f ca="1">ROUND(SQRT((VLOOKUP($A70,városok!$A$2:$C$346,2,0)-VLOOKUP(V$1,városok!$A$2:$C$346,2,0))^2+(VLOOKUP($A70,városok!$A$2:$C$346,3,0)-VLOOKUP(V$1,városok!$A$2:$C$346,3,0))^2)/1000,0)</f>
        <v>214</v>
      </c>
      <c r="W70">
        <f ca="1">ROUND(SQRT((VLOOKUP($A70,városok!$A$2:$C$346,2,0)-VLOOKUP(W$1,városok!$A$2:$C$346,2,0))^2+(VLOOKUP($A70,városok!$A$2:$C$346,3,0)-VLOOKUP(W$1,városok!$A$2:$C$346,3,0))^2)/1000,0)</f>
        <v>201</v>
      </c>
      <c r="X70">
        <f ca="1">ROUND(SQRT((VLOOKUP($A70,városok!$A$2:$C$346,2,0)-VLOOKUP(X$1,városok!$A$2:$C$346,2,0))^2+(VLOOKUP($A70,városok!$A$2:$C$346,3,0)-VLOOKUP(X$1,városok!$A$2:$C$346,3,0))^2)/1000,0)</f>
        <v>203</v>
      </c>
      <c r="Y70">
        <f ca="1">ROUND(SQRT((VLOOKUP($A70,városok!$A$2:$C$346,2,0)-VLOOKUP(Y$1,városok!$A$2:$C$346,2,0))^2+(VLOOKUP($A70,városok!$A$2:$C$346,3,0)-VLOOKUP(Y$1,városok!$A$2:$C$346,3,0))^2)/1000,0)</f>
        <v>246</v>
      </c>
      <c r="Z70">
        <f ca="1">ROUND(SQRT((VLOOKUP($A70,városok!$A$2:$C$346,2,0)-VLOOKUP(Z$1,városok!$A$2:$C$346,2,0))^2+(VLOOKUP($A70,városok!$A$2:$C$346,3,0)-VLOOKUP(Z$1,városok!$A$2:$C$346,3,0))^2)/1000,0)</f>
        <v>264</v>
      </c>
      <c r="AA70">
        <f ca="1">ROUND(SQRT((VLOOKUP($A70,városok!$A$2:$C$346,2,0)-VLOOKUP(AA$1,városok!$A$2:$C$346,2,0))^2+(VLOOKUP($A70,városok!$A$2:$C$346,3,0)-VLOOKUP(AA$1,városok!$A$2:$C$346,3,0))^2)/1000,0)</f>
        <v>324</v>
      </c>
      <c r="AB70">
        <f ca="1">ROUND(SQRT((VLOOKUP($A70,városok!$A$2:$C$346,2,0)-VLOOKUP(AB$1,városok!$A$2:$C$346,2,0))^2+(VLOOKUP($A70,városok!$A$2:$C$346,3,0)-VLOOKUP(AB$1,városok!$A$2:$C$346,3,0))^2)/1000,0)</f>
        <v>64</v>
      </c>
      <c r="AC70">
        <f ca="1">ROUND(SQRT((VLOOKUP($A70,városok!$A$2:$C$346,2,0)-VLOOKUP(AC$1,városok!$A$2:$C$346,2,0))^2+(VLOOKUP($A70,városok!$A$2:$C$346,3,0)-VLOOKUP(AC$1,városok!$A$2:$C$346,3,0))^2)/1000,0)</f>
        <v>56</v>
      </c>
      <c r="AD70">
        <f ca="1">ROUND(SQRT((VLOOKUP($A70,városok!$A$2:$C$346,2,0)-VLOOKUP(AD$1,városok!$A$2:$C$346,2,0))^2+(VLOOKUP($A70,városok!$A$2:$C$346,3,0)-VLOOKUP(AD$1,városok!$A$2:$C$346,3,0))^2)/1000,0)</f>
        <v>48</v>
      </c>
      <c r="AE70">
        <f ca="1">ROUND(SQRT((VLOOKUP($A70,városok!$A$2:$C$346,2,0)-VLOOKUP(AE$1,városok!$A$2:$C$346,2,0))^2+(VLOOKUP($A70,városok!$A$2:$C$346,3,0)-VLOOKUP(AE$1,városok!$A$2:$C$346,3,0))^2)/1000,0)</f>
        <v>63</v>
      </c>
      <c r="AF70">
        <f ca="1">ROUND(SQRT((VLOOKUP($A70,városok!$A$2:$C$346,2,0)-VLOOKUP(AF$1,városok!$A$2:$C$346,2,0))^2+(VLOOKUP($A70,városok!$A$2:$C$346,3,0)-VLOOKUP(AF$1,városok!$A$2:$C$346,3,0))^2)/1000,0)</f>
        <v>40</v>
      </c>
      <c r="AG70">
        <f ca="1">ROUND(SQRT((VLOOKUP($A70,városok!$A$2:$C$346,2,0)-VLOOKUP(AG$1,városok!$A$2:$C$346,2,0))^2+(VLOOKUP($A70,városok!$A$2:$C$346,3,0)-VLOOKUP(AG$1,városok!$A$2:$C$346,3,0))^2)/1000,0)</f>
        <v>73</v>
      </c>
      <c r="AH70">
        <f ca="1">ROUND(SQRT((VLOOKUP($A70,városok!$A$2:$C$346,2,0)-VLOOKUP(AH$1,városok!$A$2:$C$346,2,0))^2+(VLOOKUP($A70,városok!$A$2:$C$346,3,0)-VLOOKUP(AH$1,városok!$A$2:$C$346,3,0))^2)/1000,0)</f>
        <v>94</v>
      </c>
      <c r="AI70">
        <f ca="1">ROUND(SQRT((VLOOKUP($A70,városok!$A$2:$C$346,2,0)-VLOOKUP(AI$1,városok!$A$2:$C$346,2,0))^2+(VLOOKUP($A70,városok!$A$2:$C$346,3,0)-VLOOKUP(AI$1,városok!$A$2:$C$346,3,0))^2)/1000,0)</f>
        <v>64</v>
      </c>
      <c r="AJ70">
        <f ca="1">ROUND(SQRT((VLOOKUP($A70,városok!$A$2:$C$346,2,0)-VLOOKUP(AJ$1,városok!$A$2:$C$346,2,0))^2+(VLOOKUP($A70,városok!$A$2:$C$346,3,0)-VLOOKUP(AJ$1,városok!$A$2:$C$346,3,0))^2)/1000,0)</f>
        <v>72</v>
      </c>
      <c r="AK70">
        <f ca="1">ROUND(SQRT((VLOOKUP($A70,városok!$A$2:$C$346,2,0)-VLOOKUP(AK$1,városok!$A$2:$C$346,2,0))^2+(VLOOKUP($A70,városok!$A$2:$C$346,3,0)-VLOOKUP(AK$1,városok!$A$2:$C$346,3,0))^2)/1000,0)</f>
        <v>60</v>
      </c>
      <c r="AL70">
        <f ca="1">ROUND(SQRT((VLOOKUP($A70,városok!$A$2:$C$346,2,0)-VLOOKUP(AL$1,városok!$A$2:$C$346,2,0))^2+(VLOOKUP($A70,városok!$A$2:$C$346,3,0)-VLOOKUP(AL$1,városok!$A$2:$C$346,3,0))^2)/1000,0)</f>
        <v>55</v>
      </c>
      <c r="AM70">
        <f ca="1">ROUND(SQRT((VLOOKUP($A70,városok!$A$2:$C$346,2,0)-VLOOKUP(AM$1,városok!$A$2:$C$346,2,0))^2+(VLOOKUP($A70,városok!$A$2:$C$346,3,0)-VLOOKUP(AM$1,városok!$A$2:$C$346,3,0))^2)/1000,0)</f>
        <v>90</v>
      </c>
      <c r="AN70">
        <f ca="1">ROUND(SQRT((VLOOKUP($A70,városok!$A$2:$C$346,2,0)-VLOOKUP(AN$1,városok!$A$2:$C$346,2,0))^2+(VLOOKUP($A70,városok!$A$2:$C$346,3,0)-VLOOKUP(AN$1,városok!$A$2:$C$346,3,0))^2)/1000,0)</f>
        <v>162</v>
      </c>
      <c r="AO70">
        <f ca="1">ROUND(SQRT((VLOOKUP($A70,városok!$A$2:$C$346,2,0)-VLOOKUP(AO$1,városok!$A$2:$C$346,2,0))^2+(VLOOKUP($A70,városok!$A$2:$C$346,3,0)-VLOOKUP(AO$1,városok!$A$2:$C$346,3,0))^2)/1000,0)</f>
        <v>209</v>
      </c>
      <c r="AP70">
        <f ca="1">ROUND(SQRT((VLOOKUP($A70,városok!$A$2:$C$346,2,0)-VLOOKUP(AP$1,városok!$A$2:$C$346,2,0))^2+(VLOOKUP($A70,városok!$A$2:$C$346,3,0)-VLOOKUP(AP$1,városok!$A$2:$C$346,3,0))^2)/1000,0)</f>
        <v>194</v>
      </c>
      <c r="AQ70">
        <f ca="1">ROUND(SQRT((VLOOKUP($A70,városok!$A$2:$C$346,2,0)-VLOOKUP(AQ$1,városok!$A$2:$C$346,2,0))^2+(VLOOKUP($A70,városok!$A$2:$C$346,3,0)-VLOOKUP(AQ$1,városok!$A$2:$C$346,3,0))^2)/1000,0)</f>
        <v>189</v>
      </c>
      <c r="AR70">
        <f ca="1">ROUND(SQRT((VLOOKUP($A70,városok!$A$2:$C$346,2,0)-VLOOKUP(AR$1,városok!$A$2:$C$346,2,0))^2+(VLOOKUP($A70,városok!$A$2:$C$346,3,0)-VLOOKUP(AR$1,városok!$A$2:$C$346,3,0))^2)/1000,0)</f>
        <v>91</v>
      </c>
      <c r="AS70">
        <f ca="1">ROUND(SQRT((VLOOKUP($A70,városok!$A$2:$C$346,2,0)-VLOOKUP(AS$1,városok!$A$2:$C$346,2,0))^2+(VLOOKUP($A70,városok!$A$2:$C$346,3,0)-VLOOKUP(AS$1,városok!$A$2:$C$346,3,0))^2)/1000,0)</f>
        <v>88</v>
      </c>
      <c r="AT70">
        <f ca="1">ROUND(SQRT((VLOOKUP($A70,városok!$A$2:$C$346,2,0)-VLOOKUP(AT$1,városok!$A$2:$C$346,2,0))^2+(VLOOKUP($A70,városok!$A$2:$C$346,3,0)-VLOOKUP(AT$1,városok!$A$2:$C$346,3,0))^2)/1000,0)</f>
        <v>162</v>
      </c>
      <c r="AU70">
        <f ca="1">ROUND(SQRT((VLOOKUP($A70,városok!$A$2:$C$346,2,0)-VLOOKUP(AU$1,városok!$A$2:$C$346,2,0))^2+(VLOOKUP($A70,városok!$A$2:$C$346,3,0)-VLOOKUP(AU$1,városok!$A$2:$C$346,3,0))^2)/1000,0)</f>
        <v>151</v>
      </c>
      <c r="AV70">
        <f ca="1">ROUND(SQRT((VLOOKUP($A70,városok!$A$2:$C$346,2,0)-VLOOKUP(AV$1,városok!$A$2:$C$346,2,0))^2+(VLOOKUP($A70,városok!$A$2:$C$346,3,0)-VLOOKUP(AV$1,városok!$A$2:$C$346,3,0))^2)/1000,0)</f>
        <v>154</v>
      </c>
      <c r="AW70">
        <f ca="1">ROUND(SQRT((VLOOKUP($A70,városok!$A$2:$C$346,2,0)-VLOOKUP(AW$1,városok!$A$2:$C$346,2,0))^2+(VLOOKUP($A70,városok!$A$2:$C$346,3,0)-VLOOKUP(AW$1,városok!$A$2:$C$346,3,0))^2)/1000,0)</f>
        <v>157</v>
      </c>
      <c r="AX70">
        <f ca="1">ROUND(SQRT((VLOOKUP($A70,városok!$A$2:$C$346,2,0)-VLOOKUP(AX$1,városok!$A$2:$C$346,2,0))^2+(VLOOKUP($A70,városok!$A$2:$C$346,3,0)-VLOOKUP(AX$1,városok!$A$2:$C$346,3,0))^2)/1000,0)</f>
        <v>122</v>
      </c>
      <c r="AY70">
        <f ca="1">ROUND(SQRT((VLOOKUP($A70,városok!$A$2:$C$346,2,0)-VLOOKUP(AY$1,városok!$A$2:$C$346,2,0))^2+(VLOOKUP($A70,városok!$A$2:$C$346,3,0)-VLOOKUP(AY$1,városok!$A$2:$C$346,3,0))^2)/1000,0)</f>
        <v>139</v>
      </c>
      <c r="AZ70">
        <f ca="1">ROUND(SQRT((VLOOKUP($A70,városok!$A$2:$C$346,2,0)-VLOOKUP(AZ$1,városok!$A$2:$C$346,2,0))^2+(VLOOKUP($A70,városok!$A$2:$C$346,3,0)-VLOOKUP(AZ$1,városok!$A$2:$C$346,3,0))^2)/1000,0)</f>
        <v>145</v>
      </c>
      <c r="BA70">
        <f ca="1">ROUND(SQRT((VLOOKUP($A70,városok!$A$2:$C$346,2,0)-VLOOKUP(BA$1,városok!$A$2:$C$346,2,0))^2+(VLOOKUP($A70,városok!$A$2:$C$346,3,0)-VLOOKUP(BA$1,városok!$A$2:$C$346,3,0))^2)/1000,0)</f>
        <v>268</v>
      </c>
      <c r="BB70">
        <f ca="1">ROUND(SQRT((VLOOKUP($A70,városok!$A$2:$C$346,2,0)-VLOOKUP(BB$1,városok!$A$2:$C$346,2,0))^2+(VLOOKUP($A70,városok!$A$2:$C$346,3,0)-VLOOKUP(BB$1,városok!$A$2:$C$346,3,0))^2)/1000,0)</f>
        <v>266</v>
      </c>
      <c r="BC70">
        <f ca="1">ROUND(SQRT((VLOOKUP($A70,városok!$A$2:$C$346,2,0)-VLOOKUP(BC$1,városok!$A$2:$C$346,2,0))^2+(VLOOKUP($A70,városok!$A$2:$C$346,3,0)-VLOOKUP(BC$1,városok!$A$2:$C$346,3,0))^2)/1000,0)</f>
        <v>287</v>
      </c>
      <c r="BD70">
        <f ca="1">ROUND(SQRT((VLOOKUP($A70,városok!$A$2:$C$346,2,0)-VLOOKUP(BD$1,városok!$A$2:$C$346,2,0))^2+(VLOOKUP($A70,városok!$A$2:$C$346,3,0)-VLOOKUP(BD$1,városok!$A$2:$C$346,3,0))^2)/1000,0)</f>
        <v>237</v>
      </c>
      <c r="BE70">
        <f ca="1">ROUND(SQRT((VLOOKUP($A70,városok!$A$2:$C$346,2,0)-VLOOKUP(BE$1,városok!$A$2:$C$346,2,0))^2+(VLOOKUP($A70,városok!$A$2:$C$346,3,0)-VLOOKUP(BE$1,városok!$A$2:$C$346,3,0))^2)/1000,0)</f>
        <v>132</v>
      </c>
      <c r="BF70">
        <f ca="1">ROUND(SQRT((VLOOKUP($A70,városok!$A$2:$C$346,2,0)-VLOOKUP(BF$1,városok!$A$2:$C$346,2,0))^2+(VLOOKUP($A70,városok!$A$2:$C$346,3,0)-VLOOKUP(BF$1,városok!$A$2:$C$346,3,0))^2)/1000,0)</f>
        <v>98</v>
      </c>
      <c r="BG70">
        <f ca="1">ROUND(SQRT((VLOOKUP($A70,városok!$A$2:$C$346,2,0)-VLOOKUP(BG$1,városok!$A$2:$C$346,2,0))^2+(VLOOKUP($A70,városok!$A$2:$C$346,3,0)-VLOOKUP(BG$1,városok!$A$2:$C$346,3,0))^2)/1000,0)</f>
        <v>54</v>
      </c>
      <c r="BH70">
        <f ca="1">ROUND(SQRT((VLOOKUP($A70,városok!$A$2:$C$346,2,0)-VLOOKUP(BH$1,városok!$A$2:$C$346,2,0))^2+(VLOOKUP($A70,városok!$A$2:$C$346,3,0)-VLOOKUP(BH$1,városok!$A$2:$C$346,3,0))^2)/1000,0)</f>
        <v>53</v>
      </c>
      <c r="BI70">
        <f ca="1">ROUND(SQRT((VLOOKUP($A70,városok!$A$2:$C$346,2,0)-VLOOKUP(BI$1,városok!$A$2:$C$346,2,0))^2+(VLOOKUP($A70,városok!$A$2:$C$346,3,0)-VLOOKUP(BI$1,városok!$A$2:$C$346,3,0))^2)/1000,0)</f>
        <v>235</v>
      </c>
      <c r="BJ70">
        <f ca="1">ROUND(SQRT((VLOOKUP($A70,városok!$A$2:$C$346,2,0)-VLOOKUP(BJ$1,városok!$A$2:$C$346,2,0))^2+(VLOOKUP($A70,városok!$A$2:$C$346,3,0)-VLOOKUP(BJ$1,városok!$A$2:$C$346,3,0))^2)/1000,0)</f>
        <v>253</v>
      </c>
      <c r="BK70">
        <f ca="1">ROUND(SQRT((VLOOKUP($A70,városok!$A$2:$C$346,2,0)-VLOOKUP(BK$1,városok!$A$2:$C$346,2,0))^2+(VLOOKUP($A70,városok!$A$2:$C$346,3,0)-VLOOKUP(BK$1,városok!$A$2:$C$346,3,0))^2)/1000,0)</f>
        <v>234</v>
      </c>
      <c r="BL70">
        <f ca="1">ROUND(SQRT((VLOOKUP($A70,városok!$A$2:$C$346,2,0)-VLOOKUP(BL$1,városok!$A$2:$C$346,2,0))^2+(VLOOKUP($A70,városok!$A$2:$C$346,3,0)-VLOOKUP(BL$1,városok!$A$2:$C$346,3,0))^2)/1000,0)</f>
        <v>337</v>
      </c>
      <c r="BM70">
        <f ca="1">ROUND(SQRT((VLOOKUP($A70,városok!$A$2:$C$346,2,0)-VLOOKUP(BM$1,városok!$A$2:$C$346,2,0))^2+(VLOOKUP($A70,városok!$A$2:$C$346,3,0)-VLOOKUP(BM$1,városok!$A$2:$C$346,3,0))^2)/1000,0)</f>
        <v>306</v>
      </c>
      <c r="BN70">
        <f ca="1">ROUND(SQRT((VLOOKUP($A70,városok!$A$2:$C$346,2,0)-VLOOKUP(BN$1,városok!$A$2:$C$346,2,0))^2+(VLOOKUP($A70,városok!$A$2:$C$346,3,0)-VLOOKUP(BN$1,városok!$A$2:$C$346,3,0))^2)/1000,0)</f>
        <v>329</v>
      </c>
      <c r="BO70">
        <f ca="1">ROUND(SQRT((VLOOKUP($A70,városok!$A$2:$C$346,2,0)-VLOOKUP(BO$1,városok!$A$2:$C$346,2,0))^2+(VLOOKUP($A70,városok!$A$2:$C$346,3,0)-VLOOKUP(BO$1,városok!$A$2:$C$346,3,0))^2)/1000,0)</f>
        <v>235</v>
      </c>
      <c r="BP70">
        <f ca="1">ROUND(SQRT((VLOOKUP($A70,városok!$A$2:$C$346,2,0)-VLOOKUP(BP$1,városok!$A$2:$C$346,2,0))^2+(VLOOKUP($A70,városok!$A$2:$C$346,3,0)-VLOOKUP(BP$1,városok!$A$2:$C$346,3,0))^2)/1000,0)</f>
        <v>228</v>
      </c>
      <c r="BQ70">
        <f ca="1">ROUND(SQRT((VLOOKUP($A70,városok!$A$2:$C$346,2,0)-VLOOKUP(BQ$1,városok!$A$2:$C$346,2,0))^2+(VLOOKUP($A70,városok!$A$2:$C$346,3,0)-VLOOKUP(BQ$1,városok!$A$2:$C$346,3,0))^2)/1000,0)</f>
        <v>240</v>
      </c>
      <c r="BR70">
        <f ca="1">ROUND(SQRT((VLOOKUP($A70,városok!$A$2:$C$346,2,0)-VLOOKUP(BR$1,városok!$A$2:$C$346,2,0))^2+(VLOOKUP($A70,városok!$A$2:$C$346,3,0)-VLOOKUP(BR$1,városok!$A$2:$C$346,3,0))^2)/1000,0)</f>
        <v>300</v>
      </c>
      <c r="BS70">
        <f ca="1">ROUND(SQRT((VLOOKUP($A70,városok!$A$2:$C$346,2,0)-VLOOKUP(BS$1,városok!$A$2:$C$346,2,0))^2+(VLOOKUP($A70,városok!$A$2:$C$346,3,0)-VLOOKUP(BS$1,városok!$A$2:$C$346,3,0))^2)/1000,0)</f>
        <v>334</v>
      </c>
      <c r="BT70">
        <f ca="1">ROUND(SQRT((VLOOKUP($A70,városok!$A$2:$C$346,2,0)-VLOOKUP(BT$1,városok!$A$2:$C$346,2,0))^2+(VLOOKUP($A70,városok!$A$2:$C$346,3,0)-VLOOKUP(BT$1,városok!$A$2:$C$346,3,0))^2)/1000,0)</f>
        <v>326</v>
      </c>
    </row>
    <row r="71" spans="1:72" x14ac:dyDescent="0.2">
      <c r="A71" t="str">
        <f>városok!A71</f>
        <v>Mezőkeresztes</v>
      </c>
      <c r="B71">
        <f ca="1">ROUND(SQRT((VLOOKUP($A71,városok!$A$2:$C$346,2,0)-VLOOKUP(B$1,városok!$A$2:$C$346,2,0))^2+(VLOOKUP($A71,városok!$A$2:$C$346,3,0)-VLOOKUP(B$1,városok!$A$2:$C$346,3,0))^2)/1000,0)</f>
        <v>225</v>
      </c>
      <c r="C71">
        <f ca="1">ROUND(SQRT((VLOOKUP($A71,városok!$A$2:$C$346,2,0)-VLOOKUP(C$1,városok!$A$2:$C$346,2,0))^2+(VLOOKUP($A71,városok!$A$2:$C$346,3,0)-VLOOKUP(C$1,városok!$A$2:$C$346,3,0))^2)/1000,0)</f>
        <v>194</v>
      </c>
      <c r="D71">
        <f ca="1">ROUND(SQRT((VLOOKUP($A71,városok!$A$2:$C$346,2,0)-VLOOKUP(D$1,városok!$A$2:$C$346,2,0))^2+(VLOOKUP($A71,városok!$A$2:$C$346,3,0)-VLOOKUP(D$1,városok!$A$2:$C$346,3,0))^2)/1000,0)</f>
        <v>127</v>
      </c>
      <c r="E71">
        <f ca="1">ROUND(SQRT((VLOOKUP($A71,városok!$A$2:$C$346,2,0)-VLOOKUP(E$1,városok!$A$2:$C$346,2,0))^2+(VLOOKUP($A71,városok!$A$2:$C$346,3,0)-VLOOKUP(E$1,városok!$A$2:$C$346,3,0))^2)/1000,0)</f>
        <v>259</v>
      </c>
      <c r="F71">
        <f ca="1">ROUND(SQRT((VLOOKUP($A71,városok!$A$2:$C$346,2,0)-VLOOKUP(F$1,városok!$A$2:$C$346,2,0))^2+(VLOOKUP($A71,városok!$A$2:$C$346,3,0)-VLOOKUP(F$1,városok!$A$2:$C$346,3,0))^2)/1000,0)</f>
        <v>255</v>
      </c>
      <c r="G71">
        <f ca="1">ROUND(SQRT((VLOOKUP($A71,városok!$A$2:$C$346,2,0)-VLOOKUP(G$1,városok!$A$2:$C$346,2,0))^2+(VLOOKUP($A71,városok!$A$2:$C$346,3,0)-VLOOKUP(G$1,városok!$A$2:$C$346,3,0))^2)/1000,0)</f>
        <v>269</v>
      </c>
      <c r="H71">
        <f ca="1">ROUND(SQRT((VLOOKUP($A71,városok!$A$2:$C$346,2,0)-VLOOKUP(H$1,városok!$A$2:$C$346,2,0))^2+(VLOOKUP($A71,városok!$A$2:$C$346,3,0)-VLOOKUP(H$1,városok!$A$2:$C$346,3,0))^2)/1000,0)</f>
        <v>296</v>
      </c>
      <c r="I71">
        <f ca="1">ROUND(SQRT((VLOOKUP($A71,városok!$A$2:$C$346,2,0)-VLOOKUP(I$1,városok!$A$2:$C$346,2,0))^2+(VLOOKUP($A71,városok!$A$2:$C$346,3,0)-VLOOKUP(I$1,városok!$A$2:$C$346,3,0))^2)/1000,0)</f>
        <v>131</v>
      </c>
      <c r="J71">
        <f ca="1">ROUND(SQRT((VLOOKUP($A71,városok!$A$2:$C$346,2,0)-VLOOKUP(J$1,városok!$A$2:$C$346,2,0))^2+(VLOOKUP($A71,városok!$A$2:$C$346,3,0)-VLOOKUP(J$1,városok!$A$2:$C$346,3,0))^2)/1000,0)</f>
        <v>139</v>
      </c>
      <c r="K71">
        <f ca="1">ROUND(SQRT((VLOOKUP($A71,városok!$A$2:$C$346,2,0)-VLOOKUP(K$1,városok!$A$2:$C$346,2,0))^2+(VLOOKUP($A71,városok!$A$2:$C$346,3,0)-VLOOKUP(K$1,városok!$A$2:$C$346,3,0))^2)/1000,0)</f>
        <v>140</v>
      </c>
      <c r="L71">
        <f ca="1">ROUND(SQRT((VLOOKUP($A71,városok!$A$2:$C$346,2,0)-VLOOKUP(L$1,városok!$A$2:$C$346,2,0))^2+(VLOOKUP($A71,városok!$A$2:$C$346,3,0)-VLOOKUP(L$1,városok!$A$2:$C$346,3,0))^2)/1000,0)</f>
        <v>48</v>
      </c>
      <c r="M71">
        <f ca="1">ROUND(SQRT((VLOOKUP($A71,városok!$A$2:$C$346,2,0)-VLOOKUP(M$1,városok!$A$2:$C$346,2,0))^2+(VLOOKUP($A71,városok!$A$2:$C$346,3,0)-VLOOKUP(M$1,városok!$A$2:$C$346,3,0))^2)/1000,0)</f>
        <v>32</v>
      </c>
      <c r="N71">
        <f ca="1">ROUND(SQRT((VLOOKUP($A71,városok!$A$2:$C$346,2,0)-VLOOKUP(N$1,városok!$A$2:$C$346,2,0))^2+(VLOOKUP($A71,városok!$A$2:$C$346,3,0)-VLOOKUP(N$1,városok!$A$2:$C$346,3,0))^2)/1000,0)</f>
        <v>53</v>
      </c>
      <c r="O71">
        <f ca="1">ROUND(SQRT((VLOOKUP($A71,városok!$A$2:$C$346,2,0)-VLOOKUP(O$1,városok!$A$2:$C$346,2,0))^2+(VLOOKUP($A71,városok!$A$2:$C$346,3,0)-VLOOKUP(O$1,városok!$A$2:$C$346,3,0))^2)/1000,0)</f>
        <v>96</v>
      </c>
      <c r="P71">
        <f ca="1">ROUND(SQRT((VLOOKUP($A71,városok!$A$2:$C$346,2,0)-VLOOKUP(P$1,városok!$A$2:$C$346,2,0))^2+(VLOOKUP($A71,városok!$A$2:$C$346,3,0)-VLOOKUP(P$1,városok!$A$2:$C$346,3,0))^2)/1000,0)</f>
        <v>96</v>
      </c>
      <c r="Q71">
        <f ca="1">ROUND(SQRT((VLOOKUP($A71,városok!$A$2:$C$346,2,0)-VLOOKUP(Q$1,városok!$A$2:$C$346,2,0))^2+(VLOOKUP($A71,városok!$A$2:$C$346,3,0)-VLOOKUP(Q$1,városok!$A$2:$C$346,3,0))^2)/1000,0)</f>
        <v>159</v>
      </c>
      <c r="R71">
        <f ca="1">ROUND(SQRT((VLOOKUP($A71,városok!$A$2:$C$346,2,0)-VLOOKUP(R$1,városok!$A$2:$C$346,2,0))^2+(VLOOKUP($A71,városok!$A$2:$C$346,3,0)-VLOOKUP(R$1,városok!$A$2:$C$346,3,0))^2)/1000,0)</f>
        <v>179</v>
      </c>
      <c r="S71">
        <f ca="1">ROUND(SQRT((VLOOKUP($A71,városok!$A$2:$C$346,2,0)-VLOOKUP(S$1,városok!$A$2:$C$346,2,0))^2+(VLOOKUP($A71,városok!$A$2:$C$346,3,0)-VLOOKUP(S$1,városok!$A$2:$C$346,3,0))^2)/1000,0)</f>
        <v>180</v>
      </c>
      <c r="T71">
        <f ca="1">ROUND(SQRT((VLOOKUP($A71,városok!$A$2:$C$346,2,0)-VLOOKUP(T$1,városok!$A$2:$C$346,2,0))^2+(VLOOKUP($A71,városok!$A$2:$C$346,3,0)-VLOOKUP(T$1,városok!$A$2:$C$346,3,0))^2)/1000,0)</f>
        <v>159</v>
      </c>
      <c r="U71">
        <f ca="1">ROUND(SQRT((VLOOKUP($A71,városok!$A$2:$C$346,2,0)-VLOOKUP(U$1,városok!$A$2:$C$346,2,0))^2+(VLOOKUP($A71,városok!$A$2:$C$346,3,0)-VLOOKUP(U$1,városok!$A$2:$C$346,3,0))^2)/1000,0)</f>
        <v>163</v>
      </c>
      <c r="V71">
        <f ca="1">ROUND(SQRT((VLOOKUP($A71,városok!$A$2:$C$346,2,0)-VLOOKUP(V$1,városok!$A$2:$C$346,2,0))^2+(VLOOKUP($A71,városok!$A$2:$C$346,3,0)-VLOOKUP(V$1,városok!$A$2:$C$346,3,0))^2)/1000,0)</f>
        <v>199</v>
      </c>
      <c r="W71">
        <f ca="1">ROUND(SQRT((VLOOKUP($A71,városok!$A$2:$C$346,2,0)-VLOOKUP(W$1,városok!$A$2:$C$346,2,0))^2+(VLOOKUP($A71,városok!$A$2:$C$346,3,0)-VLOOKUP(W$1,városok!$A$2:$C$346,3,0))^2)/1000,0)</f>
        <v>188</v>
      </c>
      <c r="X71">
        <f ca="1">ROUND(SQRT((VLOOKUP($A71,városok!$A$2:$C$346,2,0)-VLOOKUP(X$1,városok!$A$2:$C$346,2,0))^2+(VLOOKUP($A71,városok!$A$2:$C$346,3,0)-VLOOKUP(X$1,városok!$A$2:$C$346,3,0))^2)/1000,0)</f>
        <v>187</v>
      </c>
      <c r="Y71">
        <f ca="1">ROUND(SQRT((VLOOKUP($A71,városok!$A$2:$C$346,2,0)-VLOOKUP(Y$1,városok!$A$2:$C$346,2,0))^2+(VLOOKUP($A71,városok!$A$2:$C$346,3,0)-VLOOKUP(Y$1,városok!$A$2:$C$346,3,0))^2)/1000,0)</f>
        <v>229</v>
      </c>
      <c r="Z71">
        <f ca="1">ROUND(SQRT((VLOOKUP($A71,városok!$A$2:$C$346,2,0)-VLOOKUP(Z$1,városok!$A$2:$C$346,2,0))^2+(VLOOKUP($A71,városok!$A$2:$C$346,3,0)-VLOOKUP(Z$1,városok!$A$2:$C$346,3,0))^2)/1000,0)</f>
        <v>247</v>
      </c>
      <c r="AA71">
        <f ca="1">ROUND(SQRT((VLOOKUP($A71,városok!$A$2:$C$346,2,0)-VLOOKUP(AA$1,városok!$A$2:$C$346,2,0))^2+(VLOOKUP($A71,városok!$A$2:$C$346,3,0)-VLOOKUP(AA$1,városok!$A$2:$C$346,3,0))^2)/1000,0)</f>
        <v>308</v>
      </c>
      <c r="AB71">
        <f ca="1">ROUND(SQRT((VLOOKUP($A71,városok!$A$2:$C$346,2,0)-VLOOKUP(AB$1,városok!$A$2:$C$346,2,0))^2+(VLOOKUP($A71,városok!$A$2:$C$346,3,0)-VLOOKUP(AB$1,városok!$A$2:$C$346,3,0))^2)/1000,0)</f>
        <v>78</v>
      </c>
      <c r="AC71">
        <f ca="1">ROUND(SQRT((VLOOKUP($A71,városok!$A$2:$C$346,2,0)-VLOOKUP(AC$1,városok!$A$2:$C$346,2,0))^2+(VLOOKUP($A71,városok!$A$2:$C$346,3,0)-VLOOKUP(AC$1,városok!$A$2:$C$346,3,0))^2)/1000,0)</f>
        <v>68</v>
      </c>
      <c r="AD71">
        <f ca="1">ROUND(SQRT((VLOOKUP($A71,városok!$A$2:$C$346,2,0)-VLOOKUP(AD$1,városok!$A$2:$C$346,2,0))^2+(VLOOKUP($A71,városok!$A$2:$C$346,3,0)-VLOOKUP(AD$1,városok!$A$2:$C$346,3,0))^2)/1000,0)</f>
        <v>57</v>
      </c>
      <c r="AE71">
        <f ca="1">ROUND(SQRT((VLOOKUP($A71,városok!$A$2:$C$346,2,0)-VLOOKUP(AE$1,városok!$A$2:$C$346,2,0))^2+(VLOOKUP($A71,városok!$A$2:$C$346,3,0)-VLOOKUP(AE$1,városok!$A$2:$C$346,3,0))^2)/1000,0)</f>
        <v>70</v>
      </c>
      <c r="AF71">
        <f ca="1">ROUND(SQRT((VLOOKUP($A71,városok!$A$2:$C$346,2,0)-VLOOKUP(AF$1,városok!$A$2:$C$346,2,0))^2+(VLOOKUP($A71,városok!$A$2:$C$346,3,0)-VLOOKUP(AF$1,városok!$A$2:$C$346,3,0))^2)/1000,0)</f>
        <v>25</v>
      </c>
      <c r="AG71">
        <f ca="1">ROUND(SQRT((VLOOKUP($A71,városok!$A$2:$C$346,2,0)-VLOOKUP(AG$1,városok!$A$2:$C$346,2,0))^2+(VLOOKUP($A71,városok!$A$2:$C$346,3,0)-VLOOKUP(AG$1,városok!$A$2:$C$346,3,0))^2)/1000,0)</f>
        <v>57</v>
      </c>
      <c r="AH71">
        <f ca="1">ROUND(SQRT((VLOOKUP($A71,városok!$A$2:$C$346,2,0)-VLOOKUP(AH$1,városok!$A$2:$C$346,2,0))^2+(VLOOKUP($A71,városok!$A$2:$C$346,3,0)-VLOOKUP(AH$1,városok!$A$2:$C$346,3,0))^2)/1000,0)</f>
        <v>78</v>
      </c>
      <c r="AI71">
        <f ca="1">ROUND(SQRT((VLOOKUP($A71,városok!$A$2:$C$346,2,0)-VLOOKUP(AI$1,városok!$A$2:$C$346,2,0))^2+(VLOOKUP($A71,városok!$A$2:$C$346,3,0)-VLOOKUP(AI$1,városok!$A$2:$C$346,3,0))^2)/1000,0)</f>
        <v>49</v>
      </c>
      <c r="AJ71">
        <f ca="1">ROUND(SQRT((VLOOKUP($A71,városok!$A$2:$C$346,2,0)-VLOOKUP(AJ$1,városok!$A$2:$C$346,2,0))^2+(VLOOKUP($A71,városok!$A$2:$C$346,3,0)-VLOOKUP(AJ$1,városok!$A$2:$C$346,3,0))^2)/1000,0)</f>
        <v>57</v>
      </c>
      <c r="AK71">
        <f ca="1">ROUND(SQRT((VLOOKUP($A71,városok!$A$2:$C$346,2,0)-VLOOKUP(AK$1,városok!$A$2:$C$346,2,0))^2+(VLOOKUP($A71,városok!$A$2:$C$346,3,0)-VLOOKUP(AK$1,városok!$A$2:$C$346,3,0))^2)/1000,0)</f>
        <v>64</v>
      </c>
      <c r="AL71">
        <f ca="1">ROUND(SQRT((VLOOKUP($A71,városok!$A$2:$C$346,2,0)-VLOOKUP(AL$1,városok!$A$2:$C$346,2,0))^2+(VLOOKUP($A71,városok!$A$2:$C$346,3,0)-VLOOKUP(AL$1,városok!$A$2:$C$346,3,0))^2)/1000,0)</f>
        <v>51</v>
      </c>
      <c r="AM71">
        <f ca="1">ROUND(SQRT((VLOOKUP($A71,városok!$A$2:$C$346,2,0)-VLOOKUP(AM$1,városok!$A$2:$C$346,2,0))^2+(VLOOKUP($A71,városok!$A$2:$C$346,3,0)-VLOOKUP(AM$1,városok!$A$2:$C$346,3,0))^2)/1000,0)</f>
        <v>81</v>
      </c>
      <c r="AN71">
        <f ca="1">ROUND(SQRT((VLOOKUP($A71,városok!$A$2:$C$346,2,0)-VLOOKUP(AN$1,városok!$A$2:$C$346,2,0))^2+(VLOOKUP($A71,városok!$A$2:$C$346,3,0)-VLOOKUP(AN$1,városok!$A$2:$C$346,3,0))^2)/1000,0)</f>
        <v>146</v>
      </c>
      <c r="AO71">
        <f ca="1">ROUND(SQRT((VLOOKUP($A71,városok!$A$2:$C$346,2,0)-VLOOKUP(AO$1,városok!$A$2:$C$346,2,0))^2+(VLOOKUP($A71,városok!$A$2:$C$346,3,0)-VLOOKUP(AO$1,városok!$A$2:$C$346,3,0))^2)/1000,0)</f>
        <v>192</v>
      </c>
      <c r="AP71">
        <f ca="1">ROUND(SQRT((VLOOKUP($A71,városok!$A$2:$C$346,2,0)-VLOOKUP(AP$1,városok!$A$2:$C$346,2,0))^2+(VLOOKUP($A71,városok!$A$2:$C$346,3,0)-VLOOKUP(AP$1,városok!$A$2:$C$346,3,0))^2)/1000,0)</f>
        <v>178</v>
      </c>
      <c r="AQ71">
        <f ca="1">ROUND(SQRT((VLOOKUP($A71,városok!$A$2:$C$346,2,0)-VLOOKUP(AQ$1,városok!$A$2:$C$346,2,0))^2+(VLOOKUP($A71,városok!$A$2:$C$346,3,0)-VLOOKUP(AQ$1,városok!$A$2:$C$346,3,0))^2)/1000,0)</f>
        <v>173</v>
      </c>
      <c r="AR71">
        <f ca="1">ROUND(SQRT((VLOOKUP($A71,városok!$A$2:$C$346,2,0)-VLOOKUP(AR$1,városok!$A$2:$C$346,2,0))^2+(VLOOKUP($A71,városok!$A$2:$C$346,3,0)-VLOOKUP(AR$1,városok!$A$2:$C$346,3,0))^2)/1000,0)</f>
        <v>75</v>
      </c>
      <c r="AS71">
        <f ca="1">ROUND(SQRT((VLOOKUP($A71,városok!$A$2:$C$346,2,0)-VLOOKUP(AS$1,városok!$A$2:$C$346,2,0))^2+(VLOOKUP($A71,városok!$A$2:$C$346,3,0)-VLOOKUP(AS$1,városok!$A$2:$C$346,3,0))^2)/1000,0)</f>
        <v>73</v>
      </c>
      <c r="AT71">
        <f ca="1">ROUND(SQRT((VLOOKUP($A71,városok!$A$2:$C$346,2,0)-VLOOKUP(AT$1,városok!$A$2:$C$346,2,0))^2+(VLOOKUP($A71,városok!$A$2:$C$346,3,0)-VLOOKUP(AT$1,városok!$A$2:$C$346,3,0))^2)/1000,0)</f>
        <v>146</v>
      </c>
      <c r="AU71">
        <f ca="1">ROUND(SQRT((VLOOKUP($A71,városok!$A$2:$C$346,2,0)-VLOOKUP(AU$1,városok!$A$2:$C$346,2,0))^2+(VLOOKUP($A71,városok!$A$2:$C$346,3,0)-VLOOKUP(AU$1,városok!$A$2:$C$346,3,0))^2)/1000,0)</f>
        <v>136</v>
      </c>
      <c r="AV71">
        <f ca="1">ROUND(SQRT((VLOOKUP($A71,városok!$A$2:$C$346,2,0)-VLOOKUP(AV$1,városok!$A$2:$C$346,2,0))^2+(VLOOKUP($A71,városok!$A$2:$C$346,3,0)-VLOOKUP(AV$1,városok!$A$2:$C$346,3,0))^2)/1000,0)</f>
        <v>139</v>
      </c>
      <c r="AW71">
        <f ca="1">ROUND(SQRT((VLOOKUP($A71,városok!$A$2:$C$346,2,0)-VLOOKUP(AW$1,városok!$A$2:$C$346,2,0))^2+(VLOOKUP($A71,városok!$A$2:$C$346,3,0)-VLOOKUP(AW$1,városok!$A$2:$C$346,3,0))^2)/1000,0)</f>
        <v>142</v>
      </c>
      <c r="AX71">
        <f ca="1">ROUND(SQRT((VLOOKUP($A71,városok!$A$2:$C$346,2,0)-VLOOKUP(AX$1,városok!$A$2:$C$346,2,0))^2+(VLOOKUP($A71,városok!$A$2:$C$346,3,0)-VLOOKUP(AX$1,városok!$A$2:$C$346,3,0))^2)/1000,0)</f>
        <v>112</v>
      </c>
      <c r="AY71">
        <f ca="1">ROUND(SQRT((VLOOKUP($A71,városok!$A$2:$C$346,2,0)-VLOOKUP(AY$1,városok!$A$2:$C$346,2,0))^2+(VLOOKUP($A71,városok!$A$2:$C$346,3,0)-VLOOKUP(AY$1,városok!$A$2:$C$346,3,0))^2)/1000,0)</f>
        <v>123</v>
      </c>
      <c r="AZ71">
        <f ca="1">ROUND(SQRT((VLOOKUP($A71,városok!$A$2:$C$346,2,0)-VLOOKUP(AZ$1,városok!$A$2:$C$346,2,0))^2+(VLOOKUP($A71,városok!$A$2:$C$346,3,0)-VLOOKUP(AZ$1,városok!$A$2:$C$346,3,0))^2)/1000,0)</f>
        <v>129</v>
      </c>
      <c r="BA71">
        <f ca="1">ROUND(SQRT((VLOOKUP($A71,városok!$A$2:$C$346,2,0)-VLOOKUP(BA$1,városok!$A$2:$C$346,2,0))^2+(VLOOKUP($A71,városok!$A$2:$C$346,3,0)-VLOOKUP(BA$1,városok!$A$2:$C$346,3,0))^2)/1000,0)</f>
        <v>254</v>
      </c>
      <c r="BB71">
        <f ca="1">ROUND(SQRT((VLOOKUP($A71,városok!$A$2:$C$346,2,0)-VLOOKUP(BB$1,városok!$A$2:$C$346,2,0))^2+(VLOOKUP($A71,városok!$A$2:$C$346,3,0)-VLOOKUP(BB$1,városok!$A$2:$C$346,3,0))^2)/1000,0)</f>
        <v>252</v>
      </c>
      <c r="BC71">
        <f ca="1">ROUND(SQRT((VLOOKUP($A71,városok!$A$2:$C$346,2,0)-VLOOKUP(BC$1,városok!$A$2:$C$346,2,0))^2+(VLOOKUP($A71,városok!$A$2:$C$346,3,0)-VLOOKUP(BC$1,városok!$A$2:$C$346,3,0))^2)/1000,0)</f>
        <v>274</v>
      </c>
      <c r="BD71">
        <f ca="1">ROUND(SQRT((VLOOKUP($A71,városok!$A$2:$C$346,2,0)-VLOOKUP(BD$1,városok!$A$2:$C$346,2,0))^2+(VLOOKUP($A71,városok!$A$2:$C$346,3,0)-VLOOKUP(BD$1,városok!$A$2:$C$346,3,0))^2)/1000,0)</f>
        <v>223</v>
      </c>
      <c r="BE71">
        <f ca="1">ROUND(SQRT((VLOOKUP($A71,városok!$A$2:$C$346,2,0)-VLOOKUP(BE$1,városok!$A$2:$C$346,2,0))^2+(VLOOKUP($A71,városok!$A$2:$C$346,3,0)-VLOOKUP(BE$1,városok!$A$2:$C$346,3,0))^2)/1000,0)</f>
        <v>148</v>
      </c>
      <c r="BF71">
        <f ca="1">ROUND(SQRT((VLOOKUP($A71,városok!$A$2:$C$346,2,0)-VLOOKUP(BF$1,városok!$A$2:$C$346,2,0))^2+(VLOOKUP($A71,városok!$A$2:$C$346,3,0)-VLOOKUP(BF$1,városok!$A$2:$C$346,3,0))^2)/1000,0)</f>
        <v>113</v>
      </c>
      <c r="BG71">
        <f ca="1">ROUND(SQRT((VLOOKUP($A71,városok!$A$2:$C$346,2,0)-VLOOKUP(BG$1,városok!$A$2:$C$346,2,0))^2+(VLOOKUP($A71,városok!$A$2:$C$346,3,0)-VLOOKUP(BG$1,városok!$A$2:$C$346,3,0))^2)/1000,0)</f>
        <v>67</v>
      </c>
      <c r="BH71">
        <f ca="1">ROUND(SQRT((VLOOKUP($A71,városok!$A$2:$C$346,2,0)-VLOOKUP(BH$1,városok!$A$2:$C$346,2,0))^2+(VLOOKUP($A71,városok!$A$2:$C$346,3,0)-VLOOKUP(BH$1,városok!$A$2:$C$346,3,0))^2)/1000,0)</f>
        <v>67</v>
      </c>
      <c r="BI71">
        <f ca="1">ROUND(SQRT((VLOOKUP($A71,városok!$A$2:$C$346,2,0)-VLOOKUP(BI$1,városok!$A$2:$C$346,2,0))^2+(VLOOKUP($A71,városok!$A$2:$C$346,3,0)-VLOOKUP(BI$1,városok!$A$2:$C$346,3,0))^2)/1000,0)</f>
        <v>223</v>
      </c>
      <c r="BJ71">
        <f ca="1">ROUND(SQRT((VLOOKUP($A71,városok!$A$2:$C$346,2,0)-VLOOKUP(BJ$1,városok!$A$2:$C$346,2,0))^2+(VLOOKUP($A71,városok!$A$2:$C$346,3,0)-VLOOKUP(BJ$1,városok!$A$2:$C$346,3,0))^2)/1000,0)</f>
        <v>241</v>
      </c>
      <c r="BK71">
        <f ca="1">ROUND(SQRT((VLOOKUP($A71,városok!$A$2:$C$346,2,0)-VLOOKUP(BK$1,városok!$A$2:$C$346,2,0))^2+(VLOOKUP($A71,városok!$A$2:$C$346,3,0)-VLOOKUP(BK$1,városok!$A$2:$C$346,3,0))^2)/1000,0)</f>
        <v>223</v>
      </c>
      <c r="BL71">
        <f ca="1">ROUND(SQRT((VLOOKUP($A71,városok!$A$2:$C$346,2,0)-VLOOKUP(BL$1,városok!$A$2:$C$346,2,0))^2+(VLOOKUP($A71,városok!$A$2:$C$346,3,0)-VLOOKUP(BL$1,városok!$A$2:$C$346,3,0))^2)/1000,0)</f>
        <v>321</v>
      </c>
      <c r="BM71">
        <f ca="1">ROUND(SQRT((VLOOKUP($A71,városok!$A$2:$C$346,2,0)-VLOOKUP(BM$1,városok!$A$2:$C$346,2,0))^2+(VLOOKUP($A71,városok!$A$2:$C$346,3,0)-VLOOKUP(BM$1,városok!$A$2:$C$346,3,0))^2)/1000,0)</f>
        <v>290</v>
      </c>
      <c r="BN71">
        <f ca="1">ROUND(SQRT((VLOOKUP($A71,városok!$A$2:$C$346,2,0)-VLOOKUP(BN$1,városok!$A$2:$C$346,2,0))^2+(VLOOKUP($A71,városok!$A$2:$C$346,3,0)-VLOOKUP(BN$1,városok!$A$2:$C$346,3,0))^2)/1000,0)</f>
        <v>313</v>
      </c>
      <c r="BO71">
        <f ca="1">ROUND(SQRT((VLOOKUP($A71,városok!$A$2:$C$346,2,0)-VLOOKUP(BO$1,városok!$A$2:$C$346,2,0))^2+(VLOOKUP($A71,városok!$A$2:$C$346,3,0)-VLOOKUP(BO$1,városok!$A$2:$C$346,3,0))^2)/1000,0)</f>
        <v>220</v>
      </c>
      <c r="BP71">
        <f ca="1">ROUND(SQRT((VLOOKUP($A71,városok!$A$2:$C$346,2,0)-VLOOKUP(BP$1,városok!$A$2:$C$346,2,0))^2+(VLOOKUP($A71,városok!$A$2:$C$346,3,0)-VLOOKUP(BP$1,városok!$A$2:$C$346,3,0))^2)/1000,0)</f>
        <v>213</v>
      </c>
      <c r="BQ71">
        <f ca="1">ROUND(SQRT((VLOOKUP($A71,városok!$A$2:$C$346,2,0)-VLOOKUP(BQ$1,városok!$A$2:$C$346,2,0))^2+(VLOOKUP($A71,városok!$A$2:$C$346,3,0)-VLOOKUP(BQ$1,városok!$A$2:$C$346,3,0))^2)/1000,0)</f>
        <v>225</v>
      </c>
      <c r="BR71">
        <f ca="1">ROUND(SQRT((VLOOKUP($A71,városok!$A$2:$C$346,2,0)-VLOOKUP(BR$1,városok!$A$2:$C$346,2,0))^2+(VLOOKUP($A71,városok!$A$2:$C$346,3,0)-VLOOKUP(BR$1,városok!$A$2:$C$346,3,0))^2)/1000,0)</f>
        <v>285</v>
      </c>
      <c r="BS71">
        <f ca="1">ROUND(SQRT((VLOOKUP($A71,városok!$A$2:$C$346,2,0)-VLOOKUP(BS$1,városok!$A$2:$C$346,2,0))^2+(VLOOKUP($A71,városok!$A$2:$C$346,3,0)-VLOOKUP(BS$1,városok!$A$2:$C$346,3,0))^2)/1000,0)</f>
        <v>319</v>
      </c>
      <c r="BT71">
        <f ca="1">ROUND(SQRT((VLOOKUP($A71,városok!$A$2:$C$346,2,0)-VLOOKUP(BT$1,városok!$A$2:$C$346,2,0))^2+(VLOOKUP($A71,városok!$A$2:$C$346,3,0)-VLOOKUP(BT$1,városok!$A$2:$C$346,3,0))^2)/1000,0)</f>
        <v>311</v>
      </c>
    </row>
    <row r="72" spans="1:72" x14ac:dyDescent="0.2">
      <c r="A72" t="str">
        <f>városok!A72</f>
        <v>Mezőkövesd</v>
      </c>
      <c r="B72">
        <f ca="1">ROUND(SQRT((VLOOKUP($A72,városok!$A$2:$C$346,2,0)-VLOOKUP(B$1,városok!$A$2:$C$346,2,0))^2+(VLOOKUP($A72,városok!$A$2:$C$346,3,0)-VLOOKUP(B$1,városok!$A$2:$C$346,3,0))^2)/1000,0)</f>
        <v>218</v>
      </c>
      <c r="C72">
        <f ca="1">ROUND(SQRT((VLOOKUP($A72,városok!$A$2:$C$346,2,0)-VLOOKUP(C$1,városok!$A$2:$C$346,2,0))^2+(VLOOKUP($A72,városok!$A$2:$C$346,3,0)-VLOOKUP(C$1,városok!$A$2:$C$346,3,0))^2)/1000,0)</f>
        <v>187</v>
      </c>
      <c r="D72">
        <f ca="1">ROUND(SQRT((VLOOKUP($A72,városok!$A$2:$C$346,2,0)-VLOOKUP(D$1,városok!$A$2:$C$346,2,0))^2+(VLOOKUP($A72,városok!$A$2:$C$346,3,0)-VLOOKUP(D$1,városok!$A$2:$C$346,3,0))^2)/1000,0)</f>
        <v>120</v>
      </c>
      <c r="E72">
        <f ca="1">ROUND(SQRT((VLOOKUP($A72,városok!$A$2:$C$346,2,0)-VLOOKUP(E$1,városok!$A$2:$C$346,2,0))^2+(VLOOKUP($A72,városok!$A$2:$C$346,3,0)-VLOOKUP(E$1,városok!$A$2:$C$346,3,0))^2)/1000,0)</f>
        <v>251</v>
      </c>
      <c r="F72">
        <f ca="1">ROUND(SQRT((VLOOKUP($A72,városok!$A$2:$C$346,2,0)-VLOOKUP(F$1,városok!$A$2:$C$346,2,0))^2+(VLOOKUP($A72,városok!$A$2:$C$346,3,0)-VLOOKUP(F$1,városok!$A$2:$C$346,3,0))^2)/1000,0)</f>
        <v>248</v>
      </c>
      <c r="G72">
        <f ca="1">ROUND(SQRT((VLOOKUP($A72,városok!$A$2:$C$346,2,0)-VLOOKUP(G$1,városok!$A$2:$C$346,2,0))^2+(VLOOKUP($A72,városok!$A$2:$C$346,3,0)-VLOOKUP(G$1,városok!$A$2:$C$346,3,0))^2)/1000,0)</f>
        <v>261</v>
      </c>
      <c r="H72">
        <f ca="1">ROUND(SQRT((VLOOKUP($A72,városok!$A$2:$C$346,2,0)-VLOOKUP(H$1,városok!$A$2:$C$346,2,0))^2+(VLOOKUP($A72,városok!$A$2:$C$346,3,0)-VLOOKUP(H$1,városok!$A$2:$C$346,3,0))^2)/1000,0)</f>
        <v>288</v>
      </c>
      <c r="I72">
        <f ca="1">ROUND(SQRT((VLOOKUP($A72,városok!$A$2:$C$346,2,0)-VLOOKUP(I$1,városok!$A$2:$C$346,2,0))^2+(VLOOKUP($A72,városok!$A$2:$C$346,3,0)-VLOOKUP(I$1,városok!$A$2:$C$346,3,0))^2)/1000,0)</f>
        <v>132</v>
      </c>
      <c r="J72">
        <f ca="1">ROUND(SQRT((VLOOKUP($A72,városok!$A$2:$C$346,2,0)-VLOOKUP(J$1,városok!$A$2:$C$346,2,0))^2+(VLOOKUP($A72,városok!$A$2:$C$346,3,0)-VLOOKUP(J$1,városok!$A$2:$C$346,3,0))^2)/1000,0)</f>
        <v>140</v>
      </c>
      <c r="K72">
        <f ca="1">ROUND(SQRT((VLOOKUP($A72,városok!$A$2:$C$346,2,0)-VLOOKUP(K$1,városok!$A$2:$C$346,2,0))^2+(VLOOKUP($A72,városok!$A$2:$C$346,3,0)-VLOOKUP(K$1,városok!$A$2:$C$346,3,0))^2)/1000,0)</f>
        <v>139</v>
      </c>
      <c r="L72">
        <f ca="1">ROUND(SQRT((VLOOKUP($A72,városok!$A$2:$C$346,2,0)-VLOOKUP(L$1,városok!$A$2:$C$346,2,0))^2+(VLOOKUP($A72,városok!$A$2:$C$346,3,0)-VLOOKUP(L$1,városok!$A$2:$C$346,3,0))^2)/1000,0)</f>
        <v>50</v>
      </c>
      <c r="M72">
        <f ca="1">ROUND(SQRT((VLOOKUP($A72,városok!$A$2:$C$346,2,0)-VLOOKUP(M$1,városok!$A$2:$C$346,2,0))^2+(VLOOKUP($A72,városok!$A$2:$C$346,3,0)-VLOOKUP(M$1,városok!$A$2:$C$346,3,0))^2)/1000,0)</f>
        <v>37</v>
      </c>
      <c r="N72">
        <f ca="1">ROUND(SQRT((VLOOKUP($A72,városok!$A$2:$C$346,2,0)-VLOOKUP(N$1,városok!$A$2:$C$346,2,0))^2+(VLOOKUP($A72,városok!$A$2:$C$346,3,0)-VLOOKUP(N$1,városok!$A$2:$C$346,3,0))^2)/1000,0)</f>
        <v>51</v>
      </c>
      <c r="O72">
        <f ca="1">ROUND(SQRT((VLOOKUP($A72,városok!$A$2:$C$346,2,0)-VLOOKUP(O$1,városok!$A$2:$C$346,2,0))^2+(VLOOKUP($A72,városok!$A$2:$C$346,3,0)-VLOOKUP(O$1,városok!$A$2:$C$346,3,0))^2)/1000,0)</f>
        <v>104</v>
      </c>
      <c r="P72">
        <f ca="1">ROUND(SQRT((VLOOKUP($A72,városok!$A$2:$C$346,2,0)-VLOOKUP(P$1,városok!$A$2:$C$346,2,0))^2+(VLOOKUP($A72,városok!$A$2:$C$346,3,0)-VLOOKUP(P$1,városok!$A$2:$C$346,3,0))^2)/1000,0)</f>
        <v>104</v>
      </c>
      <c r="Q72">
        <f ca="1">ROUND(SQRT((VLOOKUP($A72,városok!$A$2:$C$346,2,0)-VLOOKUP(Q$1,városok!$A$2:$C$346,2,0))^2+(VLOOKUP($A72,városok!$A$2:$C$346,3,0)-VLOOKUP(Q$1,városok!$A$2:$C$346,3,0))^2)/1000,0)</f>
        <v>155</v>
      </c>
      <c r="R72">
        <f ca="1">ROUND(SQRT((VLOOKUP($A72,városok!$A$2:$C$346,2,0)-VLOOKUP(R$1,városok!$A$2:$C$346,2,0))^2+(VLOOKUP($A72,városok!$A$2:$C$346,3,0)-VLOOKUP(R$1,városok!$A$2:$C$346,3,0))^2)/1000,0)</f>
        <v>177</v>
      </c>
      <c r="S72">
        <f ca="1">ROUND(SQRT((VLOOKUP($A72,városok!$A$2:$C$346,2,0)-VLOOKUP(S$1,városok!$A$2:$C$346,2,0))^2+(VLOOKUP($A72,városok!$A$2:$C$346,3,0)-VLOOKUP(S$1,városok!$A$2:$C$346,3,0))^2)/1000,0)</f>
        <v>176</v>
      </c>
      <c r="T72">
        <f ca="1">ROUND(SQRT((VLOOKUP($A72,városok!$A$2:$C$346,2,0)-VLOOKUP(T$1,városok!$A$2:$C$346,2,0))^2+(VLOOKUP($A72,városok!$A$2:$C$346,3,0)-VLOOKUP(T$1,városok!$A$2:$C$346,3,0))^2)/1000,0)</f>
        <v>150</v>
      </c>
      <c r="U72">
        <f ca="1">ROUND(SQRT((VLOOKUP($A72,városok!$A$2:$C$346,2,0)-VLOOKUP(U$1,városok!$A$2:$C$346,2,0))^2+(VLOOKUP($A72,városok!$A$2:$C$346,3,0)-VLOOKUP(U$1,városok!$A$2:$C$346,3,0))^2)/1000,0)</f>
        <v>155</v>
      </c>
      <c r="V72">
        <f ca="1">ROUND(SQRT((VLOOKUP($A72,városok!$A$2:$C$346,2,0)-VLOOKUP(V$1,városok!$A$2:$C$346,2,0))^2+(VLOOKUP($A72,városok!$A$2:$C$346,3,0)-VLOOKUP(V$1,városok!$A$2:$C$346,3,0))^2)/1000,0)</f>
        <v>190</v>
      </c>
      <c r="W72">
        <f ca="1">ROUND(SQRT((VLOOKUP($A72,városok!$A$2:$C$346,2,0)-VLOOKUP(W$1,városok!$A$2:$C$346,2,0))^2+(VLOOKUP($A72,városok!$A$2:$C$346,3,0)-VLOOKUP(W$1,városok!$A$2:$C$346,3,0))^2)/1000,0)</f>
        <v>179</v>
      </c>
      <c r="X72">
        <f ca="1">ROUND(SQRT((VLOOKUP($A72,városok!$A$2:$C$346,2,0)-VLOOKUP(X$1,városok!$A$2:$C$346,2,0))^2+(VLOOKUP($A72,városok!$A$2:$C$346,3,0)-VLOOKUP(X$1,városok!$A$2:$C$346,3,0))^2)/1000,0)</f>
        <v>178</v>
      </c>
      <c r="Y72">
        <f ca="1">ROUND(SQRT((VLOOKUP($A72,városok!$A$2:$C$346,2,0)-VLOOKUP(Y$1,városok!$A$2:$C$346,2,0))^2+(VLOOKUP($A72,városok!$A$2:$C$346,3,0)-VLOOKUP(Y$1,városok!$A$2:$C$346,3,0))^2)/1000,0)</f>
        <v>221</v>
      </c>
      <c r="Z72">
        <f ca="1">ROUND(SQRT((VLOOKUP($A72,városok!$A$2:$C$346,2,0)-VLOOKUP(Z$1,városok!$A$2:$C$346,2,0))^2+(VLOOKUP($A72,városok!$A$2:$C$346,3,0)-VLOOKUP(Z$1,városok!$A$2:$C$346,3,0))^2)/1000,0)</f>
        <v>239</v>
      </c>
      <c r="AA72">
        <f ca="1">ROUND(SQRT((VLOOKUP($A72,városok!$A$2:$C$346,2,0)-VLOOKUP(AA$1,városok!$A$2:$C$346,2,0))^2+(VLOOKUP($A72,városok!$A$2:$C$346,3,0)-VLOOKUP(AA$1,városok!$A$2:$C$346,3,0))^2)/1000,0)</f>
        <v>299</v>
      </c>
      <c r="AB72">
        <f ca="1">ROUND(SQRT((VLOOKUP($A72,városok!$A$2:$C$346,2,0)-VLOOKUP(AB$1,városok!$A$2:$C$346,2,0))^2+(VLOOKUP($A72,városok!$A$2:$C$346,3,0)-VLOOKUP(AB$1,városok!$A$2:$C$346,3,0))^2)/1000,0)</f>
        <v>85</v>
      </c>
      <c r="AC72">
        <f ca="1">ROUND(SQRT((VLOOKUP($A72,városok!$A$2:$C$346,2,0)-VLOOKUP(AC$1,városok!$A$2:$C$346,2,0))^2+(VLOOKUP($A72,városok!$A$2:$C$346,3,0)-VLOOKUP(AC$1,városok!$A$2:$C$346,3,0))^2)/1000,0)</f>
        <v>74</v>
      </c>
      <c r="AD72">
        <f ca="1">ROUND(SQRT((VLOOKUP($A72,városok!$A$2:$C$346,2,0)-VLOOKUP(AD$1,városok!$A$2:$C$346,2,0))^2+(VLOOKUP($A72,városok!$A$2:$C$346,3,0)-VLOOKUP(AD$1,városok!$A$2:$C$346,3,0))^2)/1000,0)</f>
        <v>61</v>
      </c>
      <c r="AE72">
        <f ca="1">ROUND(SQRT((VLOOKUP($A72,városok!$A$2:$C$346,2,0)-VLOOKUP(AE$1,városok!$A$2:$C$346,2,0))^2+(VLOOKUP($A72,városok!$A$2:$C$346,3,0)-VLOOKUP(AE$1,városok!$A$2:$C$346,3,0))^2)/1000,0)</f>
        <v>74</v>
      </c>
      <c r="AF72">
        <f ca="1">ROUND(SQRT((VLOOKUP($A72,városok!$A$2:$C$346,2,0)-VLOOKUP(AF$1,városok!$A$2:$C$346,2,0))^2+(VLOOKUP($A72,városok!$A$2:$C$346,3,0)-VLOOKUP(AF$1,városok!$A$2:$C$346,3,0))^2)/1000,0)</f>
        <v>18</v>
      </c>
      <c r="AG72">
        <f ca="1">ROUND(SQRT((VLOOKUP($A72,városok!$A$2:$C$346,2,0)-VLOOKUP(AG$1,városok!$A$2:$C$346,2,0))^2+(VLOOKUP($A72,városok!$A$2:$C$346,3,0)-VLOOKUP(AG$1,városok!$A$2:$C$346,3,0))^2)/1000,0)</f>
        <v>48</v>
      </c>
      <c r="AH72">
        <f ca="1">ROUND(SQRT((VLOOKUP($A72,városok!$A$2:$C$346,2,0)-VLOOKUP(AH$1,városok!$A$2:$C$346,2,0))^2+(VLOOKUP($A72,városok!$A$2:$C$346,3,0)-VLOOKUP(AH$1,városok!$A$2:$C$346,3,0))^2)/1000,0)</f>
        <v>69</v>
      </c>
      <c r="AI72">
        <f ca="1">ROUND(SQRT((VLOOKUP($A72,városok!$A$2:$C$346,2,0)-VLOOKUP(AI$1,városok!$A$2:$C$346,2,0))^2+(VLOOKUP($A72,városok!$A$2:$C$346,3,0)-VLOOKUP(AI$1,városok!$A$2:$C$346,3,0))^2)/1000,0)</f>
        <v>43</v>
      </c>
      <c r="AJ72">
        <f ca="1">ROUND(SQRT((VLOOKUP($A72,városok!$A$2:$C$346,2,0)-VLOOKUP(AJ$1,városok!$A$2:$C$346,2,0))^2+(VLOOKUP($A72,városok!$A$2:$C$346,3,0)-VLOOKUP(AJ$1,városok!$A$2:$C$346,3,0))^2)/1000,0)</f>
        <v>48</v>
      </c>
      <c r="AK72">
        <f ca="1">ROUND(SQRT((VLOOKUP($A72,városok!$A$2:$C$346,2,0)-VLOOKUP(AK$1,városok!$A$2:$C$346,2,0))^2+(VLOOKUP($A72,városok!$A$2:$C$346,3,0)-VLOOKUP(AK$1,városok!$A$2:$C$346,3,0))^2)/1000,0)</f>
        <v>66</v>
      </c>
      <c r="AL72">
        <f ca="1">ROUND(SQRT((VLOOKUP($A72,városok!$A$2:$C$346,2,0)-VLOOKUP(AL$1,városok!$A$2:$C$346,2,0))^2+(VLOOKUP($A72,városok!$A$2:$C$346,3,0)-VLOOKUP(AL$1,városok!$A$2:$C$346,3,0))^2)/1000,0)</f>
        <v>49</v>
      </c>
      <c r="AM72">
        <f ca="1">ROUND(SQRT((VLOOKUP($A72,városok!$A$2:$C$346,2,0)-VLOOKUP(AM$1,városok!$A$2:$C$346,2,0))^2+(VLOOKUP($A72,városok!$A$2:$C$346,3,0)-VLOOKUP(AM$1,városok!$A$2:$C$346,3,0))^2)/1000,0)</f>
        <v>76</v>
      </c>
      <c r="AN72">
        <f ca="1">ROUND(SQRT((VLOOKUP($A72,városok!$A$2:$C$346,2,0)-VLOOKUP(AN$1,városok!$A$2:$C$346,2,0))^2+(VLOOKUP($A72,városok!$A$2:$C$346,3,0)-VLOOKUP(AN$1,városok!$A$2:$C$346,3,0))^2)/1000,0)</f>
        <v>137</v>
      </c>
      <c r="AO72">
        <f ca="1">ROUND(SQRT((VLOOKUP($A72,városok!$A$2:$C$346,2,0)-VLOOKUP(AO$1,városok!$A$2:$C$346,2,0))^2+(VLOOKUP($A72,városok!$A$2:$C$346,3,0)-VLOOKUP(AO$1,városok!$A$2:$C$346,3,0))^2)/1000,0)</f>
        <v>184</v>
      </c>
      <c r="AP72">
        <f ca="1">ROUND(SQRT((VLOOKUP($A72,városok!$A$2:$C$346,2,0)-VLOOKUP(AP$1,városok!$A$2:$C$346,2,0))^2+(VLOOKUP($A72,városok!$A$2:$C$346,3,0)-VLOOKUP(AP$1,városok!$A$2:$C$346,3,0))^2)/1000,0)</f>
        <v>169</v>
      </c>
      <c r="AQ72">
        <f ca="1">ROUND(SQRT((VLOOKUP($A72,városok!$A$2:$C$346,2,0)-VLOOKUP(AQ$1,városok!$A$2:$C$346,2,0))^2+(VLOOKUP($A72,városok!$A$2:$C$346,3,0)-VLOOKUP(AQ$1,városok!$A$2:$C$346,3,0))^2)/1000,0)</f>
        <v>165</v>
      </c>
      <c r="AR72">
        <f ca="1">ROUND(SQRT((VLOOKUP($A72,városok!$A$2:$C$346,2,0)-VLOOKUP(AR$1,városok!$A$2:$C$346,2,0))^2+(VLOOKUP($A72,városok!$A$2:$C$346,3,0)-VLOOKUP(AR$1,városok!$A$2:$C$346,3,0))^2)/1000,0)</f>
        <v>67</v>
      </c>
      <c r="AS72">
        <f ca="1">ROUND(SQRT((VLOOKUP($A72,városok!$A$2:$C$346,2,0)-VLOOKUP(AS$1,városok!$A$2:$C$346,2,0))^2+(VLOOKUP($A72,városok!$A$2:$C$346,3,0)-VLOOKUP(AS$1,városok!$A$2:$C$346,3,0))^2)/1000,0)</f>
        <v>66</v>
      </c>
      <c r="AT72">
        <f ca="1">ROUND(SQRT((VLOOKUP($A72,városok!$A$2:$C$346,2,0)-VLOOKUP(AT$1,városok!$A$2:$C$346,2,0))^2+(VLOOKUP($A72,városok!$A$2:$C$346,3,0)-VLOOKUP(AT$1,városok!$A$2:$C$346,3,0))^2)/1000,0)</f>
        <v>137</v>
      </c>
      <c r="AU72">
        <f ca="1">ROUND(SQRT((VLOOKUP($A72,városok!$A$2:$C$346,2,0)-VLOOKUP(AU$1,városok!$A$2:$C$346,2,0))^2+(VLOOKUP($A72,városok!$A$2:$C$346,3,0)-VLOOKUP(AU$1,városok!$A$2:$C$346,3,0))^2)/1000,0)</f>
        <v>127</v>
      </c>
      <c r="AV72">
        <f ca="1">ROUND(SQRT((VLOOKUP($A72,városok!$A$2:$C$346,2,0)-VLOOKUP(AV$1,városok!$A$2:$C$346,2,0))^2+(VLOOKUP($A72,városok!$A$2:$C$346,3,0)-VLOOKUP(AV$1,városok!$A$2:$C$346,3,0))^2)/1000,0)</f>
        <v>130</v>
      </c>
      <c r="AW72">
        <f ca="1">ROUND(SQRT((VLOOKUP($A72,városok!$A$2:$C$346,2,0)-VLOOKUP(AW$1,városok!$A$2:$C$346,2,0))^2+(VLOOKUP($A72,városok!$A$2:$C$346,3,0)-VLOOKUP(AW$1,városok!$A$2:$C$346,3,0))^2)/1000,0)</f>
        <v>133</v>
      </c>
      <c r="AX72">
        <f ca="1">ROUND(SQRT((VLOOKUP($A72,városok!$A$2:$C$346,2,0)-VLOOKUP(AX$1,városok!$A$2:$C$346,2,0))^2+(VLOOKUP($A72,városok!$A$2:$C$346,3,0)-VLOOKUP(AX$1,városok!$A$2:$C$346,3,0))^2)/1000,0)</f>
        <v>105</v>
      </c>
      <c r="AY72">
        <f ca="1">ROUND(SQRT((VLOOKUP($A72,városok!$A$2:$C$346,2,0)-VLOOKUP(AY$1,városok!$A$2:$C$346,2,0))^2+(VLOOKUP($A72,városok!$A$2:$C$346,3,0)-VLOOKUP(AY$1,városok!$A$2:$C$346,3,0))^2)/1000,0)</f>
        <v>114</v>
      </c>
      <c r="AZ72">
        <f ca="1">ROUND(SQRT((VLOOKUP($A72,városok!$A$2:$C$346,2,0)-VLOOKUP(AZ$1,városok!$A$2:$C$346,2,0))^2+(VLOOKUP($A72,városok!$A$2:$C$346,3,0)-VLOOKUP(AZ$1,városok!$A$2:$C$346,3,0))^2)/1000,0)</f>
        <v>120</v>
      </c>
      <c r="BA72">
        <f ca="1">ROUND(SQRT((VLOOKUP($A72,városok!$A$2:$C$346,2,0)-VLOOKUP(BA$1,városok!$A$2:$C$346,2,0))^2+(VLOOKUP($A72,városok!$A$2:$C$346,3,0)-VLOOKUP(BA$1,városok!$A$2:$C$346,3,0))^2)/1000,0)</f>
        <v>245</v>
      </c>
      <c r="BB72">
        <f ca="1">ROUND(SQRT((VLOOKUP($A72,városok!$A$2:$C$346,2,0)-VLOOKUP(BB$1,városok!$A$2:$C$346,2,0))^2+(VLOOKUP($A72,városok!$A$2:$C$346,3,0)-VLOOKUP(BB$1,városok!$A$2:$C$346,3,0))^2)/1000,0)</f>
        <v>244</v>
      </c>
      <c r="BC72">
        <f ca="1">ROUND(SQRT((VLOOKUP($A72,városok!$A$2:$C$346,2,0)-VLOOKUP(BC$1,városok!$A$2:$C$346,2,0))^2+(VLOOKUP($A72,városok!$A$2:$C$346,3,0)-VLOOKUP(BC$1,városok!$A$2:$C$346,3,0))^2)/1000,0)</f>
        <v>265</v>
      </c>
      <c r="BD72">
        <f ca="1">ROUND(SQRT((VLOOKUP($A72,városok!$A$2:$C$346,2,0)-VLOOKUP(BD$1,városok!$A$2:$C$346,2,0))^2+(VLOOKUP($A72,városok!$A$2:$C$346,3,0)-VLOOKUP(BD$1,városok!$A$2:$C$346,3,0))^2)/1000,0)</f>
        <v>214</v>
      </c>
      <c r="BE72">
        <f ca="1">ROUND(SQRT((VLOOKUP($A72,városok!$A$2:$C$346,2,0)-VLOOKUP(BE$1,városok!$A$2:$C$346,2,0))^2+(VLOOKUP($A72,városok!$A$2:$C$346,3,0)-VLOOKUP(BE$1,városok!$A$2:$C$346,3,0))^2)/1000,0)</f>
        <v>157</v>
      </c>
      <c r="BF72">
        <f ca="1">ROUND(SQRT((VLOOKUP($A72,városok!$A$2:$C$346,2,0)-VLOOKUP(BF$1,városok!$A$2:$C$346,2,0))^2+(VLOOKUP($A72,városok!$A$2:$C$346,3,0)-VLOOKUP(BF$1,városok!$A$2:$C$346,3,0))^2)/1000,0)</f>
        <v>121</v>
      </c>
      <c r="BG72">
        <f ca="1">ROUND(SQRT((VLOOKUP($A72,városok!$A$2:$C$346,2,0)-VLOOKUP(BG$1,városok!$A$2:$C$346,2,0))^2+(VLOOKUP($A72,városok!$A$2:$C$346,3,0)-VLOOKUP(BG$1,városok!$A$2:$C$346,3,0))^2)/1000,0)</f>
        <v>76</v>
      </c>
      <c r="BH72">
        <f ca="1">ROUND(SQRT((VLOOKUP($A72,városok!$A$2:$C$346,2,0)-VLOOKUP(BH$1,városok!$A$2:$C$346,2,0))^2+(VLOOKUP($A72,városok!$A$2:$C$346,3,0)-VLOOKUP(BH$1,városok!$A$2:$C$346,3,0))^2)/1000,0)</f>
        <v>75</v>
      </c>
      <c r="BI72">
        <f ca="1">ROUND(SQRT((VLOOKUP($A72,városok!$A$2:$C$346,2,0)-VLOOKUP(BI$1,városok!$A$2:$C$346,2,0))^2+(VLOOKUP($A72,városok!$A$2:$C$346,3,0)-VLOOKUP(BI$1,városok!$A$2:$C$346,3,0))^2)/1000,0)</f>
        <v>216</v>
      </c>
      <c r="BJ72">
        <f ca="1">ROUND(SQRT((VLOOKUP($A72,városok!$A$2:$C$346,2,0)-VLOOKUP(BJ$1,városok!$A$2:$C$346,2,0))^2+(VLOOKUP($A72,városok!$A$2:$C$346,3,0)-VLOOKUP(BJ$1,városok!$A$2:$C$346,3,0))^2)/1000,0)</f>
        <v>233</v>
      </c>
      <c r="BK72">
        <f ca="1">ROUND(SQRT((VLOOKUP($A72,városok!$A$2:$C$346,2,0)-VLOOKUP(BK$1,városok!$A$2:$C$346,2,0))^2+(VLOOKUP($A72,városok!$A$2:$C$346,3,0)-VLOOKUP(BK$1,városok!$A$2:$C$346,3,0))^2)/1000,0)</f>
        <v>215</v>
      </c>
      <c r="BL72">
        <f ca="1">ROUND(SQRT((VLOOKUP($A72,városok!$A$2:$C$346,2,0)-VLOOKUP(BL$1,városok!$A$2:$C$346,2,0))^2+(VLOOKUP($A72,városok!$A$2:$C$346,3,0)-VLOOKUP(BL$1,városok!$A$2:$C$346,3,0))^2)/1000,0)</f>
        <v>312</v>
      </c>
      <c r="BM72">
        <f ca="1">ROUND(SQRT((VLOOKUP($A72,városok!$A$2:$C$346,2,0)-VLOOKUP(BM$1,városok!$A$2:$C$346,2,0))^2+(VLOOKUP($A72,városok!$A$2:$C$346,3,0)-VLOOKUP(BM$1,városok!$A$2:$C$346,3,0))^2)/1000,0)</f>
        <v>281</v>
      </c>
      <c r="BN72">
        <f ca="1">ROUND(SQRT((VLOOKUP($A72,városok!$A$2:$C$346,2,0)-VLOOKUP(BN$1,városok!$A$2:$C$346,2,0))^2+(VLOOKUP($A72,városok!$A$2:$C$346,3,0)-VLOOKUP(BN$1,városok!$A$2:$C$346,3,0))^2)/1000,0)</f>
        <v>304</v>
      </c>
      <c r="BO72">
        <f ca="1">ROUND(SQRT((VLOOKUP($A72,városok!$A$2:$C$346,2,0)-VLOOKUP(BO$1,városok!$A$2:$C$346,2,0))^2+(VLOOKUP($A72,városok!$A$2:$C$346,3,0)-VLOOKUP(BO$1,városok!$A$2:$C$346,3,0))^2)/1000,0)</f>
        <v>212</v>
      </c>
      <c r="BP72">
        <f ca="1">ROUND(SQRT((VLOOKUP($A72,városok!$A$2:$C$346,2,0)-VLOOKUP(BP$1,városok!$A$2:$C$346,2,0))^2+(VLOOKUP($A72,városok!$A$2:$C$346,3,0)-VLOOKUP(BP$1,városok!$A$2:$C$346,3,0))^2)/1000,0)</f>
        <v>205</v>
      </c>
      <c r="BQ72">
        <f ca="1">ROUND(SQRT((VLOOKUP($A72,városok!$A$2:$C$346,2,0)-VLOOKUP(BQ$1,városok!$A$2:$C$346,2,0))^2+(VLOOKUP($A72,városok!$A$2:$C$346,3,0)-VLOOKUP(BQ$1,városok!$A$2:$C$346,3,0))^2)/1000,0)</f>
        <v>216</v>
      </c>
      <c r="BR72">
        <f ca="1">ROUND(SQRT((VLOOKUP($A72,városok!$A$2:$C$346,2,0)-VLOOKUP(BR$1,városok!$A$2:$C$346,2,0))^2+(VLOOKUP($A72,városok!$A$2:$C$346,3,0)-VLOOKUP(BR$1,városok!$A$2:$C$346,3,0))^2)/1000,0)</f>
        <v>276</v>
      </c>
      <c r="BS72">
        <f ca="1">ROUND(SQRT((VLOOKUP($A72,városok!$A$2:$C$346,2,0)-VLOOKUP(BS$1,városok!$A$2:$C$346,2,0))^2+(VLOOKUP($A72,városok!$A$2:$C$346,3,0)-VLOOKUP(BS$1,városok!$A$2:$C$346,3,0))^2)/1000,0)</f>
        <v>311</v>
      </c>
      <c r="BT72">
        <f ca="1">ROUND(SQRT((VLOOKUP($A72,városok!$A$2:$C$346,2,0)-VLOOKUP(BT$1,városok!$A$2:$C$346,2,0))^2+(VLOOKUP($A72,városok!$A$2:$C$346,3,0)-VLOOKUP(BT$1,városok!$A$2:$C$346,3,0))^2)/1000,0)</f>
        <v>302</v>
      </c>
    </row>
    <row r="73" spans="1:72" x14ac:dyDescent="0.2">
      <c r="A73" t="str">
        <f>városok!A73</f>
        <v>Miskolc</v>
      </c>
      <c r="B73">
        <f ca="1">ROUND(SQRT((VLOOKUP($A73,városok!$A$2:$C$346,2,0)-VLOOKUP(B$1,városok!$A$2:$C$346,2,0))^2+(VLOOKUP($A73,városok!$A$2:$C$346,3,0)-VLOOKUP(B$1,városok!$A$2:$C$346,3,0))^2)/1000,0)</f>
        <v>255</v>
      </c>
      <c r="C73">
        <f ca="1">ROUND(SQRT((VLOOKUP($A73,városok!$A$2:$C$346,2,0)-VLOOKUP(C$1,városok!$A$2:$C$346,2,0))^2+(VLOOKUP($A73,városok!$A$2:$C$346,3,0)-VLOOKUP(C$1,városok!$A$2:$C$346,3,0))^2)/1000,0)</f>
        <v>223</v>
      </c>
      <c r="D73">
        <f ca="1">ROUND(SQRT((VLOOKUP($A73,városok!$A$2:$C$346,2,0)-VLOOKUP(D$1,városok!$A$2:$C$346,2,0))^2+(VLOOKUP($A73,városok!$A$2:$C$346,3,0)-VLOOKUP(D$1,városok!$A$2:$C$346,3,0))^2)/1000,0)</f>
        <v>157</v>
      </c>
      <c r="E73">
        <f ca="1">ROUND(SQRT((VLOOKUP($A73,városok!$A$2:$C$346,2,0)-VLOOKUP(E$1,városok!$A$2:$C$346,2,0))^2+(VLOOKUP($A73,városok!$A$2:$C$346,3,0)-VLOOKUP(E$1,városok!$A$2:$C$346,3,0))^2)/1000,0)</f>
        <v>287</v>
      </c>
      <c r="F73">
        <f ca="1">ROUND(SQRT((VLOOKUP($A73,városok!$A$2:$C$346,2,0)-VLOOKUP(F$1,városok!$A$2:$C$346,2,0))^2+(VLOOKUP($A73,városok!$A$2:$C$346,3,0)-VLOOKUP(F$1,városok!$A$2:$C$346,3,0))^2)/1000,0)</f>
        <v>284</v>
      </c>
      <c r="G73">
        <f ca="1">ROUND(SQRT((VLOOKUP($A73,városok!$A$2:$C$346,2,0)-VLOOKUP(G$1,városok!$A$2:$C$346,2,0))^2+(VLOOKUP($A73,városok!$A$2:$C$346,3,0)-VLOOKUP(G$1,városok!$A$2:$C$346,3,0))^2)/1000,0)</f>
        <v>297</v>
      </c>
      <c r="H73">
        <f ca="1">ROUND(SQRT((VLOOKUP($A73,városok!$A$2:$C$346,2,0)-VLOOKUP(H$1,városok!$A$2:$C$346,2,0))^2+(VLOOKUP($A73,városok!$A$2:$C$346,3,0)-VLOOKUP(H$1,városok!$A$2:$C$346,3,0))^2)/1000,0)</f>
        <v>323</v>
      </c>
      <c r="I73">
        <f ca="1">ROUND(SQRT((VLOOKUP($A73,városok!$A$2:$C$346,2,0)-VLOOKUP(I$1,városok!$A$2:$C$346,2,0))^2+(VLOOKUP($A73,városok!$A$2:$C$346,3,0)-VLOOKUP(I$1,városok!$A$2:$C$346,3,0))^2)/1000,0)</f>
        <v>160</v>
      </c>
      <c r="J73">
        <f ca="1">ROUND(SQRT((VLOOKUP($A73,városok!$A$2:$C$346,2,0)-VLOOKUP(J$1,városok!$A$2:$C$346,2,0))^2+(VLOOKUP($A73,városok!$A$2:$C$346,3,0)-VLOOKUP(J$1,városok!$A$2:$C$346,3,0))^2)/1000,0)</f>
        <v>166</v>
      </c>
      <c r="K73">
        <f ca="1">ROUND(SQRT((VLOOKUP($A73,városok!$A$2:$C$346,2,0)-VLOOKUP(K$1,városok!$A$2:$C$346,2,0))^2+(VLOOKUP($A73,városok!$A$2:$C$346,3,0)-VLOOKUP(K$1,városok!$A$2:$C$346,3,0))^2)/1000,0)</f>
        <v>172</v>
      </c>
      <c r="L73">
        <f ca="1">ROUND(SQRT((VLOOKUP($A73,városok!$A$2:$C$346,2,0)-VLOOKUP(L$1,városok!$A$2:$C$346,2,0))^2+(VLOOKUP($A73,városok!$A$2:$C$346,3,0)-VLOOKUP(L$1,városok!$A$2:$C$346,3,0))^2)/1000,0)</f>
        <v>21</v>
      </c>
      <c r="M73">
        <f ca="1">ROUND(SQRT((VLOOKUP($A73,városok!$A$2:$C$346,2,0)-VLOOKUP(M$1,városok!$A$2:$C$346,2,0))^2+(VLOOKUP($A73,városok!$A$2:$C$346,3,0)-VLOOKUP(M$1,városok!$A$2:$C$346,3,0))^2)/1000,0)</f>
        <v>0</v>
      </c>
      <c r="N73">
        <f ca="1">ROUND(SQRT((VLOOKUP($A73,városok!$A$2:$C$346,2,0)-VLOOKUP(N$1,városok!$A$2:$C$346,2,0))^2+(VLOOKUP($A73,városok!$A$2:$C$346,3,0)-VLOOKUP(N$1,városok!$A$2:$C$346,3,0))^2)/1000,0)</f>
        <v>40</v>
      </c>
      <c r="O73">
        <f ca="1">ROUND(SQRT((VLOOKUP($A73,városok!$A$2:$C$346,2,0)-VLOOKUP(O$1,városok!$A$2:$C$346,2,0))^2+(VLOOKUP($A73,városok!$A$2:$C$346,3,0)-VLOOKUP(O$1,városok!$A$2:$C$346,3,0))^2)/1000,0)</f>
        <v>71</v>
      </c>
      <c r="P73">
        <f ca="1">ROUND(SQRT((VLOOKUP($A73,városok!$A$2:$C$346,2,0)-VLOOKUP(P$1,városok!$A$2:$C$346,2,0))^2+(VLOOKUP($A73,városok!$A$2:$C$346,3,0)-VLOOKUP(P$1,városok!$A$2:$C$346,3,0))^2)/1000,0)</f>
        <v>71</v>
      </c>
      <c r="Q73">
        <f ca="1">ROUND(SQRT((VLOOKUP($A73,városok!$A$2:$C$346,2,0)-VLOOKUP(Q$1,városok!$A$2:$C$346,2,0))^2+(VLOOKUP($A73,városok!$A$2:$C$346,3,0)-VLOOKUP(Q$1,városok!$A$2:$C$346,3,0))^2)/1000,0)</f>
        <v>191</v>
      </c>
      <c r="R73">
        <f ca="1">ROUND(SQRT((VLOOKUP($A73,városok!$A$2:$C$346,2,0)-VLOOKUP(R$1,városok!$A$2:$C$346,2,0))^2+(VLOOKUP($A73,városok!$A$2:$C$346,3,0)-VLOOKUP(R$1,városok!$A$2:$C$346,3,0))^2)/1000,0)</f>
        <v>211</v>
      </c>
      <c r="S73">
        <f ca="1">ROUND(SQRT((VLOOKUP($A73,városok!$A$2:$C$346,2,0)-VLOOKUP(S$1,városok!$A$2:$C$346,2,0))^2+(VLOOKUP($A73,városok!$A$2:$C$346,3,0)-VLOOKUP(S$1,városok!$A$2:$C$346,3,0))^2)/1000,0)</f>
        <v>212</v>
      </c>
      <c r="T73">
        <f ca="1">ROUND(SQRT((VLOOKUP($A73,városok!$A$2:$C$346,2,0)-VLOOKUP(T$1,városok!$A$2:$C$346,2,0))^2+(VLOOKUP($A73,városok!$A$2:$C$346,3,0)-VLOOKUP(T$1,városok!$A$2:$C$346,3,0))^2)/1000,0)</f>
        <v>176</v>
      </c>
      <c r="U73">
        <f ca="1">ROUND(SQRT((VLOOKUP($A73,városok!$A$2:$C$346,2,0)-VLOOKUP(U$1,városok!$A$2:$C$346,2,0))^2+(VLOOKUP($A73,városok!$A$2:$C$346,3,0)-VLOOKUP(U$1,városok!$A$2:$C$346,3,0))^2)/1000,0)</f>
        <v>189</v>
      </c>
      <c r="V73">
        <f ca="1">ROUND(SQRT((VLOOKUP($A73,városok!$A$2:$C$346,2,0)-VLOOKUP(V$1,városok!$A$2:$C$346,2,0))^2+(VLOOKUP($A73,városok!$A$2:$C$346,3,0)-VLOOKUP(V$1,városok!$A$2:$C$346,3,0))^2)/1000,0)</f>
        <v>221</v>
      </c>
      <c r="W73">
        <f ca="1">ROUND(SQRT((VLOOKUP($A73,városok!$A$2:$C$346,2,0)-VLOOKUP(W$1,városok!$A$2:$C$346,2,0))^2+(VLOOKUP($A73,városok!$A$2:$C$346,3,0)-VLOOKUP(W$1,városok!$A$2:$C$346,3,0))^2)/1000,0)</f>
        <v>212</v>
      </c>
      <c r="X73">
        <f ca="1">ROUND(SQRT((VLOOKUP($A73,városok!$A$2:$C$346,2,0)-VLOOKUP(X$1,városok!$A$2:$C$346,2,0))^2+(VLOOKUP($A73,városok!$A$2:$C$346,3,0)-VLOOKUP(X$1,városok!$A$2:$C$346,3,0))^2)/1000,0)</f>
        <v>206</v>
      </c>
      <c r="Y73">
        <f ca="1">ROUND(SQRT((VLOOKUP($A73,városok!$A$2:$C$346,2,0)-VLOOKUP(Y$1,városok!$A$2:$C$346,2,0))^2+(VLOOKUP($A73,városok!$A$2:$C$346,3,0)-VLOOKUP(Y$1,városok!$A$2:$C$346,3,0))^2)/1000,0)</f>
        <v>241</v>
      </c>
      <c r="Z73">
        <f ca="1">ROUND(SQRT((VLOOKUP($A73,városok!$A$2:$C$346,2,0)-VLOOKUP(Z$1,városok!$A$2:$C$346,2,0))^2+(VLOOKUP($A73,városok!$A$2:$C$346,3,0)-VLOOKUP(Z$1,városok!$A$2:$C$346,3,0))^2)/1000,0)</f>
        <v>258</v>
      </c>
      <c r="AA73">
        <f ca="1">ROUND(SQRT((VLOOKUP($A73,városok!$A$2:$C$346,2,0)-VLOOKUP(AA$1,városok!$A$2:$C$346,2,0))^2+(VLOOKUP($A73,városok!$A$2:$C$346,3,0)-VLOOKUP(AA$1,városok!$A$2:$C$346,3,0))^2)/1000,0)</f>
        <v>318</v>
      </c>
      <c r="AB73">
        <f ca="1">ROUND(SQRT((VLOOKUP($A73,városok!$A$2:$C$346,2,0)-VLOOKUP(AB$1,városok!$A$2:$C$346,2,0))^2+(VLOOKUP($A73,városok!$A$2:$C$346,3,0)-VLOOKUP(AB$1,városok!$A$2:$C$346,3,0))^2)/1000,0)</f>
        <v>90</v>
      </c>
      <c r="AC73">
        <f ca="1">ROUND(SQRT((VLOOKUP($A73,városok!$A$2:$C$346,2,0)-VLOOKUP(AC$1,városok!$A$2:$C$346,2,0))^2+(VLOOKUP($A73,városok!$A$2:$C$346,3,0)-VLOOKUP(AC$1,városok!$A$2:$C$346,3,0))^2)/1000,0)</f>
        <v>86</v>
      </c>
      <c r="AD73">
        <f ca="1">ROUND(SQRT((VLOOKUP($A73,városok!$A$2:$C$346,2,0)-VLOOKUP(AD$1,városok!$A$2:$C$346,2,0))^2+(VLOOKUP($A73,városok!$A$2:$C$346,3,0)-VLOOKUP(AD$1,városok!$A$2:$C$346,3,0))^2)/1000,0)</f>
        <v>80</v>
      </c>
      <c r="AE73">
        <f ca="1">ROUND(SQRT((VLOOKUP($A73,városok!$A$2:$C$346,2,0)-VLOOKUP(AE$1,városok!$A$2:$C$346,2,0))^2+(VLOOKUP($A73,városok!$A$2:$C$346,3,0)-VLOOKUP(AE$1,városok!$A$2:$C$346,3,0))^2)/1000,0)</f>
        <v>95</v>
      </c>
      <c r="AF73">
        <f ca="1">ROUND(SQRT((VLOOKUP($A73,városok!$A$2:$C$346,2,0)-VLOOKUP(AF$1,városok!$A$2:$C$346,2,0))^2+(VLOOKUP($A73,városok!$A$2:$C$346,3,0)-VLOOKUP(AF$1,városok!$A$2:$C$346,3,0))^2)/1000,0)</f>
        <v>39</v>
      </c>
      <c r="AG73">
        <f ca="1">ROUND(SQRT((VLOOKUP($A73,városok!$A$2:$C$346,2,0)-VLOOKUP(AG$1,városok!$A$2:$C$346,2,0))^2+(VLOOKUP($A73,városok!$A$2:$C$346,3,0)-VLOOKUP(AG$1,városok!$A$2:$C$346,3,0))^2)/1000,0)</f>
        <v>74</v>
      </c>
      <c r="AH73">
        <f ca="1">ROUND(SQRT((VLOOKUP($A73,városok!$A$2:$C$346,2,0)-VLOOKUP(AH$1,városok!$A$2:$C$346,2,0))^2+(VLOOKUP($A73,városok!$A$2:$C$346,3,0)-VLOOKUP(AH$1,városok!$A$2:$C$346,3,0))^2)/1000,0)</f>
        <v>97</v>
      </c>
      <c r="AI73">
        <f ca="1">ROUND(SQRT((VLOOKUP($A73,városok!$A$2:$C$346,2,0)-VLOOKUP(AI$1,városok!$A$2:$C$346,2,0))^2+(VLOOKUP($A73,városok!$A$2:$C$346,3,0)-VLOOKUP(AI$1,városok!$A$2:$C$346,3,0))^2)/1000,0)</f>
        <v>53</v>
      </c>
      <c r="AJ73">
        <f ca="1">ROUND(SQRT((VLOOKUP($A73,városok!$A$2:$C$346,2,0)-VLOOKUP(AJ$1,városok!$A$2:$C$346,2,0))^2+(VLOOKUP($A73,városok!$A$2:$C$346,3,0)-VLOOKUP(AJ$1,városok!$A$2:$C$346,3,0))^2)/1000,0)</f>
        <v>80</v>
      </c>
      <c r="AK73">
        <f ca="1">ROUND(SQRT((VLOOKUP($A73,városok!$A$2:$C$346,2,0)-VLOOKUP(AK$1,városok!$A$2:$C$346,2,0))^2+(VLOOKUP($A73,városok!$A$2:$C$346,3,0)-VLOOKUP(AK$1,városok!$A$2:$C$346,3,0))^2)/1000,0)</f>
        <v>92</v>
      </c>
      <c r="AL73">
        <f ca="1">ROUND(SQRT((VLOOKUP($A73,városok!$A$2:$C$346,2,0)-VLOOKUP(AL$1,városok!$A$2:$C$346,2,0))^2+(VLOOKUP($A73,városok!$A$2:$C$346,3,0)-VLOOKUP(AL$1,városok!$A$2:$C$346,3,0))^2)/1000,0)</f>
        <v>83</v>
      </c>
      <c r="AM73">
        <f ca="1">ROUND(SQRT((VLOOKUP($A73,városok!$A$2:$C$346,2,0)-VLOOKUP(AM$1,városok!$A$2:$C$346,2,0))^2+(VLOOKUP($A73,városok!$A$2:$C$346,3,0)-VLOOKUP(AM$1,városok!$A$2:$C$346,3,0))^2)/1000,0)</f>
        <v>113</v>
      </c>
      <c r="AN73">
        <f ca="1">ROUND(SQRT((VLOOKUP($A73,városok!$A$2:$C$346,2,0)-VLOOKUP(AN$1,városok!$A$2:$C$346,2,0))^2+(VLOOKUP($A73,városok!$A$2:$C$346,3,0)-VLOOKUP(AN$1,városok!$A$2:$C$346,3,0))^2)/1000,0)</f>
        <v>157</v>
      </c>
      <c r="AO73">
        <f ca="1">ROUND(SQRT((VLOOKUP($A73,városok!$A$2:$C$346,2,0)-VLOOKUP(AO$1,városok!$A$2:$C$346,2,0))^2+(VLOOKUP($A73,városok!$A$2:$C$346,3,0)-VLOOKUP(AO$1,városok!$A$2:$C$346,3,0))^2)/1000,0)</f>
        <v>204</v>
      </c>
      <c r="AP73">
        <f ca="1">ROUND(SQRT((VLOOKUP($A73,városok!$A$2:$C$346,2,0)-VLOOKUP(AP$1,városok!$A$2:$C$346,2,0))^2+(VLOOKUP($A73,városok!$A$2:$C$346,3,0)-VLOOKUP(AP$1,városok!$A$2:$C$346,3,0))^2)/1000,0)</f>
        <v>191</v>
      </c>
      <c r="AQ73">
        <f ca="1">ROUND(SQRT((VLOOKUP($A73,városok!$A$2:$C$346,2,0)-VLOOKUP(AQ$1,városok!$A$2:$C$346,2,0))^2+(VLOOKUP($A73,városok!$A$2:$C$346,3,0)-VLOOKUP(AQ$1,városok!$A$2:$C$346,3,0))^2)/1000,0)</f>
        <v>188</v>
      </c>
      <c r="AR73">
        <f ca="1">ROUND(SQRT((VLOOKUP($A73,városok!$A$2:$C$346,2,0)-VLOOKUP(AR$1,városok!$A$2:$C$346,2,0))^2+(VLOOKUP($A73,városok!$A$2:$C$346,3,0)-VLOOKUP(AR$1,városok!$A$2:$C$346,3,0))^2)/1000,0)</f>
        <v>85</v>
      </c>
      <c r="AS73">
        <f ca="1">ROUND(SQRT((VLOOKUP($A73,városok!$A$2:$C$346,2,0)-VLOOKUP(AS$1,városok!$A$2:$C$346,2,0))^2+(VLOOKUP($A73,városok!$A$2:$C$346,3,0)-VLOOKUP(AS$1,városok!$A$2:$C$346,3,0))^2)/1000,0)</f>
        <v>73</v>
      </c>
      <c r="AT73">
        <f ca="1">ROUND(SQRT((VLOOKUP($A73,városok!$A$2:$C$346,2,0)-VLOOKUP(AT$1,városok!$A$2:$C$346,2,0))^2+(VLOOKUP($A73,városok!$A$2:$C$346,3,0)-VLOOKUP(AT$1,városok!$A$2:$C$346,3,0))^2)/1000,0)</f>
        <v>164</v>
      </c>
      <c r="AU73">
        <f ca="1">ROUND(SQRT((VLOOKUP($A73,városok!$A$2:$C$346,2,0)-VLOOKUP(AU$1,városok!$A$2:$C$346,2,0))^2+(VLOOKUP($A73,városok!$A$2:$C$346,3,0)-VLOOKUP(AU$1,városok!$A$2:$C$346,3,0))^2)/1000,0)</f>
        <v>155</v>
      </c>
      <c r="AV73">
        <f ca="1">ROUND(SQRT((VLOOKUP($A73,városok!$A$2:$C$346,2,0)-VLOOKUP(AV$1,városok!$A$2:$C$346,2,0))^2+(VLOOKUP($A73,városok!$A$2:$C$346,3,0)-VLOOKUP(AV$1,városok!$A$2:$C$346,3,0))^2)/1000,0)</f>
        <v>159</v>
      </c>
      <c r="AW73">
        <f ca="1">ROUND(SQRT((VLOOKUP($A73,városok!$A$2:$C$346,2,0)-VLOOKUP(AW$1,városok!$A$2:$C$346,2,0))^2+(VLOOKUP($A73,városok!$A$2:$C$346,3,0)-VLOOKUP(AW$1,városok!$A$2:$C$346,3,0))^2)/1000,0)</f>
        <v>162</v>
      </c>
      <c r="AX73">
        <f ca="1">ROUND(SQRT((VLOOKUP($A73,városok!$A$2:$C$346,2,0)-VLOOKUP(AX$1,városok!$A$2:$C$346,2,0))^2+(VLOOKUP($A73,városok!$A$2:$C$346,3,0)-VLOOKUP(AX$1,városok!$A$2:$C$346,3,0))^2)/1000,0)</f>
        <v>142</v>
      </c>
      <c r="AY73">
        <f ca="1">ROUND(SQRT((VLOOKUP($A73,városok!$A$2:$C$346,2,0)-VLOOKUP(AY$1,városok!$A$2:$C$346,2,0))^2+(VLOOKUP($A73,városok!$A$2:$C$346,3,0)-VLOOKUP(AY$1,városok!$A$2:$C$346,3,0))^2)/1000,0)</f>
        <v>138</v>
      </c>
      <c r="AZ73">
        <f ca="1">ROUND(SQRT((VLOOKUP($A73,városok!$A$2:$C$346,2,0)-VLOOKUP(AZ$1,városok!$A$2:$C$346,2,0))^2+(VLOOKUP($A73,városok!$A$2:$C$346,3,0)-VLOOKUP(AZ$1,városok!$A$2:$C$346,3,0))^2)/1000,0)</f>
        <v>141</v>
      </c>
      <c r="BA73">
        <f ca="1">ROUND(SQRT((VLOOKUP($A73,városok!$A$2:$C$346,2,0)-VLOOKUP(BA$1,városok!$A$2:$C$346,2,0))^2+(VLOOKUP($A73,városok!$A$2:$C$346,3,0)-VLOOKUP(BA$1,városok!$A$2:$C$346,3,0))^2)/1000,0)</f>
        <v>276</v>
      </c>
      <c r="BB73">
        <f ca="1">ROUND(SQRT((VLOOKUP($A73,városok!$A$2:$C$346,2,0)-VLOOKUP(BB$1,városok!$A$2:$C$346,2,0))^2+(VLOOKUP($A73,városok!$A$2:$C$346,3,0)-VLOOKUP(BB$1,városok!$A$2:$C$346,3,0))^2)/1000,0)</f>
        <v>277</v>
      </c>
      <c r="BC73">
        <f ca="1">ROUND(SQRT((VLOOKUP($A73,városok!$A$2:$C$346,2,0)-VLOOKUP(BC$1,városok!$A$2:$C$346,2,0))^2+(VLOOKUP($A73,városok!$A$2:$C$346,3,0)-VLOOKUP(BC$1,városok!$A$2:$C$346,3,0))^2)/1000,0)</f>
        <v>299</v>
      </c>
      <c r="BD73">
        <f ca="1">ROUND(SQRT((VLOOKUP($A73,városok!$A$2:$C$346,2,0)-VLOOKUP(BD$1,városok!$A$2:$C$346,2,0))^2+(VLOOKUP($A73,városok!$A$2:$C$346,3,0)-VLOOKUP(BD$1,városok!$A$2:$C$346,3,0))^2)/1000,0)</f>
        <v>245</v>
      </c>
      <c r="BE73">
        <f ca="1">ROUND(SQRT((VLOOKUP($A73,városok!$A$2:$C$346,2,0)-VLOOKUP(BE$1,városok!$A$2:$C$346,2,0))^2+(VLOOKUP($A73,városok!$A$2:$C$346,3,0)-VLOOKUP(BE$1,városok!$A$2:$C$346,3,0))^2)/1000,0)</f>
        <v>143</v>
      </c>
      <c r="BF73">
        <f ca="1">ROUND(SQRT((VLOOKUP($A73,városok!$A$2:$C$346,2,0)-VLOOKUP(BF$1,városok!$A$2:$C$346,2,0))^2+(VLOOKUP($A73,városok!$A$2:$C$346,3,0)-VLOOKUP(BF$1,városok!$A$2:$C$346,3,0))^2)/1000,0)</f>
        <v>96</v>
      </c>
      <c r="BG73">
        <f ca="1">ROUND(SQRT((VLOOKUP($A73,városok!$A$2:$C$346,2,0)-VLOOKUP(BG$1,városok!$A$2:$C$346,2,0))^2+(VLOOKUP($A73,városok!$A$2:$C$346,3,0)-VLOOKUP(BG$1,városok!$A$2:$C$346,3,0))^2)/1000,0)</f>
        <v>50</v>
      </c>
      <c r="BH73">
        <f ca="1">ROUND(SQRT((VLOOKUP($A73,városok!$A$2:$C$346,2,0)-VLOOKUP(BH$1,városok!$A$2:$C$346,2,0))^2+(VLOOKUP($A73,városok!$A$2:$C$346,3,0)-VLOOKUP(BH$1,városok!$A$2:$C$346,3,0))^2)/1000,0)</f>
        <v>50</v>
      </c>
      <c r="BI73">
        <f ca="1">ROUND(SQRT((VLOOKUP($A73,városok!$A$2:$C$346,2,0)-VLOOKUP(BI$1,városok!$A$2:$C$346,2,0))^2+(VLOOKUP($A73,városok!$A$2:$C$346,3,0)-VLOOKUP(BI$1,városok!$A$2:$C$346,3,0))^2)/1000,0)</f>
        <v>251</v>
      </c>
      <c r="BJ73">
        <f ca="1">ROUND(SQRT((VLOOKUP($A73,városok!$A$2:$C$346,2,0)-VLOOKUP(BJ$1,városok!$A$2:$C$346,2,0))^2+(VLOOKUP($A73,városok!$A$2:$C$346,3,0)-VLOOKUP(BJ$1,városok!$A$2:$C$346,3,0))^2)/1000,0)</f>
        <v>269</v>
      </c>
      <c r="BK73">
        <f ca="1">ROUND(SQRT((VLOOKUP($A73,városok!$A$2:$C$346,2,0)-VLOOKUP(BK$1,városok!$A$2:$C$346,2,0))^2+(VLOOKUP($A73,városok!$A$2:$C$346,3,0)-VLOOKUP(BK$1,városok!$A$2:$C$346,3,0))^2)/1000,0)</f>
        <v>251</v>
      </c>
      <c r="BL73">
        <f ca="1">ROUND(SQRT((VLOOKUP($A73,városok!$A$2:$C$346,2,0)-VLOOKUP(BL$1,városok!$A$2:$C$346,2,0))^2+(VLOOKUP($A73,városok!$A$2:$C$346,3,0)-VLOOKUP(BL$1,városok!$A$2:$C$346,3,0))^2)/1000,0)</f>
        <v>338</v>
      </c>
      <c r="BM73">
        <f ca="1">ROUND(SQRT((VLOOKUP($A73,városok!$A$2:$C$346,2,0)-VLOOKUP(BM$1,városok!$A$2:$C$346,2,0))^2+(VLOOKUP($A73,városok!$A$2:$C$346,3,0)-VLOOKUP(BM$1,városok!$A$2:$C$346,3,0))^2)/1000,0)</f>
        <v>305</v>
      </c>
      <c r="BN73">
        <f ca="1">ROUND(SQRT((VLOOKUP($A73,városok!$A$2:$C$346,2,0)-VLOOKUP(BN$1,városok!$A$2:$C$346,2,0))^2+(VLOOKUP($A73,városok!$A$2:$C$346,3,0)-VLOOKUP(BN$1,városok!$A$2:$C$346,3,0))^2)/1000,0)</f>
        <v>328</v>
      </c>
      <c r="BO73">
        <f ca="1">ROUND(SQRT((VLOOKUP($A73,városok!$A$2:$C$346,2,0)-VLOOKUP(BO$1,városok!$A$2:$C$346,2,0))^2+(VLOOKUP($A73,városok!$A$2:$C$346,3,0)-VLOOKUP(BO$1,városok!$A$2:$C$346,3,0))^2)/1000,0)</f>
        <v>241</v>
      </c>
      <c r="BP73">
        <f ca="1">ROUND(SQRT((VLOOKUP($A73,városok!$A$2:$C$346,2,0)-VLOOKUP(BP$1,városok!$A$2:$C$346,2,0))^2+(VLOOKUP($A73,városok!$A$2:$C$346,3,0)-VLOOKUP(BP$1,városok!$A$2:$C$346,3,0))^2)/1000,0)</f>
        <v>234</v>
      </c>
      <c r="BQ73">
        <f ca="1">ROUND(SQRT((VLOOKUP($A73,városok!$A$2:$C$346,2,0)-VLOOKUP(BQ$1,városok!$A$2:$C$346,2,0))^2+(VLOOKUP($A73,városok!$A$2:$C$346,3,0)-VLOOKUP(BQ$1,városok!$A$2:$C$346,3,0))^2)/1000,0)</f>
        <v>244</v>
      </c>
      <c r="BR73">
        <f ca="1">ROUND(SQRT((VLOOKUP($A73,városok!$A$2:$C$346,2,0)-VLOOKUP(BR$1,városok!$A$2:$C$346,2,0))^2+(VLOOKUP($A73,városok!$A$2:$C$346,3,0)-VLOOKUP(BR$1,városok!$A$2:$C$346,3,0))^2)/1000,0)</f>
        <v>305</v>
      </c>
      <c r="BS73">
        <f ca="1">ROUND(SQRT((VLOOKUP($A73,városok!$A$2:$C$346,2,0)-VLOOKUP(BS$1,városok!$A$2:$C$346,2,0))^2+(VLOOKUP($A73,városok!$A$2:$C$346,3,0)-VLOOKUP(BS$1,városok!$A$2:$C$346,3,0))^2)/1000,0)</f>
        <v>341</v>
      </c>
      <c r="BT73">
        <f ca="1">ROUND(SQRT((VLOOKUP($A73,városok!$A$2:$C$346,2,0)-VLOOKUP(BT$1,városok!$A$2:$C$346,2,0))^2+(VLOOKUP($A73,városok!$A$2:$C$346,3,0)-VLOOKUP(BT$1,városok!$A$2:$C$346,3,0))^2)/1000,0)</f>
        <v>330</v>
      </c>
    </row>
    <row r="74" spans="1:72" x14ac:dyDescent="0.2">
      <c r="A74" t="str">
        <f>városok!A74</f>
        <v>Nyékládháza</v>
      </c>
      <c r="B74">
        <f ca="1">ROUND(SQRT((VLOOKUP($A74,városok!$A$2:$C$346,2,0)-VLOOKUP(B$1,városok!$A$2:$C$346,2,0))^2+(VLOOKUP($A74,városok!$A$2:$C$346,3,0)-VLOOKUP(B$1,városok!$A$2:$C$346,3,0))^2)/1000,0)</f>
        <v>247</v>
      </c>
      <c r="C74">
        <f ca="1">ROUND(SQRT((VLOOKUP($A74,városok!$A$2:$C$346,2,0)-VLOOKUP(C$1,városok!$A$2:$C$346,2,0))^2+(VLOOKUP($A74,városok!$A$2:$C$346,3,0)-VLOOKUP(C$1,városok!$A$2:$C$346,3,0))^2)/1000,0)</f>
        <v>215</v>
      </c>
      <c r="D74">
        <f ca="1">ROUND(SQRT((VLOOKUP($A74,városok!$A$2:$C$346,2,0)-VLOOKUP(D$1,városok!$A$2:$C$346,2,0))^2+(VLOOKUP($A74,városok!$A$2:$C$346,3,0)-VLOOKUP(D$1,városok!$A$2:$C$346,3,0))^2)/1000,0)</f>
        <v>149</v>
      </c>
      <c r="E74">
        <f ca="1">ROUND(SQRT((VLOOKUP($A74,városok!$A$2:$C$346,2,0)-VLOOKUP(E$1,városok!$A$2:$C$346,2,0))^2+(VLOOKUP($A74,városok!$A$2:$C$346,3,0)-VLOOKUP(E$1,városok!$A$2:$C$346,3,0))^2)/1000,0)</f>
        <v>280</v>
      </c>
      <c r="F74">
        <f ca="1">ROUND(SQRT((VLOOKUP($A74,városok!$A$2:$C$346,2,0)-VLOOKUP(F$1,városok!$A$2:$C$346,2,0))^2+(VLOOKUP($A74,városok!$A$2:$C$346,3,0)-VLOOKUP(F$1,városok!$A$2:$C$346,3,0))^2)/1000,0)</f>
        <v>276</v>
      </c>
      <c r="G74">
        <f ca="1">ROUND(SQRT((VLOOKUP($A74,városok!$A$2:$C$346,2,0)-VLOOKUP(G$1,városok!$A$2:$C$346,2,0))^2+(VLOOKUP($A74,városok!$A$2:$C$346,3,0)-VLOOKUP(G$1,városok!$A$2:$C$346,3,0))^2)/1000,0)</f>
        <v>290</v>
      </c>
      <c r="H74">
        <f ca="1">ROUND(SQRT((VLOOKUP($A74,városok!$A$2:$C$346,2,0)-VLOOKUP(H$1,városok!$A$2:$C$346,2,0))^2+(VLOOKUP($A74,városok!$A$2:$C$346,3,0)-VLOOKUP(H$1,városok!$A$2:$C$346,3,0))^2)/1000,0)</f>
        <v>317</v>
      </c>
      <c r="I74">
        <f ca="1">ROUND(SQRT((VLOOKUP($A74,városok!$A$2:$C$346,2,0)-VLOOKUP(I$1,városok!$A$2:$C$346,2,0))^2+(VLOOKUP($A74,városok!$A$2:$C$346,3,0)-VLOOKUP(I$1,városok!$A$2:$C$346,3,0))^2)/1000,0)</f>
        <v>148</v>
      </c>
      <c r="J74">
        <f ca="1">ROUND(SQRT((VLOOKUP($A74,városok!$A$2:$C$346,2,0)-VLOOKUP(J$1,városok!$A$2:$C$346,2,0))^2+(VLOOKUP($A74,városok!$A$2:$C$346,3,0)-VLOOKUP(J$1,városok!$A$2:$C$346,3,0))^2)/1000,0)</f>
        <v>154</v>
      </c>
      <c r="K74">
        <f ca="1">ROUND(SQRT((VLOOKUP($A74,városok!$A$2:$C$346,2,0)-VLOOKUP(K$1,városok!$A$2:$C$346,2,0))^2+(VLOOKUP($A74,városok!$A$2:$C$346,3,0)-VLOOKUP(K$1,városok!$A$2:$C$346,3,0))^2)/1000,0)</f>
        <v>160</v>
      </c>
      <c r="L74">
        <f ca="1">ROUND(SQRT((VLOOKUP($A74,városok!$A$2:$C$346,2,0)-VLOOKUP(L$1,városok!$A$2:$C$346,2,0))^2+(VLOOKUP($A74,városok!$A$2:$C$346,3,0)-VLOOKUP(L$1,városok!$A$2:$C$346,3,0))^2)/1000,0)</f>
        <v>33</v>
      </c>
      <c r="M74">
        <f ca="1">ROUND(SQRT((VLOOKUP($A74,városok!$A$2:$C$346,2,0)-VLOOKUP(M$1,városok!$A$2:$C$346,2,0))^2+(VLOOKUP($A74,városok!$A$2:$C$346,3,0)-VLOOKUP(M$1,városok!$A$2:$C$346,3,0))^2)/1000,0)</f>
        <v>13</v>
      </c>
      <c r="N74">
        <f ca="1">ROUND(SQRT((VLOOKUP($A74,városok!$A$2:$C$346,2,0)-VLOOKUP(N$1,városok!$A$2:$C$346,2,0))^2+(VLOOKUP($A74,városok!$A$2:$C$346,3,0)-VLOOKUP(N$1,városok!$A$2:$C$346,3,0))^2)/1000,0)</f>
        <v>48</v>
      </c>
      <c r="O74">
        <f ca="1">ROUND(SQRT((VLOOKUP($A74,városok!$A$2:$C$346,2,0)-VLOOKUP(O$1,városok!$A$2:$C$346,2,0))^2+(VLOOKUP($A74,városok!$A$2:$C$346,3,0)-VLOOKUP(O$1,városok!$A$2:$C$346,3,0))^2)/1000,0)</f>
        <v>75</v>
      </c>
      <c r="P74">
        <f ca="1">ROUND(SQRT((VLOOKUP($A74,városok!$A$2:$C$346,2,0)-VLOOKUP(P$1,városok!$A$2:$C$346,2,0))^2+(VLOOKUP($A74,városok!$A$2:$C$346,3,0)-VLOOKUP(P$1,városok!$A$2:$C$346,3,0))^2)/1000,0)</f>
        <v>75</v>
      </c>
      <c r="Q74">
        <f ca="1">ROUND(SQRT((VLOOKUP($A74,városok!$A$2:$C$346,2,0)-VLOOKUP(Q$1,városok!$A$2:$C$346,2,0))^2+(VLOOKUP($A74,városok!$A$2:$C$346,3,0)-VLOOKUP(Q$1,városok!$A$2:$C$346,3,0))^2)/1000,0)</f>
        <v>179</v>
      </c>
      <c r="R74">
        <f ca="1">ROUND(SQRT((VLOOKUP($A74,városok!$A$2:$C$346,2,0)-VLOOKUP(R$1,városok!$A$2:$C$346,2,0))^2+(VLOOKUP($A74,városok!$A$2:$C$346,3,0)-VLOOKUP(R$1,városok!$A$2:$C$346,3,0))^2)/1000,0)</f>
        <v>199</v>
      </c>
      <c r="S74">
        <f ca="1">ROUND(SQRT((VLOOKUP($A74,városok!$A$2:$C$346,2,0)-VLOOKUP(S$1,városok!$A$2:$C$346,2,0))^2+(VLOOKUP($A74,városok!$A$2:$C$346,3,0)-VLOOKUP(S$1,városok!$A$2:$C$346,3,0))^2)/1000,0)</f>
        <v>201</v>
      </c>
      <c r="T74">
        <f ca="1">ROUND(SQRT((VLOOKUP($A74,városok!$A$2:$C$346,2,0)-VLOOKUP(T$1,városok!$A$2:$C$346,2,0))^2+(VLOOKUP($A74,városok!$A$2:$C$346,3,0)-VLOOKUP(T$1,városok!$A$2:$C$346,3,0))^2)/1000,0)</f>
        <v>175</v>
      </c>
      <c r="U74">
        <f ca="1">ROUND(SQRT((VLOOKUP($A74,városok!$A$2:$C$346,2,0)-VLOOKUP(U$1,városok!$A$2:$C$346,2,0))^2+(VLOOKUP($A74,városok!$A$2:$C$346,3,0)-VLOOKUP(U$1,városok!$A$2:$C$346,3,0))^2)/1000,0)</f>
        <v>183</v>
      </c>
      <c r="V74">
        <f ca="1">ROUND(SQRT((VLOOKUP($A74,városok!$A$2:$C$346,2,0)-VLOOKUP(V$1,városok!$A$2:$C$346,2,0))^2+(VLOOKUP($A74,városok!$A$2:$C$346,3,0)-VLOOKUP(V$1,városok!$A$2:$C$346,3,0))^2)/1000,0)</f>
        <v>217</v>
      </c>
      <c r="W74">
        <f ca="1">ROUND(SQRT((VLOOKUP($A74,városok!$A$2:$C$346,2,0)-VLOOKUP(W$1,városok!$A$2:$C$346,2,0))^2+(VLOOKUP($A74,városok!$A$2:$C$346,3,0)-VLOOKUP(W$1,városok!$A$2:$C$346,3,0))^2)/1000,0)</f>
        <v>208</v>
      </c>
      <c r="X74">
        <f ca="1">ROUND(SQRT((VLOOKUP($A74,városok!$A$2:$C$346,2,0)-VLOOKUP(X$1,városok!$A$2:$C$346,2,0))^2+(VLOOKUP($A74,városok!$A$2:$C$346,3,0)-VLOOKUP(X$1,városok!$A$2:$C$346,3,0))^2)/1000,0)</f>
        <v>204</v>
      </c>
      <c r="Y74">
        <f ca="1">ROUND(SQRT((VLOOKUP($A74,városok!$A$2:$C$346,2,0)-VLOOKUP(Y$1,városok!$A$2:$C$346,2,0))^2+(VLOOKUP($A74,városok!$A$2:$C$346,3,0)-VLOOKUP(Y$1,városok!$A$2:$C$346,3,0))^2)/1000,0)</f>
        <v>242</v>
      </c>
      <c r="Z74">
        <f ca="1">ROUND(SQRT((VLOOKUP($A74,városok!$A$2:$C$346,2,0)-VLOOKUP(Z$1,városok!$A$2:$C$346,2,0))^2+(VLOOKUP($A74,városok!$A$2:$C$346,3,0)-VLOOKUP(Z$1,városok!$A$2:$C$346,3,0))^2)/1000,0)</f>
        <v>260</v>
      </c>
      <c r="AA74">
        <f ca="1">ROUND(SQRT((VLOOKUP($A74,városok!$A$2:$C$346,2,0)-VLOOKUP(AA$1,városok!$A$2:$C$346,2,0))^2+(VLOOKUP($A74,városok!$A$2:$C$346,3,0)-VLOOKUP(AA$1,városok!$A$2:$C$346,3,0))^2)/1000,0)</f>
        <v>320</v>
      </c>
      <c r="AB74">
        <f ca="1">ROUND(SQRT((VLOOKUP($A74,városok!$A$2:$C$346,2,0)-VLOOKUP(AB$1,városok!$A$2:$C$346,2,0))^2+(VLOOKUP($A74,városok!$A$2:$C$346,3,0)-VLOOKUP(AB$1,városok!$A$2:$C$346,3,0))^2)/1000,0)</f>
        <v>79</v>
      </c>
      <c r="AC74">
        <f ca="1">ROUND(SQRT((VLOOKUP($A74,városok!$A$2:$C$346,2,0)-VLOOKUP(AC$1,városok!$A$2:$C$346,2,0))^2+(VLOOKUP($A74,városok!$A$2:$C$346,3,0)-VLOOKUP(AC$1,városok!$A$2:$C$346,3,0))^2)/1000,0)</f>
        <v>74</v>
      </c>
      <c r="AD74">
        <f ca="1">ROUND(SQRT((VLOOKUP($A74,városok!$A$2:$C$346,2,0)-VLOOKUP(AD$1,városok!$A$2:$C$346,2,0))^2+(VLOOKUP($A74,városok!$A$2:$C$346,3,0)-VLOOKUP(AD$1,városok!$A$2:$C$346,3,0))^2)/1000,0)</f>
        <v>68</v>
      </c>
      <c r="AE74">
        <f ca="1">ROUND(SQRT((VLOOKUP($A74,városok!$A$2:$C$346,2,0)-VLOOKUP(AE$1,városok!$A$2:$C$346,2,0))^2+(VLOOKUP($A74,városok!$A$2:$C$346,3,0)-VLOOKUP(AE$1,városok!$A$2:$C$346,3,0))^2)/1000,0)</f>
        <v>83</v>
      </c>
      <c r="AF74">
        <f ca="1">ROUND(SQRT((VLOOKUP($A74,városok!$A$2:$C$346,2,0)-VLOOKUP(AF$1,városok!$A$2:$C$346,2,0))^2+(VLOOKUP($A74,városok!$A$2:$C$346,3,0)-VLOOKUP(AF$1,városok!$A$2:$C$346,3,0))^2)/1000,0)</f>
        <v>36</v>
      </c>
      <c r="AG74">
        <f ca="1">ROUND(SQRT((VLOOKUP($A74,városok!$A$2:$C$346,2,0)-VLOOKUP(AG$1,városok!$A$2:$C$346,2,0))^2+(VLOOKUP($A74,városok!$A$2:$C$346,3,0)-VLOOKUP(AG$1,városok!$A$2:$C$346,3,0))^2)/1000,0)</f>
        <v>72</v>
      </c>
      <c r="AH74">
        <f ca="1">ROUND(SQRT((VLOOKUP($A74,városok!$A$2:$C$346,2,0)-VLOOKUP(AH$1,városok!$A$2:$C$346,2,0))^2+(VLOOKUP($A74,városok!$A$2:$C$346,3,0)-VLOOKUP(AH$1,városok!$A$2:$C$346,3,0))^2)/1000,0)</f>
        <v>94</v>
      </c>
      <c r="AI74">
        <f ca="1">ROUND(SQRT((VLOOKUP($A74,városok!$A$2:$C$346,2,0)-VLOOKUP(AI$1,városok!$A$2:$C$346,2,0))^2+(VLOOKUP($A74,városok!$A$2:$C$346,3,0)-VLOOKUP(AI$1,városok!$A$2:$C$346,3,0))^2)/1000,0)</f>
        <v>55</v>
      </c>
      <c r="AJ74">
        <f ca="1">ROUND(SQRT((VLOOKUP($A74,városok!$A$2:$C$346,2,0)-VLOOKUP(AJ$1,városok!$A$2:$C$346,2,0))^2+(VLOOKUP($A74,városok!$A$2:$C$346,3,0)-VLOOKUP(AJ$1,városok!$A$2:$C$346,3,0))^2)/1000,0)</f>
        <v>75</v>
      </c>
      <c r="AK74">
        <f ca="1">ROUND(SQRT((VLOOKUP($A74,városok!$A$2:$C$346,2,0)-VLOOKUP(AK$1,városok!$A$2:$C$346,2,0))^2+(VLOOKUP($A74,városok!$A$2:$C$346,3,0)-VLOOKUP(AK$1,városok!$A$2:$C$346,3,0))^2)/1000,0)</f>
        <v>80</v>
      </c>
      <c r="AL74">
        <f ca="1">ROUND(SQRT((VLOOKUP($A74,városok!$A$2:$C$346,2,0)-VLOOKUP(AL$1,városok!$A$2:$C$346,2,0))^2+(VLOOKUP($A74,városok!$A$2:$C$346,3,0)-VLOOKUP(AL$1,városok!$A$2:$C$346,3,0))^2)/1000,0)</f>
        <v>72</v>
      </c>
      <c r="AM74">
        <f ca="1">ROUND(SQRT((VLOOKUP($A74,városok!$A$2:$C$346,2,0)-VLOOKUP(AM$1,városok!$A$2:$C$346,2,0))^2+(VLOOKUP($A74,városok!$A$2:$C$346,3,0)-VLOOKUP(AM$1,városok!$A$2:$C$346,3,0))^2)/1000,0)</f>
        <v>103</v>
      </c>
      <c r="AN74">
        <f ca="1">ROUND(SQRT((VLOOKUP($A74,városok!$A$2:$C$346,2,0)-VLOOKUP(AN$1,városok!$A$2:$C$346,2,0))^2+(VLOOKUP($A74,városok!$A$2:$C$346,3,0)-VLOOKUP(AN$1,városok!$A$2:$C$346,3,0))^2)/1000,0)</f>
        <v>158</v>
      </c>
      <c r="AO74">
        <f ca="1">ROUND(SQRT((VLOOKUP($A74,városok!$A$2:$C$346,2,0)-VLOOKUP(AO$1,városok!$A$2:$C$346,2,0))^2+(VLOOKUP($A74,városok!$A$2:$C$346,3,0)-VLOOKUP(AO$1,városok!$A$2:$C$346,3,0))^2)/1000,0)</f>
        <v>205</v>
      </c>
      <c r="AP74">
        <f ca="1">ROUND(SQRT((VLOOKUP($A74,városok!$A$2:$C$346,2,0)-VLOOKUP(AP$1,városok!$A$2:$C$346,2,0))^2+(VLOOKUP($A74,városok!$A$2:$C$346,3,0)-VLOOKUP(AP$1,városok!$A$2:$C$346,3,0))^2)/1000,0)</f>
        <v>192</v>
      </c>
      <c r="AQ74">
        <f ca="1">ROUND(SQRT((VLOOKUP($A74,városok!$A$2:$C$346,2,0)-VLOOKUP(AQ$1,városok!$A$2:$C$346,2,0))^2+(VLOOKUP($A74,városok!$A$2:$C$346,3,0)-VLOOKUP(AQ$1,városok!$A$2:$C$346,3,0))^2)/1000,0)</f>
        <v>188</v>
      </c>
      <c r="AR74">
        <f ca="1">ROUND(SQRT((VLOOKUP($A74,városok!$A$2:$C$346,2,0)-VLOOKUP(AR$1,városok!$A$2:$C$346,2,0))^2+(VLOOKUP($A74,városok!$A$2:$C$346,3,0)-VLOOKUP(AR$1,városok!$A$2:$C$346,3,0))^2)/1000,0)</f>
        <v>86</v>
      </c>
      <c r="AS74">
        <f ca="1">ROUND(SQRT((VLOOKUP($A74,városok!$A$2:$C$346,2,0)-VLOOKUP(AS$1,városok!$A$2:$C$346,2,0))^2+(VLOOKUP($A74,városok!$A$2:$C$346,3,0)-VLOOKUP(AS$1,városok!$A$2:$C$346,3,0))^2)/1000,0)</f>
        <v>77</v>
      </c>
      <c r="AT74">
        <f ca="1">ROUND(SQRT((VLOOKUP($A74,városok!$A$2:$C$346,2,0)-VLOOKUP(AT$1,városok!$A$2:$C$346,2,0))^2+(VLOOKUP($A74,városok!$A$2:$C$346,3,0)-VLOOKUP(AT$1,városok!$A$2:$C$346,3,0))^2)/1000,0)</f>
        <v>162</v>
      </c>
      <c r="AU74">
        <f ca="1">ROUND(SQRT((VLOOKUP($A74,városok!$A$2:$C$346,2,0)-VLOOKUP(AU$1,városok!$A$2:$C$346,2,0))^2+(VLOOKUP($A74,városok!$A$2:$C$346,3,0)-VLOOKUP(AU$1,városok!$A$2:$C$346,3,0))^2)/1000,0)</f>
        <v>153</v>
      </c>
      <c r="AV74">
        <f ca="1">ROUND(SQRT((VLOOKUP($A74,városok!$A$2:$C$346,2,0)-VLOOKUP(AV$1,városok!$A$2:$C$346,2,0))^2+(VLOOKUP($A74,városok!$A$2:$C$346,3,0)-VLOOKUP(AV$1,városok!$A$2:$C$346,3,0))^2)/1000,0)</f>
        <v>156</v>
      </c>
      <c r="AW74">
        <f ca="1">ROUND(SQRT((VLOOKUP($A74,városok!$A$2:$C$346,2,0)-VLOOKUP(AW$1,városok!$A$2:$C$346,2,0))^2+(VLOOKUP($A74,városok!$A$2:$C$346,3,0)-VLOOKUP(AW$1,városok!$A$2:$C$346,3,0))^2)/1000,0)</f>
        <v>159</v>
      </c>
      <c r="AX74">
        <f ca="1">ROUND(SQRT((VLOOKUP($A74,városok!$A$2:$C$346,2,0)-VLOOKUP(AX$1,városok!$A$2:$C$346,2,0))^2+(VLOOKUP($A74,városok!$A$2:$C$346,3,0)-VLOOKUP(AX$1,városok!$A$2:$C$346,3,0))^2)/1000,0)</f>
        <v>134</v>
      </c>
      <c r="AY74">
        <f ca="1">ROUND(SQRT((VLOOKUP($A74,városok!$A$2:$C$346,2,0)-VLOOKUP(AY$1,városok!$A$2:$C$346,2,0))^2+(VLOOKUP($A74,városok!$A$2:$C$346,3,0)-VLOOKUP(AY$1,városok!$A$2:$C$346,3,0))^2)/1000,0)</f>
        <v>137</v>
      </c>
      <c r="AZ74">
        <f ca="1">ROUND(SQRT((VLOOKUP($A74,városok!$A$2:$C$346,2,0)-VLOOKUP(AZ$1,városok!$A$2:$C$346,2,0))^2+(VLOOKUP($A74,városok!$A$2:$C$346,3,0)-VLOOKUP(AZ$1,városok!$A$2:$C$346,3,0))^2)/1000,0)</f>
        <v>142</v>
      </c>
      <c r="BA74">
        <f ca="1">ROUND(SQRT((VLOOKUP($A74,városok!$A$2:$C$346,2,0)-VLOOKUP(BA$1,városok!$A$2:$C$346,2,0))^2+(VLOOKUP($A74,városok!$A$2:$C$346,3,0)-VLOOKUP(BA$1,városok!$A$2:$C$346,3,0))^2)/1000,0)</f>
        <v>272</v>
      </c>
      <c r="BB74">
        <f ca="1">ROUND(SQRT((VLOOKUP($A74,városok!$A$2:$C$346,2,0)-VLOOKUP(BB$1,városok!$A$2:$C$346,2,0))^2+(VLOOKUP($A74,városok!$A$2:$C$346,3,0)-VLOOKUP(BB$1,városok!$A$2:$C$346,3,0))^2)/1000,0)</f>
        <v>272</v>
      </c>
      <c r="BC74">
        <f ca="1">ROUND(SQRT((VLOOKUP($A74,városok!$A$2:$C$346,2,0)-VLOOKUP(BC$1,városok!$A$2:$C$346,2,0))^2+(VLOOKUP($A74,városok!$A$2:$C$346,3,0)-VLOOKUP(BC$1,városok!$A$2:$C$346,3,0))^2)/1000,0)</f>
        <v>294</v>
      </c>
      <c r="BD74">
        <f ca="1">ROUND(SQRT((VLOOKUP($A74,városok!$A$2:$C$346,2,0)-VLOOKUP(BD$1,városok!$A$2:$C$346,2,0))^2+(VLOOKUP($A74,városok!$A$2:$C$346,3,0)-VLOOKUP(BD$1,városok!$A$2:$C$346,3,0))^2)/1000,0)</f>
        <v>241</v>
      </c>
      <c r="BE74">
        <f ca="1">ROUND(SQRT((VLOOKUP($A74,városok!$A$2:$C$346,2,0)-VLOOKUP(BE$1,városok!$A$2:$C$346,2,0))^2+(VLOOKUP($A74,városok!$A$2:$C$346,3,0)-VLOOKUP(BE$1,városok!$A$2:$C$346,3,0))^2)/1000,0)</f>
        <v>138</v>
      </c>
      <c r="BF74">
        <f ca="1">ROUND(SQRT((VLOOKUP($A74,városok!$A$2:$C$346,2,0)-VLOOKUP(BF$1,városok!$A$2:$C$346,2,0))^2+(VLOOKUP($A74,városok!$A$2:$C$346,3,0)-VLOOKUP(BF$1,városok!$A$2:$C$346,3,0))^2)/1000,0)</f>
        <v>96</v>
      </c>
      <c r="BG74">
        <f ca="1">ROUND(SQRT((VLOOKUP($A74,városok!$A$2:$C$346,2,0)-VLOOKUP(BG$1,városok!$A$2:$C$346,2,0))^2+(VLOOKUP($A74,városok!$A$2:$C$346,3,0)-VLOOKUP(BG$1,városok!$A$2:$C$346,3,0))^2)/1000,0)</f>
        <v>49</v>
      </c>
      <c r="BH74">
        <f ca="1">ROUND(SQRT((VLOOKUP($A74,városok!$A$2:$C$346,2,0)-VLOOKUP(BH$1,városok!$A$2:$C$346,2,0))^2+(VLOOKUP($A74,városok!$A$2:$C$346,3,0)-VLOOKUP(BH$1,városok!$A$2:$C$346,3,0))^2)/1000,0)</f>
        <v>49</v>
      </c>
      <c r="BI74">
        <f ca="1">ROUND(SQRT((VLOOKUP($A74,városok!$A$2:$C$346,2,0)-VLOOKUP(BI$1,városok!$A$2:$C$346,2,0))^2+(VLOOKUP($A74,városok!$A$2:$C$346,3,0)-VLOOKUP(BI$1,városok!$A$2:$C$346,3,0))^2)/1000,0)</f>
        <v>244</v>
      </c>
      <c r="BJ74">
        <f ca="1">ROUND(SQRT((VLOOKUP($A74,városok!$A$2:$C$346,2,0)-VLOOKUP(BJ$1,városok!$A$2:$C$346,2,0))^2+(VLOOKUP($A74,városok!$A$2:$C$346,3,0)-VLOOKUP(BJ$1,városok!$A$2:$C$346,3,0))^2)/1000,0)</f>
        <v>262</v>
      </c>
      <c r="BK74">
        <f ca="1">ROUND(SQRT((VLOOKUP($A74,városok!$A$2:$C$346,2,0)-VLOOKUP(BK$1,városok!$A$2:$C$346,2,0))^2+(VLOOKUP($A74,városok!$A$2:$C$346,3,0)-VLOOKUP(BK$1,városok!$A$2:$C$346,3,0))^2)/1000,0)</f>
        <v>244</v>
      </c>
      <c r="BL74">
        <f ca="1">ROUND(SQRT((VLOOKUP($A74,városok!$A$2:$C$346,2,0)-VLOOKUP(BL$1,városok!$A$2:$C$346,2,0))^2+(VLOOKUP($A74,városok!$A$2:$C$346,3,0)-VLOOKUP(BL$1,városok!$A$2:$C$346,3,0))^2)/1000,0)</f>
        <v>337</v>
      </c>
      <c r="BM74">
        <f ca="1">ROUND(SQRT((VLOOKUP($A74,városok!$A$2:$C$346,2,0)-VLOOKUP(BM$1,városok!$A$2:$C$346,2,0))^2+(VLOOKUP($A74,városok!$A$2:$C$346,3,0)-VLOOKUP(BM$1,városok!$A$2:$C$346,3,0))^2)/1000,0)</f>
        <v>305</v>
      </c>
      <c r="BN74">
        <f ca="1">ROUND(SQRT((VLOOKUP($A74,városok!$A$2:$C$346,2,0)-VLOOKUP(BN$1,városok!$A$2:$C$346,2,0))^2+(VLOOKUP($A74,városok!$A$2:$C$346,3,0)-VLOOKUP(BN$1,városok!$A$2:$C$346,3,0))^2)/1000,0)</f>
        <v>328</v>
      </c>
      <c r="BO74">
        <f ca="1">ROUND(SQRT((VLOOKUP($A74,városok!$A$2:$C$346,2,0)-VLOOKUP(BO$1,városok!$A$2:$C$346,2,0))^2+(VLOOKUP($A74,városok!$A$2:$C$346,3,0)-VLOOKUP(BO$1,városok!$A$2:$C$346,3,0))^2)/1000,0)</f>
        <v>238</v>
      </c>
      <c r="BP74">
        <f ca="1">ROUND(SQRT((VLOOKUP($A74,városok!$A$2:$C$346,2,0)-VLOOKUP(BP$1,városok!$A$2:$C$346,2,0))^2+(VLOOKUP($A74,városok!$A$2:$C$346,3,0)-VLOOKUP(BP$1,városok!$A$2:$C$346,3,0))^2)/1000,0)</f>
        <v>231</v>
      </c>
      <c r="BQ74">
        <f ca="1">ROUND(SQRT((VLOOKUP($A74,városok!$A$2:$C$346,2,0)-VLOOKUP(BQ$1,városok!$A$2:$C$346,2,0))^2+(VLOOKUP($A74,városok!$A$2:$C$346,3,0)-VLOOKUP(BQ$1,városok!$A$2:$C$346,3,0))^2)/1000,0)</f>
        <v>242</v>
      </c>
      <c r="BR74">
        <f ca="1">ROUND(SQRT((VLOOKUP($A74,városok!$A$2:$C$346,2,0)-VLOOKUP(BR$1,városok!$A$2:$C$346,2,0))^2+(VLOOKUP($A74,városok!$A$2:$C$346,3,0)-VLOOKUP(BR$1,városok!$A$2:$C$346,3,0))^2)/1000,0)</f>
        <v>303</v>
      </c>
      <c r="BS74">
        <f ca="1">ROUND(SQRT((VLOOKUP($A74,városok!$A$2:$C$346,2,0)-VLOOKUP(BS$1,városok!$A$2:$C$346,2,0))^2+(VLOOKUP($A74,városok!$A$2:$C$346,3,0)-VLOOKUP(BS$1,városok!$A$2:$C$346,3,0))^2)/1000,0)</f>
        <v>338</v>
      </c>
      <c r="BT74">
        <f ca="1">ROUND(SQRT((VLOOKUP($A74,városok!$A$2:$C$346,2,0)-VLOOKUP(BT$1,városok!$A$2:$C$346,2,0))^2+(VLOOKUP($A74,városok!$A$2:$C$346,3,0)-VLOOKUP(BT$1,városok!$A$2:$C$346,3,0))^2)/1000,0)</f>
        <v>328</v>
      </c>
    </row>
    <row r="75" spans="1:72" x14ac:dyDescent="0.2">
      <c r="A75" t="str">
        <f>városok!A75</f>
        <v>Onga</v>
      </c>
      <c r="B75">
        <f ca="1">ROUND(SQRT((VLOOKUP($A75,városok!$A$2:$C$346,2,0)-VLOOKUP(B$1,városok!$A$2:$C$346,2,0))^2+(VLOOKUP($A75,városok!$A$2:$C$346,3,0)-VLOOKUP(B$1,városok!$A$2:$C$346,3,0))^2)/1000,0)</f>
        <v>261</v>
      </c>
      <c r="C75">
        <f ca="1">ROUND(SQRT((VLOOKUP($A75,városok!$A$2:$C$346,2,0)-VLOOKUP(C$1,városok!$A$2:$C$346,2,0))^2+(VLOOKUP($A75,városok!$A$2:$C$346,3,0)-VLOOKUP(C$1,városok!$A$2:$C$346,3,0))^2)/1000,0)</f>
        <v>229</v>
      </c>
      <c r="D75">
        <f ca="1">ROUND(SQRT((VLOOKUP($A75,városok!$A$2:$C$346,2,0)-VLOOKUP(D$1,városok!$A$2:$C$346,2,0))^2+(VLOOKUP($A75,városok!$A$2:$C$346,3,0)-VLOOKUP(D$1,városok!$A$2:$C$346,3,0))^2)/1000,0)</f>
        <v>163</v>
      </c>
      <c r="E75">
        <f ca="1">ROUND(SQRT((VLOOKUP($A75,városok!$A$2:$C$346,2,0)-VLOOKUP(E$1,városok!$A$2:$C$346,2,0))^2+(VLOOKUP($A75,városok!$A$2:$C$346,3,0)-VLOOKUP(E$1,városok!$A$2:$C$346,3,0))^2)/1000,0)</f>
        <v>294</v>
      </c>
      <c r="F75">
        <f ca="1">ROUND(SQRT((VLOOKUP($A75,városok!$A$2:$C$346,2,0)-VLOOKUP(F$1,városok!$A$2:$C$346,2,0))^2+(VLOOKUP($A75,városok!$A$2:$C$346,3,0)-VLOOKUP(F$1,városok!$A$2:$C$346,3,0))^2)/1000,0)</f>
        <v>291</v>
      </c>
      <c r="G75">
        <f ca="1">ROUND(SQRT((VLOOKUP($A75,városok!$A$2:$C$346,2,0)-VLOOKUP(G$1,városok!$A$2:$C$346,2,0))^2+(VLOOKUP($A75,városok!$A$2:$C$346,3,0)-VLOOKUP(G$1,városok!$A$2:$C$346,3,0))^2)/1000,0)</f>
        <v>304</v>
      </c>
      <c r="H75">
        <f ca="1">ROUND(SQRT((VLOOKUP($A75,városok!$A$2:$C$346,2,0)-VLOOKUP(H$1,városok!$A$2:$C$346,2,0))^2+(VLOOKUP($A75,városok!$A$2:$C$346,3,0)-VLOOKUP(H$1,városok!$A$2:$C$346,3,0))^2)/1000,0)</f>
        <v>330</v>
      </c>
      <c r="I75">
        <f ca="1">ROUND(SQRT((VLOOKUP($A75,városok!$A$2:$C$346,2,0)-VLOOKUP(I$1,városok!$A$2:$C$346,2,0))^2+(VLOOKUP($A75,városok!$A$2:$C$346,3,0)-VLOOKUP(I$1,városok!$A$2:$C$346,3,0))^2)/1000,0)</f>
        <v>161</v>
      </c>
      <c r="J75">
        <f ca="1">ROUND(SQRT((VLOOKUP($A75,városok!$A$2:$C$346,2,0)-VLOOKUP(J$1,városok!$A$2:$C$346,2,0))^2+(VLOOKUP($A75,városok!$A$2:$C$346,3,0)-VLOOKUP(J$1,városok!$A$2:$C$346,3,0))^2)/1000,0)</f>
        <v>167</v>
      </c>
      <c r="K75">
        <f ca="1">ROUND(SQRT((VLOOKUP($A75,városok!$A$2:$C$346,2,0)-VLOOKUP(K$1,városok!$A$2:$C$346,2,0))^2+(VLOOKUP($A75,városok!$A$2:$C$346,3,0)-VLOOKUP(K$1,városok!$A$2:$C$346,3,0))^2)/1000,0)</f>
        <v>174</v>
      </c>
      <c r="L75">
        <f ca="1">ROUND(SQRT((VLOOKUP($A75,városok!$A$2:$C$346,2,0)-VLOOKUP(L$1,városok!$A$2:$C$346,2,0))^2+(VLOOKUP($A75,városok!$A$2:$C$346,3,0)-VLOOKUP(L$1,városok!$A$2:$C$346,3,0))^2)/1000,0)</f>
        <v>25</v>
      </c>
      <c r="M75">
        <f ca="1">ROUND(SQRT((VLOOKUP($A75,városok!$A$2:$C$346,2,0)-VLOOKUP(M$1,városok!$A$2:$C$346,2,0))^2+(VLOOKUP($A75,városok!$A$2:$C$346,3,0)-VLOOKUP(M$1,városok!$A$2:$C$346,3,0))^2)/1000,0)</f>
        <v>8</v>
      </c>
      <c r="N75">
        <f ca="1">ROUND(SQRT((VLOOKUP($A75,városok!$A$2:$C$346,2,0)-VLOOKUP(N$1,városok!$A$2:$C$346,2,0))^2+(VLOOKUP($A75,városok!$A$2:$C$346,3,0)-VLOOKUP(N$1,városok!$A$2:$C$346,3,0))^2)/1000,0)</f>
        <v>47</v>
      </c>
      <c r="O75">
        <f ca="1">ROUND(SQRT((VLOOKUP($A75,városok!$A$2:$C$346,2,0)-VLOOKUP(O$1,városok!$A$2:$C$346,2,0))^2+(VLOOKUP($A75,városok!$A$2:$C$346,3,0)-VLOOKUP(O$1,városok!$A$2:$C$346,3,0))^2)/1000,0)</f>
        <v>63</v>
      </c>
      <c r="P75">
        <f ca="1">ROUND(SQRT((VLOOKUP($A75,városok!$A$2:$C$346,2,0)-VLOOKUP(P$1,városok!$A$2:$C$346,2,0))^2+(VLOOKUP($A75,városok!$A$2:$C$346,3,0)-VLOOKUP(P$1,városok!$A$2:$C$346,3,0))^2)/1000,0)</f>
        <v>63</v>
      </c>
      <c r="Q75">
        <f ca="1">ROUND(SQRT((VLOOKUP($A75,városok!$A$2:$C$346,2,0)-VLOOKUP(Q$1,városok!$A$2:$C$346,2,0))^2+(VLOOKUP($A75,városok!$A$2:$C$346,3,0)-VLOOKUP(Q$1,városok!$A$2:$C$346,3,0))^2)/1000,0)</f>
        <v>194</v>
      </c>
      <c r="R75">
        <f ca="1">ROUND(SQRT((VLOOKUP($A75,városok!$A$2:$C$346,2,0)-VLOOKUP(R$1,városok!$A$2:$C$346,2,0))^2+(VLOOKUP($A75,városok!$A$2:$C$346,3,0)-VLOOKUP(R$1,városok!$A$2:$C$346,3,0))^2)/1000,0)</f>
        <v>214</v>
      </c>
      <c r="S75">
        <f ca="1">ROUND(SQRT((VLOOKUP($A75,városok!$A$2:$C$346,2,0)-VLOOKUP(S$1,városok!$A$2:$C$346,2,0))^2+(VLOOKUP($A75,városok!$A$2:$C$346,3,0)-VLOOKUP(S$1,városok!$A$2:$C$346,3,0))^2)/1000,0)</f>
        <v>216</v>
      </c>
      <c r="T75">
        <f ca="1">ROUND(SQRT((VLOOKUP($A75,városok!$A$2:$C$346,2,0)-VLOOKUP(T$1,városok!$A$2:$C$346,2,0))^2+(VLOOKUP($A75,városok!$A$2:$C$346,3,0)-VLOOKUP(T$1,városok!$A$2:$C$346,3,0))^2)/1000,0)</f>
        <v>184</v>
      </c>
      <c r="U75">
        <f ca="1">ROUND(SQRT((VLOOKUP($A75,városok!$A$2:$C$346,2,0)-VLOOKUP(U$1,városok!$A$2:$C$346,2,0))^2+(VLOOKUP($A75,városok!$A$2:$C$346,3,0)-VLOOKUP(U$1,városok!$A$2:$C$346,3,0))^2)/1000,0)</f>
        <v>196</v>
      </c>
      <c r="V75">
        <f ca="1">ROUND(SQRT((VLOOKUP($A75,városok!$A$2:$C$346,2,0)-VLOOKUP(V$1,városok!$A$2:$C$346,2,0))^2+(VLOOKUP($A75,városok!$A$2:$C$346,3,0)-VLOOKUP(V$1,városok!$A$2:$C$346,3,0))^2)/1000,0)</f>
        <v>229</v>
      </c>
      <c r="W75">
        <f ca="1">ROUND(SQRT((VLOOKUP($A75,városok!$A$2:$C$346,2,0)-VLOOKUP(W$1,városok!$A$2:$C$346,2,0))^2+(VLOOKUP($A75,városok!$A$2:$C$346,3,0)-VLOOKUP(W$1,városok!$A$2:$C$346,3,0))^2)/1000,0)</f>
        <v>220</v>
      </c>
      <c r="X75">
        <f ca="1">ROUND(SQRT((VLOOKUP($A75,városok!$A$2:$C$346,2,0)-VLOOKUP(X$1,városok!$A$2:$C$346,2,0))^2+(VLOOKUP($A75,városok!$A$2:$C$346,3,0)-VLOOKUP(X$1,városok!$A$2:$C$346,3,0))^2)/1000,0)</f>
        <v>214</v>
      </c>
      <c r="Y75">
        <f ca="1">ROUND(SQRT((VLOOKUP($A75,városok!$A$2:$C$346,2,0)-VLOOKUP(Y$1,városok!$A$2:$C$346,2,0))^2+(VLOOKUP($A75,városok!$A$2:$C$346,3,0)-VLOOKUP(Y$1,városok!$A$2:$C$346,3,0))^2)/1000,0)</f>
        <v>249</v>
      </c>
      <c r="Z75">
        <f ca="1">ROUND(SQRT((VLOOKUP($A75,városok!$A$2:$C$346,2,0)-VLOOKUP(Z$1,városok!$A$2:$C$346,2,0))^2+(VLOOKUP($A75,városok!$A$2:$C$346,3,0)-VLOOKUP(Z$1,városok!$A$2:$C$346,3,0))^2)/1000,0)</f>
        <v>266</v>
      </c>
      <c r="AA75">
        <f ca="1">ROUND(SQRT((VLOOKUP($A75,városok!$A$2:$C$346,2,0)-VLOOKUP(AA$1,városok!$A$2:$C$346,2,0))^2+(VLOOKUP($A75,városok!$A$2:$C$346,3,0)-VLOOKUP(AA$1,városok!$A$2:$C$346,3,0))^2)/1000,0)</f>
        <v>327</v>
      </c>
      <c r="AB75">
        <f ca="1">ROUND(SQRT((VLOOKUP($A75,városok!$A$2:$C$346,2,0)-VLOOKUP(AB$1,városok!$A$2:$C$346,2,0))^2+(VLOOKUP($A75,városok!$A$2:$C$346,3,0)-VLOOKUP(AB$1,városok!$A$2:$C$346,3,0))^2)/1000,0)</f>
        <v>86</v>
      </c>
      <c r="AC75">
        <f ca="1">ROUND(SQRT((VLOOKUP($A75,városok!$A$2:$C$346,2,0)-VLOOKUP(AC$1,városok!$A$2:$C$346,2,0))^2+(VLOOKUP($A75,városok!$A$2:$C$346,3,0)-VLOOKUP(AC$1,városok!$A$2:$C$346,3,0))^2)/1000,0)</f>
        <v>84</v>
      </c>
      <c r="AD75">
        <f ca="1">ROUND(SQRT((VLOOKUP($A75,városok!$A$2:$C$346,2,0)-VLOOKUP(AD$1,városok!$A$2:$C$346,2,0))^2+(VLOOKUP($A75,városok!$A$2:$C$346,3,0)-VLOOKUP(AD$1,városok!$A$2:$C$346,3,0))^2)/1000,0)</f>
        <v>80</v>
      </c>
      <c r="AE75">
        <f ca="1">ROUND(SQRT((VLOOKUP($A75,városok!$A$2:$C$346,2,0)-VLOOKUP(AE$1,városok!$A$2:$C$346,2,0))^2+(VLOOKUP($A75,városok!$A$2:$C$346,3,0)-VLOOKUP(AE$1,városok!$A$2:$C$346,3,0))^2)/1000,0)</f>
        <v>95</v>
      </c>
      <c r="AF75">
        <f ca="1">ROUND(SQRT((VLOOKUP($A75,városok!$A$2:$C$346,2,0)-VLOOKUP(AF$1,városok!$A$2:$C$346,2,0))^2+(VLOOKUP($A75,városok!$A$2:$C$346,3,0)-VLOOKUP(AF$1,városok!$A$2:$C$346,3,0))^2)/1000,0)</f>
        <v>46</v>
      </c>
      <c r="AG75">
        <f ca="1">ROUND(SQRT((VLOOKUP($A75,városok!$A$2:$C$346,2,0)-VLOOKUP(AG$1,városok!$A$2:$C$346,2,0))^2+(VLOOKUP($A75,városok!$A$2:$C$346,3,0)-VLOOKUP(AG$1,városok!$A$2:$C$346,3,0))^2)/1000,0)</f>
        <v>82</v>
      </c>
      <c r="AH75">
        <f ca="1">ROUND(SQRT((VLOOKUP($A75,városok!$A$2:$C$346,2,0)-VLOOKUP(AH$1,városok!$A$2:$C$346,2,0))^2+(VLOOKUP($A75,városok!$A$2:$C$346,3,0)-VLOOKUP(AH$1,városok!$A$2:$C$346,3,0))^2)/1000,0)</f>
        <v>105</v>
      </c>
      <c r="AI75">
        <f ca="1">ROUND(SQRT((VLOOKUP($A75,városok!$A$2:$C$346,2,0)-VLOOKUP(AI$1,városok!$A$2:$C$346,2,0))^2+(VLOOKUP($A75,városok!$A$2:$C$346,3,0)-VLOOKUP(AI$1,városok!$A$2:$C$346,3,0))^2)/1000,0)</f>
        <v>61</v>
      </c>
      <c r="AJ75">
        <f ca="1">ROUND(SQRT((VLOOKUP($A75,városok!$A$2:$C$346,2,0)-VLOOKUP(AJ$1,városok!$A$2:$C$346,2,0))^2+(VLOOKUP($A75,városok!$A$2:$C$346,3,0)-VLOOKUP(AJ$1,városok!$A$2:$C$346,3,0))^2)/1000,0)</f>
        <v>87</v>
      </c>
      <c r="AK75">
        <f ca="1">ROUND(SQRT((VLOOKUP($A75,városok!$A$2:$C$346,2,0)-VLOOKUP(AK$1,városok!$A$2:$C$346,2,0))^2+(VLOOKUP($A75,városok!$A$2:$C$346,3,0)-VLOOKUP(AK$1,városok!$A$2:$C$346,3,0))^2)/1000,0)</f>
        <v>93</v>
      </c>
      <c r="AL75">
        <f ca="1">ROUND(SQRT((VLOOKUP($A75,városok!$A$2:$C$346,2,0)-VLOOKUP(AL$1,városok!$A$2:$C$346,2,0))^2+(VLOOKUP($A75,városok!$A$2:$C$346,3,0)-VLOOKUP(AL$1,városok!$A$2:$C$346,3,0))^2)/1000,0)</f>
        <v>86</v>
      </c>
      <c r="AM75">
        <f ca="1">ROUND(SQRT((VLOOKUP($A75,városok!$A$2:$C$346,2,0)-VLOOKUP(AM$1,városok!$A$2:$C$346,2,0))^2+(VLOOKUP($A75,városok!$A$2:$C$346,3,0)-VLOOKUP(AM$1,városok!$A$2:$C$346,3,0))^2)/1000,0)</f>
        <v>118</v>
      </c>
      <c r="AN75">
        <f ca="1">ROUND(SQRT((VLOOKUP($A75,városok!$A$2:$C$346,2,0)-VLOOKUP(AN$1,városok!$A$2:$C$346,2,0))^2+(VLOOKUP($A75,városok!$A$2:$C$346,3,0)-VLOOKUP(AN$1,városok!$A$2:$C$346,3,0))^2)/1000,0)</f>
        <v>166</v>
      </c>
      <c r="AO75">
        <f ca="1">ROUND(SQRT((VLOOKUP($A75,városok!$A$2:$C$346,2,0)-VLOOKUP(AO$1,városok!$A$2:$C$346,2,0))^2+(VLOOKUP($A75,városok!$A$2:$C$346,3,0)-VLOOKUP(AO$1,városok!$A$2:$C$346,3,0))^2)/1000,0)</f>
        <v>212</v>
      </c>
      <c r="AP75">
        <f ca="1">ROUND(SQRT((VLOOKUP($A75,városok!$A$2:$C$346,2,0)-VLOOKUP(AP$1,városok!$A$2:$C$346,2,0))^2+(VLOOKUP($A75,városok!$A$2:$C$346,3,0)-VLOOKUP(AP$1,városok!$A$2:$C$346,3,0))^2)/1000,0)</f>
        <v>200</v>
      </c>
      <c r="AQ75">
        <f ca="1">ROUND(SQRT((VLOOKUP($A75,városok!$A$2:$C$346,2,0)-VLOOKUP(AQ$1,városok!$A$2:$C$346,2,0))^2+(VLOOKUP($A75,városok!$A$2:$C$346,3,0)-VLOOKUP(AQ$1,városok!$A$2:$C$346,3,0))^2)/1000,0)</f>
        <v>197</v>
      </c>
      <c r="AR75">
        <f ca="1">ROUND(SQRT((VLOOKUP($A75,városok!$A$2:$C$346,2,0)-VLOOKUP(AR$1,városok!$A$2:$C$346,2,0))^2+(VLOOKUP($A75,városok!$A$2:$C$346,3,0)-VLOOKUP(AR$1,városok!$A$2:$C$346,3,0))^2)/1000,0)</f>
        <v>93</v>
      </c>
      <c r="AS75">
        <f ca="1">ROUND(SQRT((VLOOKUP($A75,városok!$A$2:$C$346,2,0)-VLOOKUP(AS$1,városok!$A$2:$C$346,2,0))^2+(VLOOKUP($A75,városok!$A$2:$C$346,3,0)-VLOOKUP(AS$1,városok!$A$2:$C$346,3,0))^2)/1000,0)</f>
        <v>81</v>
      </c>
      <c r="AT75">
        <f ca="1">ROUND(SQRT((VLOOKUP($A75,városok!$A$2:$C$346,2,0)-VLOOKUP(AT$1,városok!$A$2:$C$346,2,0))^2+(VLOOKUP($A75,városok!$A$2:$C$346,3,0)-VLOOKUP(AT$1,városok!$A$2:$C$346,3,0))^2)/1000,0)</f>
        <v>172</v>
      </c>
      <c r="AU75">
        <f ca="1">ROUND(SQRT((VLOOKUP($A75,városok!$A$2:$C$346,2,0)-VLOOKUP(AU$1,városok!$A$2:$C$346,2,0))^2+(VLOOKUP($A75,városok!$A$2:$C$346,3,0)-VLOOKUP(AU$1,városok!$A$2:$C$346,3,0))^2)/1000,0)</f>
        <v>163</v>
      </c>
      <c r="AV75">
        <f ca="1">ROUND(SQRT((VLOOKUP($A75,városok!$A$2:$C$346,2,0)-VLOOKUP(AV$1,városok!$A$2:$C$346,2,0))^2+(VLOOKUP($A75,városok!$A$2:$C$346,3,0)-VLOOKUP(AV$1,városok!$A$2:$C$346,3,0))^2)/1000,0)</f>
        <v>167</v>
      </c>
      <c r="AW75">
        <f ca="1">ROUND(SQRT((VLOOKUP($A75,városok!$A$2:$C$346,2,0)-VLOOKUP(AW$1,városok!$A$2:$C$346,2,0))^2+(VLOOKUP($A75,városok!$A$2:$C$346,3,0)-VLOOKUP(AW$1,városok!$A$2:$C$346,3,0))^2)/1000,0)</f>
        <v>170</v>
      </c>
      <c r="AX75">
        <f ca="1">ROUND(SQRT((VLOOKUP($A75,városok!$A$2:$C$346,2,0)-VLOOKUP(AX$1,városok!$A$2:$C$346,2,0))^2+(VLOOKUP($A75,városok!$A$2:$C$346,3,0)-VLOOKUP(AX$1,városok!$A$2:$C$346,3,0))^2)/1000,0)</f>
        <v>148</v>
      </c>
      <c r="AY75">
        <f ca="1">ROUND(SQRT((VLOOKUP($A75,városok!$A$2:$C$346,2,0)-VLOOKUP(AY$1,városok!$A$2:$C$346,2,0))^2+(VLOOKUP($A75,városok!$A$2:$C$346,3,0)-VLOOKUP(AY$1,városok!$A$2:$C$346,3,0))^2)/1000,0)</f>
        <v>146</v>
      </c>
      <c r="AZ75">
        <f ca="1">ROUND(SQRT((VLOOKUP($A75,városok!$A$2:$C$346,2,0)-VLOOKUP(AZ$1,városok!$A$2:$C$346,2,0))^2+(VLOOKUP($A75,városok!$A$2:$C$346,3,0)-VLOOKUP(AZ$1,városok!$A$2:$C$346,3,0))^2)/1000,0)</f>
        <v>149</v>
      </c>
      <c r="BA75">
        <f ca="1">ROUND(SQRT((VLOOKUP($A75,városok!$A$2:$C$346,2,0)-VLOOKUP(BA$1,városok!$A$2:$C$346,2,0))^2+(VLOOKUP($A75,városok!$A$2:$C$346,3,0)-VLOOKUP(BA$1,városok!$A$2:$C$346,3,0))^2)/1000,0)</f>
        <v>284</v>
      </c>
      <c r="BB75">
        <f ca="1">ROUND(SQRT((VLOOKUP($A75,városok!$A$2:$C$346,2,0)-VLOOKUP(BB$1,városok!$A$2:$C$346,2,0))^2+(VLOOKUP($A75,városok!$A$2:$C$346,3,0)-VLOOKUP(BB$1,városok!$A$2:$C$346,3,0))^2)/1000,0)</f>
        <v>285</v>
      </c>
      <c r="BC75">
        <f ca="1">ROUND(SQRT((VLOOKUP($A75,városok!$A$2:$C$346,2,0)-VLOOKUP(BC$1,városok!$A$2:$C$346,2,0))^2+(VLOOKUP($A75,városok!$A$2:$C$346,3,0)-VLOOKUP(BC$1,városok!$A$2:$C$346,3,0))^2)/1000,0)</f>
        <v>306</v>
      </c>
      <c r="BD75">
        <f ca="1">ROUND(SQRT((VLOOKUP($A75,városok!$A$2:$C$346,2,0)-VLOOKUP(BD$1,városok!$A$2:$C$346,2,0))^2+(VLOOKUP($A75,városok!$A$2:$C$346,3,0)-VLOOKUP(BD$1,városok!$A$2:$C$346,3,0))^2)/1000,0)</f>
        <v>253</v>
      </c>
      <c r="BE75">
        <f ca="1">ROUND(SQRT((VLOOKUP($A75,városok!$A$2:$C$346,2,0)-VLOOKUP(BE$1,városok!$A$2:$C$346,2,0))^2+(VLOOKUP($A75,városok!$A$2:$C$346,3,0)-VLOOKUP(BE$1,városok!$A$2:$C$346,3,0))^2)/1000,0)</f>
        <v>135</v>
      </c>
      <c r="BF75">
        <f ca="1">ROUND(SQRT((VLOOKUP($A75,városok!$A$2:$C$346,2,0)-VLOOKUP(BF$1,városok!$A$2:$C$346,2,0))^2+(VLOOKUP($A75,városok!$A$2:$C$346,3,0)-VLOOKUP(BF$1,városok!$A$2:$C$346,3,0))^2)/1000,0)</f>
        <v>88</v>
      </c>
      <c r="BG75">
        <f ca="1">ROUND(SQRT((VLOOKUP($A75,városok!$A$2:$C$346,2,0)-VLOOKUP(BG$1,városok!$A$2:$C$346,2,0))^2+(VLOOKUP($A75,városok!$A$2:$C$346,3,0)-VLOOKUP(BG$1,városok!$A$2:$C$346,3,0))^2)/1000,0)</f>
        <v>42</v>
      </c>
      <c r="BH75">
        <f ca="1">ROUND(SQRT((VLOOKUP($A75,városok!$A$2:$C$346,2,0)-VLOOKUP(BH$1,városok!$A$2:$C$346,2,0))^2+(VLOOKUP($A75,városok!$A$2:$C$346,3,0)-VLOOKUP(BH$1,városok!$A$2:$C$346,3,0))^2)/1000,0)</f>
        <v>42</v>
      </c>
      <c r="BI75">
        <f ca="1">ROUND(SQRT((VLOOKUP($A75,városok!$A$2:$C$346,2,0)-VLOOKUP(BI$1,városok!$A$2:$C$346,2,0))^2+(VLOOKUP($A75,városok!$A$2:$C$346,3,0)-VLOOKUP(BI$1,városok!$A$2:$C$346,3,0))^2)/1000,0)</f>
        <v>258</v>
      </c>
      <c r="BJ75">
        <f ca="1">ROUND(SQRT((VLOOKUP($A75,városok!$A$2:$C$346,2,0)-VLOOKUP(BJ$1,városok!$A$2:$C$346,2,0))^2+(VLOOKUP($A75,városok!$A$2:$C$346,3,0)-VLOOKUP(BJ$1,városok!$A$2:$C$346,3,0))^2)/1000,0)</f>
        <v>276</v>
      </c>
      <c r="BK75">
        <f ca="1">ROUND(SQRT((VLOOKUP($A75,városok!$A$2:$C$346,2,0)-VLOOKUP(BK$1,városok!$A$2:$C$346,2,0))^2+(VLOOKUP($A75,városok!$A$2:$C$346,3,0)-VLOOKUP(BK$1,városok!$A$2:$C$346,3,0))^2)/1000,0)</f>
        <v>258</v>
      </c>
      <c r="BL75">
        <f ca="1">ROUND(SQRT((VLOOKUP($A75,városok!$A$2:$C$346,2,0)-VLOOKUP(BL$1,városok!$A$2:$C$346,2,0))^2+(VLOOKUP($A75,városok!$A$2:$C$346,3,0)-VLOOKUP(BL$1,városok!$A$2:$C$346,3,0))^2)/1000,0)</f>
        <v>346</v>
      </c>
      <c r="BM75">
        <f ca="1">ROUND(SQRT((VLOOKUP($A75,városok!$A$2:$C$346,2,0)-VLOOKUP(BM$1,városok!$A$2:$C$346,2,0))^2+(VLOOKUP($A75,városok!$A$2:$C$346,3,0)-VLOOKUP(BM$1,városok!$A$2:$C$346,3,0))^2)/1000,0)</f>
        <v>313</v>
      </c>
      <c r="BN75">
        <f ca="1">ROUND(SQRT((VLOOKUP($A75,városok!$A$2:$C$346,2,0)-VLOOKUP(BN$1,városok!$A$2:$C$346,2,0))^2+(VLOOKUP($A75,városok!$A$2:$C$346,3,0)-VLOOKUP(BN$1,városok!$A$2:$C$346,3,0))^2)/1000,0)</f>
        <v>336</v>
      </c>
      <c r="BO75">
        <f ca="1">ROUND(SQRT((VLOOKUP($A75,városok!$A$2:$C$346,2,0)-VLOOKUP(BO$1,városok!$A$2:$C$346,2,0))^2+(VLOOKUP($A75,városok!$A$2:$C$346,3,0)-VLOOKUP(BO$1,városok!$A$2:$C$346,3,0))^2)/1000,0)</f>
        <v>249</v>
      </c>
      <c r="BP75">
        <f ca="1">ROUND(SQRT((VLOOKUP($A75,városok!$A$2:$C$346,2,0)-VLOOKUP(BP$1,városok!$A$2:$C$346,2,0))^2+(VLOOKUP($A75,városok!$A$2:$C$346,3,0)-VLOOKUP(BP$1,városok!$A$2:$C$346,3,0))^2)/1000,0)</f>
        <v>242</v>
      </c>
      <c r="BQ75">
        <f ca="1">ROUND(SQRT((VLOOKUP($A75,városok!$A$2:$C$346,2,0)-VLOOKUP(BQ$1,városok!$A$2:$C$346,2,0))^2+(VLOOKUP($A75,városok!$A$2:$C$346,3,0)-VLOOKUP(BQ$1,városok!$A$2:$C$346,3,0))^2)/1000,0)</f>
        <v>253</v>
      </c>
      <c r="BR75">
        <f ca="1">ROUND(SQRT((VLOOKUP($A75,városok!$A$2:$C$346,2,0)-VLOOKUP(BR$1,városok!$A$2:$C$346,2,0))^2+(VLOOKUP($A75,városok!$A$2:$C$346,3,0)-VLOOKUP(BR$1,városok!$A$2:$C$346,3,0))^2)/1000,0)</f>
        <v>314</v>
      </c>
      <c r="BS75">
        <f ca="1">ROUND(SQRT((VLOOKUP($A75,városok!$A$2:$C$346,2,0)-VLOOKUP(BS$1,városok!$A$2:$C$346,2,0))^2+(VLOOKUP($A75,városok!$A$2:$C$346,3,0)-VLOOKUP(BS$1,városok!$A$2:$C$346,3,0))^2)/1000,0)</f>
        <v>349</v>
      </c>
      <c r="BT75">
        <f ca="1">ROUND(SQRT((VLOOKUP($A75,városok!$A$2:$C$346,2,0)-VLOOKUP(BT$1,városok!$A$2:$C$346,2,0))^2+(VLOOKUP($A75,városok!$A$2:$C$346,3,0)-VLOOKUP(BT$1,városok!$A$2:$C$346,3,0))^2)/1000,0)</f>
        <v>338</v>
      </c>
    </row>
    <row r="76" spans="1:72" x14ac:dyDescent="0.2">
      <c r="A76" t="str">
        <f>városok!A76</f>
        <v>Ózd</v>
      </c>
      <c r="B76">
        <f ca="1">ROUND(SQRT((VLOOKUP($A76,városok!$A$2:$C$346,2,0)-VLOOKUP(B$1,városok!$A$2:$C$346,2,0))^2+(VLOOKUP($A76,városok!$A$2:$C$346,3,0)-VLOOKUP(B$1,városok!$A$2:$C$346,3,0))^2)/1000,0)</f>
        <v>248</v>
      </c>
      <c r="C76">
        <f ca="1">ROUND(SQRT((VLOOKUP($A76,városok!$A$2:$C$346,2,0)-VLOOKUP(C$1,városok!$A$2:$C$346,2,0))^2+(VLOOKUP($A76,városok!$A$2:$C$346,3,0)-VLOOKUP(C$1,városok!$A$2:$C$346,3,0))^2)/1000,0)</f>
        <v>213</v>
      </c>
      <c r="D76">
        <f ca="1">ROUND(SQRT((VLOOKUP($A76,városok!$A$2:$C$346,2,0)-VLOOKUP(D$1,városok!$A$2:$C$346,2,0))^2+(VLOOKUP($A76,városok!$A$2:$C$346,3,0)-VLOOKUP(D$1,városok!$A$2:$C$346,3,0))^2)/1000,0)</f>
        <v>153</v>
      </c>
      <c r="E76">
        <f ca="1">ROUND(SQRT((VLOOKUP($A76,városok!$A$2:$C$346,2,0)-VLOOKUP(E$1,városok!$A$2:$C$346,2,0))^2+(VLOOKUP($A76,városok!$A$2:$C$346,3,0)-VLOOKUP(E$1,városok!$A$2:$C$346,3,0))^2)/1000,0)</f>
        <v>273</v>
      </c>
      <c r="F76">
        <f ca="1">ROUND(SQRT((VLOOKUP($A76,városok!$A$2:$C$346,2,0)-VLOOKUP(F$1,városok!$A$2:$C$346,2,0))^2+(VLOOKUP($A76,városok!$A$2:$C$346,3,0)-VLOOKUP(F$1,városok!$A$2:$C$346,3,0))^2)/1000,0)</f>
        <v>276</v>
      </c>
      <c r="G76">
        <f ca="1">ROUND(SQRT((VLOOKUP($A76,városok!$A$2:$C$346,2,0)-VLOOKUP(G$1,városok!$A$2:$C$346,2,0))^2+(VLOOKUP($A76,városok!$A$2:$C$346,3,0)-VLOOKUP(G$1,városok!$A$2:$C$346,3,0))^2)/1000,0)</f>
        <v>284</v>
      </c>
      <c r="H76">
        <f ca="1">ROUND(SQRT((VLOOKUP($A76,városok!$A$2:$C$346,2,0)-VLOOKUP(H$1,városok!$A$2:$C$346,2,0))^2+(VLOOKUP($A76,városok!$A$2:$C$346,3,0)-VLOOKUP(H$1,városok!$A$2:$C$346,3,0))^2)/1000,0)</f>
        <v>307</v>
      </c>
      <c r="I76">
        <f ca="1">ROUND(SQRT((VLOOKUP($A76,városok!$A$2:$C$346,2,0)-VLOOKUP(I$1,városok!$A$2:$C$346,2,0))^2+(VLOOKUP($A76,városok!$A$2:$C$346,3,0)-VLOOKUP(I$1,városok!$A$2:$C$346,3,0))^2)/1000,0)</f>
        <v>182</v>
      </c>
      <c r="J76">
        <f ca="1">ROUND(SQRT((VLOOKUP($A76,városok!$A$2:$C$346,2,0)-VLOOKUP(J$1,városok!$A$2:$C$346,2,0))^2+(VLOOKUP($A76,városok!$A$2:$C$346,3,0)-VLOOKUP(J$1,városok!$A$2:$C$346,3,0))^2)/1000,0)</f>
        <v>190</v>
      </c>
      <c r="K76">
        <f ca="1">ROUND(SQRT((VLOOKUP($A76,városok!$A$2:$C$346,2,0)-VLOOKUP(K$1,városok!$A$2:$C$346,2,0))^2+(VLOOKUP($A76,városok!$A$2:$C$346,3,0)-VLOOKUP(K$1,városok!$A$2:$C$346,3,0))^2)/1000,0)</f>
        <v>187</v>
      </c>
      <c r="L76">
        <f ca="1">ROUND(SQRT((VLOOKUP($A76,városok!$A$2:$C$346,2,0)-VLOOKUP(L$1,városok!$A$2:$C$346,2,0))^2+(VLOOKUP($A76,városok!$A$2:$C$346,3,0)-VLOOKUP(L$1,városok!$A$2:$C$346,3,0))^2)/1000,0)</f>
        <v>26</v>
      </c>
      <c r="M76">
        <f ca="1">ROUND(SQRT((VLOOKUP($A76,városok!$A$2:$C$346,2,0)-VLOOKUP(M$1,városok!$A$2:$C$346,2,0))^2+(VLOOKUP($A76,városok!$A$2:$C$346,3,0)-VLOOKUP(M$1,városok!$A$2:$C$346,3,0))^2)/1000,0)</f>
        <v>40</v>
      </c>
      <c r="N76">
        <f ca="1">ROUND(SQRT((VLOOKUP($A76,városok!$A$2:$C$346,2,0)-VLOOKUP(N$1,városok!$A$2:$C$346,2,0))^2+(VLOOKUP($A76,városok!$A$2:$C$346,3,0)-VLOOKUP(N$1,városok!$A$2:$C$346,3,0))^2)/1000,0)</f>
        <v>0</v>
      </c>
      <c r="O76">
        <f ca="1">ROUND(SQRT((VLOOKUP($A76,városok!$A$2:$C$346,2,0)-VLOOKUP(O$1,városok!$A$2:$C$346,2,0))^2+(VLOOKUP($A76,városok!$A$2:$C$346,3,0)-VLOOKUP(O$1,városok!$A$2:$C$346,3,0))^2)/1000,0)</f>
        <v>103</v>
      </c>
      <c r="P76">
        <f ca="1">ROUND(SQRT((VLOOKUP($A76,városok!$A$2:$C$346,2,0)-VLOOKUP(P$1,városok!$A$2:$C$346,2,0))^2+(VLOOKUP($A76,városok!$A$2:$C$346,3,0)-VLOOKUP(P$1,városok!$A$2:$C$346,3,0))^2)/1000,0)</f>
        <v>103</v>
      </c>
      <c r="Q76">
        <f ca="1">ROUND(SQRT((VLOOKUP($A76,városok!$A$2:$C$346,2,0)-VLOOKUP(Q$1,városok!$A$2:$C$346,2,0))^2+(VLOOKUP($A76,városok!$A$2:$C$346,3,0)-VLOOKUP(Q$1,városok!$A$2:$C$346,3,0))^2)/1000,0)</f>
        <v>200</v>
      </c>
      <c r="R76">
        <f ca="1">ROUND(SQRT((VLOOKUP($A76,városok!$A$2:$C$346,2,0)-VLOOKUP(R$1,városok!$A$2:$C$346,2,0))^2+(VLOOKUP($A76,városok!$A$2:$C$346,3,0)-VLOOKUP(R$1,városok!$A$2:$C$346,3,0))^2)/1000,0)</f>
        <v>223</v>
      </c>
      <c r="S76">
        <f ca="1">ROUND(SQRT((VLOOKUP($A76,városok!$A$2:$C$346,2,0)-VLOOKUP(S$1,városok!$A$2:$C$346,2,0))^2+(VLOOKUP($A76,városok!$A$2:$C$346,3,0)-VLOOKUP(S$1,városok!$A$2:$C$346,3,0))^2)/1000,0)</f>
        <v>220</v>
      </c>
      <c r="T76">
        <f ca="1">ROUND(SQRT((VLOOKUP($A76,városok!$A$2:$C$346,2,0)-VLOOKUP(T$1,városok!$A$2:$C$346,2,0))^2+(VLOOKUP($A76,városok!$A$2:$C$346,3,0)-VLOOKUP(T$1,városok!$A$2:$C$346,3,0))^2)/1000,0)</f>
        <v>148</v>
      </c>
      <c r="U76">
        <f ca="1">ROUND(SQRT((VLOOKUP($A76,városok!$A$2:$C$346,2,0)-VLOOKUP(U$1,városok!$A$2:$C$346,2,0))^2+(VLOOKUP($A76,városok!$A$2:$C$346,3,0)-VLOOKUP(U$1,városok!$A$2:$C$346,3,0))^2)/1000,0)</f>
        <v>173</v>
      </c>
      <c r="V76">
        <f ca="1">ROUND(SQRT((VLOOKUP($A76,városok!$A$2:$C$346,2,0)-VLOOKUP(V$1,városok!$A$2:$C$346,2,0))^2+(VLOOKUP($A76,városok!$A$2:$C$346,3,0)-VLOOKUP(V$1,városok!$A$2:$C$346,3,0))^2)/1000,0)</f>
        <v>198</v>
      </c>
      <c r="W76">
        <f ca="1">ROUND(SQRT((VLOOKUP($A76,városok!$A$2:$C$346,2,0)-VLOOKUP(W$1,városok!$A$2:$C$346,2,0))^2+(VLOOKUP($A76,városok!$A$2:$C$346,3,0)-VLOOKUP(W$1,városok!$A$2:$C$346,3,0))^2)/1000,0)</f>
        <v>195</v>
      </c>
      <c r="X76">
        <f ca="1">ROUND(SQRT((VLOOKUP($A76,városok!$A$2:$C$346,2,0)-VLOOKUP(X$1,városok!$A$2:$C$346,2,0))^2+(VLOOKUP($A76,városok!$A$2:$C$346,3,0)-VLOOKUP(X$1,városok!$A$2:$C$346,3,0))^2)/1000,0)</f>
        <v>180</v>
      </c>
      <c r="Y76">
        <f ca="1">ROUND(SQRT((VLOOKUP($A76,városok!$A$2:$C$346,2,0)-VLOOKUP(Y$1,városok!$A$2:$C$346,2,0))^2+(VLOOKUP($A76,városok!$A$2:$C$346,3,0)-VLOOKUP(Y$1,városok!$A$2:$C$346,3,0))^2)/1000,0)</f>
        <v>207</v>
      </c>
      <c r="Z76">
        <f ca="1">ROUND(SQRT((VLOOKUP($A76,városok!$A$2:$C$346,2,0)-VLOOKUP(Z$1,városok!$A$2:$C$346,2,0))^2+(VLOOKUP($A76,városok!$A$2:$C$346,3,0)-VLOOKUP(Z$1,városok!$A$2:$C$346,3,0))^2)/1000,0)</f>
        <v>223</v>
      </c>
      <c r="AA76">
        <f ca="1">ROUND(SQRT((VLOOKUP($A76,városok!$A$2:$C$346,2,0)-VLOOKUP(AA$1,városok!$A$2:$C$346,2,0))^2+(VLOOKUP($A76,városok!$A$2:$C$346,3,0)-VLOOKUP(AA$1,városok!$A$2:$C$346,3,0))^2)/1000,0)</f>
        <v>283</v>
      </c>
      <c r="AB76">
        <f ca="1">ROUND(SQRT((VLOOKUP($A76,városok!$A$2:$C$346,2,0)-VLOOKUP(AB$1,városok!$A$2:$C$346,2,0))^2+(VLOOKUP($A76,városok!$A$2:$C$346,3,0)-VLOOKUP(AB$1,városok!$A$2:$C$346,3,0))^2)/1000,0)</f>
        <v>127</v>
      </c>
      <c r="AC76">
        <f ca="1">ROUND(SQRT((VLOOKUP($A76,városok!$A$2:$C$346,2,0)-VLOOKUP(AC$1,városok!$A$2:$C$346,2,0))^2+(VLOOKUP($A76,városok!$A$2:$C$346,3,0)-VLOOKUP(AC$1,városok!$A$2:$C$346,3,0))^2)/1000,0)</f>
        <v>120</v>
      </c>
      <c r="AD76">
        <f ca="1">ROUND(SQRT((VLOOKUP($A76,városok!$A$2:$C$346,2,0)-VLOOKUP(AD$1,városok!$A$2:$C$346,2,0))^2+(VLOOKUP($A76,városok!$A$2:$C$346,3,0)-VLOOKUP(AD$1,városok!$A$2:$C$346,3,0))^2)/1000,0)</f>
        <v>110</v>
      </c>
      <c r="AE76">
        <f ca="1">ROUND(SQRT((VLOOKUP($A76,városok!$A$2:$C$346,2,0)-VLOOKUP(AE$1,városok!$A$2:$C$346,2,0))^2+(VLOOKUP($A76,városok!$A$2:$C$346,3,0)-VLOOKUP(AE$1,városok!$A$2:$C$346,3,0))^2)/1000,0)</f>
        <v>123</v>
      </c>
      <c r="AF76">
        <f ca="1">ROUND(SQRT((VLOOKUP($A76,városok!$A$2:$C$346,2,0)-VLOOKUP(AF$1,városok!$A$2:$C$346,2,0))^2+(VLOOKUP($A76,városok!$A$2:$C$346,3,0)-VLOOKUP(AF$1,városok!$A$2:$C$346,3,0))^2)/1000,0)</f>
        <v>36</v>
      </c>
      <c r="AG76">
        <f ca="1">ROUND(SQRT((VLOOKUP($A76,városok!$A$2:$C$346,2,0)-VLOOKUP(AG$1,városok!$A$2:$C$346,2,0))^2+(VLOOKUP($A76,városok!$A$2:$C$346,3,0)-VLOOKUP(AG$1,városok!$A$2:$C$346,3,0))^2)/1000,0)</f>
        <v>56</v>
      </c>
      <c r="AH76">
        <f ca="1">ROUND(SQRT((VLOOKUP($A76,városok!$A$2:$C$346,2,0)-VLOOKUP(AH$1,városok!$A$2:$C$346,2,0))^2+(VLOOKUP($A76,városok!$A$2:$C$346,3,0)-VLOOKUP(AH$1,városok!$A$2:$C$346,3,0))^2)/1000,0)</f>
        <v>77</v>
      </c>
      <c r="AI76">
        <f ca="1">ROUND(SQRT((VLOOKUP($A76,városok!$A$2:$C$346,2,0)-VLOOKUP(AI$1,városok!$A$2:$C$346,2,0))^2+(VLOOKUP($A76,városok!$A$2:$C$346,3,0)-VLOOKUP(AI$1,városok!$A$2:$C$346,3,0))^2)/1000,0)</f>
        <v>27</v>
      </c>
      <c r="AJ76">
        <f ca="1">ROUND(SQRT((VLOOKUP($A76,városok!$A$2:$C$346,2,0)-VLOOKUP(AJ$1,városok!$A$2:$C$346,2,0))^2+(VLOOKUP($A76,városok!$A$2:$C$346,3,0)-VLOOKUP(AJ$1,városok!$A$2:$C$346,3,0))^2)/1000,0)</f>
        <v>69</v>
      </c>
      <c r="AK76">
        <f ca="1">ROUND(SQRT((VLOOKUP($A76,városok!$A$2:$C$346,2,0)-VLOOKUP(AK$1,városok!$A$2:$C$346,2,0))^2+(VLOOKUP($A76,városok!$A$2:$C$346,3,0)-VLOOKUP(AK$1,városok!$A$2:$C$346,3,0))^2)/1000,0)</f>
        <v>116</v>
      </c>
      <c r="AL76">
        <f ca="1">ROUND(SQRT((VLOOKUP($A76,városok!$A$2:$C$346,2,0)-VLOOKUP(AL$1,városok!$A$2:$C$346,2,0))^2+(VLOOKUP($A76,városok!$A$2:$C$346,3,0)-VLOOKUP(AL$1,városok!$A$2:$C$346,3,0))^2)/1000,0)</f>
        <v>98</v>
      </c>
      <c r="AM76">
        <f ca="1">ROUND(SQRT((VLOOKUP($A76,városok!$A$2:$C$346,2,0)-VLOOKUP(AM$1,városok!$A$2:$C$346,2,0))^2+(VLOOKUP($A76,városok!$A$2:$C$346,3,0)-VLOOKUP(AM$1,városok!$A$2:$C$346,3,0))^2)/1000,0)</f>
        <v>116</v>
      </c>
      <c r="AN76">
        <f ca="1">ROUND(SQRT((VLOOKUP($A76,városok!$A$2:$C$346,2,0)-VLOOKUP(AN$1,városok!$A$2:$C$346,2,0))^2+(VLOOKUP($A76,városok!$A$2:$C$346,3,0)-VLOOKUP(AN$1,városok!$A$2:$C$346,3,0))^2)/1000,0)</f>
        <v>125</v>
      </c>
      <c r="AO76">
        <f ca="1">ROUND(SQRT((VLOOKUP($A76,városok!$A$2:$C$346,2,0)-VLOOKUP(AO$1,városok!$A$2:$C$346,2,0))^2+(VLOOKUP($A76,városok!$A$2:$C$346,3,0)-VLOOKUP(AO$1,városok!$A$2:$C$346,3,0))^2)/1000,0)</f>
        <v>171</v>
      </c>
      <c r="AP76">
        <f ca="1">ROUND(SQRT((VLOOKUP($A76,városok!$A$2:$C$346,2,0)-VLOOKUP(AP$1,városok!$A$2:$C$346,2,0))^2+(VLOOKUP($A76,városok!$A$2:$C$346,3,0)-VLOOKUP(AP$1,városok!$A$2:$C$346,3,0))^2)/1000,0)</f>
        <v>160</v>
      </c>
      <c r="AQ76">
        <f ca="1">ROUND(SQRT((VLOOKUP($A76,városok!$A$2:$C$346,2,0)-VLOOKUP(AQ$1,városok!$A$2:$C$346,2,0))^2+(VLOOKUP($A76,városok!$A$2:$C$346,3,0)-VLOOKUP(AQ$1,városok!$A$2:$C$346,3,0))^2)/1000,0)</f>
        <v>158</v>
      </c>
      <c r="AR76">
        <f ca="1">ROUND(SQRT((VLOOKUP($A76,városok!$A$2:$C$346,2,0)-VLOOKUP(AR$1,városok!$A$2:$C$346,2,0))^2+(VLOOKUP($A76,városok!$A$2:$C$346,3,0)-VLOOKUP(AR$1,városok!$A$2:$C$346,3,0))^2)/1000,0)</f>
        <v>56</v>
      </c>
      <c r="AS76">
        <f ca="1">ROUND(SQRT((VLOOKUP($A76,városok!$A$2:$C$346,2,0)-VLOOKUP(AS$1,városok!$A$2:$C$346,2,0))^2+(VLOOKUP($A76,városok!$A$2:$C$346,3,0)-VLOOKUP(AS$1,városok!$A$2:$C$346,3,0))^2)/1000,0)</f>
        <v>38</v>
      </c>
      <c r="AT76">
        <f ca="1">ROUND(SQRT((VLOOKUP($A76,városok!$A$2:$C$346,2,0)-VLOOKUP(AT$1,városok!$A$2:$C$346,2,0))^2+(VLOOKUP($A76,városok!$A$2:$C$346,3,0)-VLOOKUP(AT$1,városok!$A$2:$C$346,3,0))^2)/1000,0)</f>
        <v>138</v>
      </c>
      <c r="AU76">
        <f ca="1">ROUND(SQRT((VLOOKUP($A76,városok!$A$2:$C$346,2,0)-VLOOKUP(AU$1,városok!$A$2:$C$346,2,0))^2+(VLOOKUP($A76,városok!$A$2:$C$346,3,0)-VLOOKUP(AU$1,városok!$A$2:$C$346,3,0))^2)/1000,0)</f>
        <v>131</v>
      </c>
      <c r="AV76">
        <f ca="1">ROUND(SQRT((VLOOKUP($A76,városok!$A$2:$C$346,2,0)-VLOOKUP(AV$1,városok!$A$2:$C$346,2,0))^2+(VLOOKUP($A76,városok!$A$2:$C$346,3,0)-VLOOKUP(AV$1,városok!$A$2:$C$346,3,0))^2)/1000,0)</f>
        <v>135</v>
      </c>
      <c r="AW76">
        <f ca="1">ROUND(SQRT((VLOOKUP($A76,városok!$A$2:$C$346,2,0)-VLOOKUP(AW$1,városok!$A$2:$C$346,2,0))^2+(VLOOKUP($A76,városok!$A$2:$C$346,3,0)-VLOOKUP(AW$1,városok!$A$2:$C$346,3,0))^2)/1000,0)</f>
        <v>138</v>
      </c>
      <c r="AX76">
        <f ca="1">ROUND(SQRT((VLOOKUP($A76,városok!$A$2:$C$346,2,0)-VLOOKUP(AX$1,városok!$A$2:$C$346,2,0))^2+(VLOOKUP($A76,városok!$A$2:$C$346,3,0)-VLOOKUP(AX$1,városok!$A$2:$C$346,3,0))^2)/1000,0)</f>
        <v>138</v>
      </c>
      <c r="AY76">
        <f ca="1">ROUND(SQRT((VLOOKUP($A76,városok!$A$2:$C$346,2,0)-VLOOKUP(AY$1,városok!$A$2:$C$346,2,0))^2+(VLOOKUP($A76,városok!$A$2:$C$346,3,0)-VLOOKUP(AY$1,városok!$A$2:$C$346,3,0))^2)/1000,0)</f>
        <v>110</v>
      </c>
      <c r="AZ76">
        <f ca="1">ROUND(SQRT((VLOOKUP($A76,városok!$A$2:$C$346,2,0)-VLOOKUP(AZ$1,városok!$A$2:$C$346,2,0))^2+(VLOOKUP($A76,városok!$A$2:$C$346,3,0)-VLOOKUP(AZ$1,városok!$A$2:$C$346,3,0))^2)/1000,0)</f>
        <v>110</v>
      </c>
      <c r="BA76">
        <f ca="1">ROUND(SQRT((VLOOKUP($A76,városok!$A$2:$C$346,2,0)-VLOOKUP(BA$1,városok!$A$2:$C$346,2,0))^2+(VLOOKUP($A76,városok!$A$2:$C$346,3,0)-VLOOKUP(BA$1,városok!$A$2:$C$346,3,0))^2)/1000,0)</f>
        <v>252</v>
      </c>
      <c r="BB76">
        <f ca="1">ROUND(SQRT((VLOOKUP($A76,városok!$A$2:$C$346,2,0)-VLOOKUP(BB$1,városok!$A$2:$C$346,2,0))^2+(VLOOKUP($A76,városok!$A$2:$C$346,3,0)-VLOOKUP(BB$1,városok!$A$2:$C$346,3,0))^2)/1000,0)</f>
        <v>258</v>
      </c>
      <c r="BC76">
        <f ca="1">ROUND(SQRT((VLOOKUP($A76,városok!$A$2:$C$346,2,0)-VLOOKUP(BC$1,városok!$A$2:$C$346,2,0))^2+(VLOOKUP($A76,városok!$A$2:$C$346,3,0)-VLOOKUP(BC$1,városok!$A$2:$C$346,3,0))^2)/1000,0)</f>
        <v>280</v>
      </c>
      <c r="BD76">
        <f ca="1">ROUND(SQRT((VLOOKUP($A76,városok!$A$2:$C$346,2,0)-VLOOKUP(BD$1,városok!$A$2:$C$346,2,0))^2+(VLOOKUP($A76,városok!$A$2:$C$346,3,0)-VLOOKUP(BD$1,városok!$A$2:$C$346,3,0))^2)/1000,0)</f>
        <v>222</v>
      </c>
      <c r="BE76">
        <f ca="1">ROUND(SQRT((VLOOKUP($A76,városok!$A$2:$C$346,2,0)-VLOOKUP(BE$1,városok!$A$2:$C$346,2,0))^2+(VLOOKUP($A76,városok!$A$2:$C$346,3,0)-VLOOKUP(BE$1,városok!$A$2:$C$346,3,0))^2)/1000,0)</f>
        <v>182</v>
      </c>
      <c r="BF76">
        <f ca="1">ROUND(SQRT((VLOOKUP($A76,városok!$A$2:$C$346,2,0)-VLOOKUP(BF$1,városok!$A$2:$C$346,2,0))^2+(VLOOKUP($A76,városok!$A$2:$C$346,3,0)-VLOOKUP(BF$1,városok!$A$2:$C$346,3,0))^2)/1000,0)</f>
        <v>133</v>
      </c>
      <c r="BG76">
        <f ca="1">ROUND(SQRT((VLOOKUP($A76,városok!$A$2:$C$346,2,0)-VLOOKUP(BG$1,városok!$A$2:$C$346,2,0))^2+(VLOOKUP($A76,városok!$A$2:$C$346,3,0)-VLOOKUP(BG$1,városok!$A$2:$C$346,3,0))^2)/1000,0)</f>
        <v>88</v>
      </c>
      <c r="BH76">
        <f ca="1">ROUND(SQRT((VLOOKUP($A76,városok!$A$2:$C$346,2,0)-VLOOKUP(BH$1,városok!$A$2:$C$346,2,0))^2+(VLOOKUP($A76,városok!$A$2:$C$346,3,0)-VLOOKUP(BH$1,városok!$A$2:$C$346,3,0))^2)/1000,0)</f>
        <v>88</v>
      </c>
      <c r="BI76">
        <f ca="1">ROUND(SQRT((VLOOKUP($A76,városok!$A$2:$C$346,2,0)-VLOOKUP(BI$1,városok!$A$2:$C$346,2,0))^2+(VLOOKUP($A76,városok!$A$2:$C$346,3,0)-VLOOKUP(BI$1,városok!$A$2:$C$346,3,0))^2)/1000,0)</f>
        <v>239</v>
      </c>
      <c r="BJ76">
        <f ca="1">ROUND(SQRT((VLOOKUP($A76,városok!$A$2:$C$346,2,0)-VLOOKUP(BJ$1,városok!$A$2:$C$346,2,0))^2+(VLOOKUP($A76,városok!$A$2:$C$346,3,0)-VLOOKUP(BJ$1,városok!$A$2:$C$346,3,0))^2)/1000,0)</f>
        <v>256</v>
      </c>
      <c r="BK76">
        <f ca="1">ROUND(SQRT((VLOOKUP($A76,városok!$A$2:$C$346,2,0)-VLOOKUP(BK$1,városok!$A$2:$C$346,2,0))^2+(VLOOKUP($A76,városok!$A$2:$C$346,3,0)-VLOOKUP(BK$1,városok!$A$2:$C$346,3,0))^2)/1000,0)</f>
        <v>240</v>
      </c>
      <c r="BL76">
        <f ca="1">ROUND(SQRT((VLOOKUP($A76,városok!$A$2:$C$346,2,0)-VLOOKUP(BL$1,városok!$A$2:$C$346,2,0))^2+(VLOOKUP($A76,városok!$A$2:$C$346,3,0)-VLOOKUP(BL$1,városok!$A$2:$C$346,3,0))^2)/1000,0)</f>
        <v>308</v>
      </c>
      <c r="BM76">
        <f ca="1">ROUND(SQRT((VLOOKUP($A76,városok!$A$2:$C$346,2,0)-VLOOKUP(BM$1,városok!$A$2:$C$346,2,0))^2+(VLOOKUP($A76,városok!$A$2:$C$346,3,0)-VLOOKUP(BM$1,városok!$A$2:$C$346,3,0))^2)/1000,0)</f>
        <v>274</v>
      </c>
      <c r="BN76">
        <f ca="1">ROUND(SQRT((VLOOKUP($A76,városok!$A$2:$C$346,2,0)-VLOOKUP(BN$1,városok!$A$2:$C$346,2,0))^2+(VLOOKUP($A76,városok!$A$2:$C$346,3,0)-VLOOKUP(BN$1,városok!$A$2:$C$346,3,0))^2)/1000,0)</f>
        <v>296</v>
      </c>
      <c r="BO76">
        <f ca="1">ROUND(SQRT((VLOOKUP($A76,városok!$A$2:$C$346,2,0)-VLOOKUP(BO$1,városok!$A$2:$C$346,2,0))^2+(VLOOKUP($A76,városok!$A$2:$C$346,3,0)-VLOOKUP(BO$1,városok!$A$2:$C$346,3,0))^2)/1000,0)</f>
        <v>217</v>
      </c>
      <c r="BP76">
        <f ca="1">ROUND(SQRT((VLOOKUP($A76,városok!$A$2:$C$346,2,0)-VLOOKUP(BP$1,városok!$A$2:$C$346,2,0))^2+(VLOOKUP($A76,városok!$A$2:$C$346,3,0)-VLOOKUP(BP$1,városok!$A$2:$C$346,3,0))^2)/1000,0)</f>
        <v>210</v>
      </c>
      <c r="BQ76">
        <f ca="1">ROUND(SQRT((VLOOKUP($A76,városok!$A$2:$C$346,2,0)-VLOOKUP(BQ$1,városok!$A$2:$C$346,2,0))^2+(VLOOKUP($A76,városok!$A$2:$C$346,3,0)-VLOOKUP(BQ$1,városok!$A$2:$C$346,3,0))^2)/1000,0)</f>
        <v>219</v>
      </c>
      <c r="BR76">
        <f ca="1">ROUND(SQRT((VLOOKUP($A76,városok!$A$2:$C$346,2,0)-VLOOKUP(BR$1,városok!$A$2:$C$346,2,0))^2+(VLOOKUP($A76,városok!$A$2:$C$346,3,0)-VLOOKUP(BR$1,városok!$A$2:$C$346,3,0))^2)/1000,0)</f>
        <v>280</v>
      </c>
      <c r="BS76">
        <f ca="1">ROUND(SQRT((VLOOKUP($A76,városok!$A$2:$C$346,2,0)-VLOOKUP(BS$1,városok!$A$2:$C$346,2,0))^2+(VLOOKUP($A76,városok!$A$2:$C$346,3,0)-VLOOKUP(BS$1,városok!$A$2:$C$346,3,0))^2)/1000,0)</f>
        <v>318</v>
      </c>
      <c r="BT76">
        <f ca="1">ROUND(SQRT((VLOOKUP($A76,városok!$A$2:$C$346,2,0)-VLOOKUP(BT$1,városok!$A$2:$C$346,2,0))^2+(VLOOKUP($A76,városok!$A$2:$C$346,3,0)-VLOOKUP(BT$1,városok!$A$2:$C$346,3,0))^2)/1000,0)</f>
        <v>302</v>
      </c>
    </row>
    <row r="77" spans="1:72" x14ac:dyDescent="0.2">
      <c r="A77" t="str">
        <f>városok!A77</f>
        <v>Pálháza</v>
      </c>
      <c r="B77">
        <f ca="1">ROUND(SQRT((VLOOKUP($A77,városok!$A$2:$C$346,2,0)-VLOOKUP(B$1,városok!$A$2:$C$346,2,0))^2+(VLOOKUP($A77,városok!$A$2:$C$346,3,0)-VLOOKUP(B$1,városok!$A$2:$C$346,3,0))^2)/1000,0)</f>
        <v>319</v>
      </c>
      <c r="C77">
        <f ca="1">ROUND(SQRT((VLOOKUP($A77,városok!$A$2:$C$346,2,0)-VLOOKUP(C$1,városok!$A$2:$C$346,2,0))^2+(VLOOKUP($A77,városok!$A$2:$C$346,3,0)-VLOOKUP(C$1,városok!$A$2:$C$346,3,0))^2)/1000,0)</f>
        <v>288</v>
      </c>
      <c r="D77">
        <f ca="1">ROUND(SQRT((VLOOKUP($A77,városok!$A$2:$C$346,2,0)-VLOOKUP(D$1,városok!$A$2:$C$346,2,0))^2+(VLOOKUP($A77,városok!$A$2:$C$346,3,0)-VLOOKUP(D$1,városok!$A$2:$C$346,3,0))^2)/1000,0)</f>
        <v>221</v>
      </c>
      <c r="E77">
        <f ca="1">ROUND(SQRT((VLOOKUP($A77,városok!$A$2:$C$346,2,0)-VLOOKUP(E$1,városok!$A$2:$C$346,2,0))^2+(VLOOKUP($A77,városok!$A$2:$C$346,3,0)-VLOOKUP(E$1,városok!$A$2:$C$346,3,0))^2)/1000,0)</f>
        <v>353</v>
      </c>
      <c r="F77">
        <f ca="1">ROUND(SQRT((VLOOKUP($A77,városok!$A$2:$C$346,2,0)-VLOOKUP(F$1,városok!$A$2:$C$346,2,0))^2+(VLOOKUP($A77,városok!$A$2:$C$346,3,0)-VLOOKUP(F$1,városok!$A$2:$C$346,3,0))^2)/1000,0)</f>
        <v>349</v>
      </c>
      <c r="G77">
        <f ca="1">ROUND(SQRT((VLOOKUP($A77,városok!$A$2:$C$346,2,0)-VLOOKUP(G$1,városok!$A$2:$C$346,2,0))^2+(VLOOKUP($A77,városok!$A$2:$C$346,3,0)-VLOOKUP(G$1,városok!$A$2:$C$346,3,0))^2)/1000,0)</f>
        <v>363</v>
      </c>
      <c r="H77">
        <f ca="1">ROUND(SQRT((VLOOKUP($A77,városok!$A$2:$C$346,2,0)-VLOOKUP(H$1,városok!$A$2:$C$346,2,0))^2+(VLOOKUP($A77,városok!$A$2:$C$346,3,0)-VLOOKUP(H$1,városok!$A$2:$C$346,3,0))^2)/1000,0)</f>
        <v>389</v>
      </c>
      <c r="I77">
        <f ca="1">ROUND(SQRT((VLOOKUP($A77,városok!$A$2:$C$346,2,0)-VLOOKUP(I$1,városok!$A$2:$C$346,2,0))^2+(VLOOKUP($A77,városok!$A$2:$C$346,3,0)-VLOOKUP(I$1,városok!$A$2:$C$346,3,0))^2)/1000,0)</f>
        <v>202</v>
      </c>
      <c r="J77">
        <f ca="1">ROUND(SQRT((VLOOKUP($A77,városok!$A$2:$C$346,2,0)-VLOOKUP(J$1,városok!$A$2:$C$346,2,0))^2+(VLOOKUP($A77,városok!$A$2:$C$346,3,0)-VLOOKUP(J$1,városok!$A$2:$C$346,3,0))^2)/1000,0)</f>
        <v>204</v>
      </c>
      <c r="K77">
        <f ca="1">ROUND(SQRT((VLOOKUP($A77,városok!$A$2:$C$346,2,0)-VLOOKUP(K$1,városok!$A$2:$C$346,2,0))^2+(VLOOKUP($A77,városok!$A$2:$C$346,3,0)-VLOOKUP(K$1,városok!$A$2:$C$346,3,0))^2)/1000,0)</f>
        <v>222</v>
      </c>
      <c r="L77">
        <f ca="1">ROUND(SQRT((VLOOKUP($A77,városok!$A$2:$C$346,2,0)-VLOOKUP(L$1,városok!$A$2:$C$346,2,0))^2+(VLOOKUP($A77,városok!$A$2:$C$346,3,0)-VLOOKUP(L$1,városok!$A$2:$C$346,3,0))^2)/1000,0)</f>
        <v>69</v>
      </c>
      <c r="M77">
        <f ca="1">ROUND(SQRT((VLOOKUP($A77,városok!$A$2:$C$346,2,0)-VLOOKUP(M$1,városok!$A$2:$C$346,2,0))^2+(VLOOKUP($A77,városok!$A$2:$C$346,3,0)-VLOOKUP(M$1,városok!$A$2:$C$346,3,0))^2)/1000,0)</f>
        <v>67</v>
      </c>
      <c r="N77">
        <f ca="1">ROUND(SQRT((VLOOKUP($A77,városok!$A$2:$C$346,2,0)-VLOOKUP(N$1,városok!$A$2:$C$346,2,0))^2+(VLOOKUP($A77,városok!$A$2:$C$346,3,0)-VLOOKUP(N$1,városok!$A$2:$C$346,3,0))^2)/1000,0)</f>
        <v>94</v>
      </c>
      <c r="O77">
        <f ca="1">ROUND(SQRT((VLOOKUP($A77,városok!$A$2:$C$346,2,0)-VLOOKUP(O$1,városok!$A$2:$C$346,2,0))^2+(VLOOKUP($A77,városok!$A$2:$C$346,3,0)-VLOOKUP(O$1,városok!$A$2:$C$346,3,0))^2)/1000,0)</f>
        <v>14</v>
      </c>
      <c r="P77">
        <f ca="1">ROUND(SQRT((VLOOKUP($A77,városok!$A$2:$C$346,2,0)-VLOOKUP(P$1,városok!$A$2:$C$346,2,0))^2+(VLOOKUP($A77,városok!$A$2:$C$346,3,0)-VLOOKUP(P$1,városok!$A$2:$C$346,3,0))^2)/1000,0)</f>
        <v>14</v>
      </c>
      <c r="Q77">
        <f ca="1">ROUND(SQRT((VLOOKUP($A77,városok!$A$2:$C$346,2,0)-VLOOKUP(Q$1,városok!$A$2:$C$346,2,0))^2+(VLOOKUP($A77,városok!$A$2:$C$346,3,0)-VLOOKUP(Q$1,városok!$A$2:$C$346,3,0))^2)/1000,0)</f>
        <v>245</v>
      </c>
      <c r="R77">
        <f ca="1">ROUND(SQRT((VLOOKUP($A77,városok!$A$2:$C$346,2,0)-VLOOKUP(R$1,városok!$A$2:$C$346,2,0))^2+(VLOOKUP($A77,városok!$A$2:$C$346,3,0)-VLOOKUP(R$1,városok!$A$2:$C$346,3,0))^2)/1000,0)</f>
        <v>262</v>
      </c>
      <c r="S77">
        <f ca="1">ROUND(SQRT((VLOOKUP($A77,városok!$A$2:$C$346,2,0)-VLOOKUP(S$1,városok!$A$2:$C$346,2,0))^2+(VLOOKUP($A77,városok!$A$2:$C$346,3,0)-VLOOKUP(S$1,városok!$A$2:$C$346,3,0))^2)/1000,0)</f>
        <v>268</v>
      </c>
      <c r="T77">
        <f ca="1">ROUND(SQRT((VLOOKUP($A77,városok!$A$2:$C$346,2,0)-VLOOKUP(T$1,városok!$A$2:$C$346,2,0))^2+(VLOOKUP($A77,városok!$A$2:$C$346,3,0)-VLOOKUP(T$1,városok!$A$2:$C$346,3,0))^2)/1000,0)</f>
        <v>241</v>
      </c>
      <c r="U77">
        <f ca="1">ROUND(SQRT((VLOOKUP($A77,városok!$A$2:$C$346,2,0)-VLOOKUP(U$1,városok!$A$2:$C$346,2,0))^2+(VLOOKUP($A77,városok!$A$2:$C$346,3,0)-VLOOKUP(U$1,városok!$A$2:$C$346,3,0))^2)/1000,0)</f>
        <v>255</v>
      </c>
      <c r="V77">
        <f ca="1">ROUND(SQRT((VLOOKUP($A77,városok!$A$2:$C$346,2,0)-VLOOKUP(V$1,városok!$A$2:$C$346,2,0))^2+(VLOOKUP($A77,városok!$A$2:$C$346,3,0)-VLOOKUP(V$1,városok!$A$2:$C$346,3,0))^2)/1000,0)</f>
        <v>287</v>
      </c>
      <c r="W77">
        <f ca="1">ROUND(SQRT((VLOOKUP($A77,városok!$A$2:$C$346,2,0)-VLOOKUP(W$1,városok!$A$2:$C$346,2,0))^2+(VLOOKUP($A77,városok!$A$2:$C$346,3,0)-VLOOKUP(W$1,városok!$A$2:$C$346,3,0))^2)/1000,0)</f>
        <v>279</v>
      </c>
      <c r="X77">
        <f ca="1">ROUND(SQRT((VLOOKUP($A77,városok!$A$2:$C$346,2,0)-VLOOKUP(X$1,városok!$A$2:$C$346,2,0))^2+(VLOOKUP($A77,városok!$A$2:$C$346,3,0)-VLOOKUP(X$1,városok!$A$2:$C$346,3,0))^2)/1000,0)</f>
        <v>272</v>
      </c>
      <c r="Y77">
        <f ca="1">ROUND(SQRT((VLOOKUP($A77,városok!$A$2:$C$346,2,0)-VLOOKUP(Y$1,városok!$A$2:$C$346,2,0))^2+(VLOOKUP($A77,városok!$A$2:$C$346,3,0)-VLOOKUP(Y$1,városok!$A$2:$C$346,3,0))^2)/1000,0)</f>
        <v>301</v>
      </c>
      <c r="Z77">
        <f ca="1">ROUND(SQRT((VLOOKUP($A77,városok!$A$2:$C$346,2,0)-VLOOKUP(Z$1,városok!$A$2:$C$346,2,0))^2+(VLOOKUP($A77,városok!$A$2:$C$346,3,0)-VLOOKUP(Z$1,városok!$A$2:$C$346,3,0))^2)/1000,0)</f>
        <v>317</v>
      </c>
      <c r="AA77">
        <f ca="1">ROUND(SQRT((VLOOKUP($A77,városok!$A$2:$C$346,2,0)-VLOOKUP(AA$1,városok!$A$2:$C$346,2,0))^2+(VLOOKUP($A77,városok!$A$2:$C$346,3,0)-VLOOKUP(AA$1,városok!$A$2:$C$346,3,0))^2)/1000,0)</f>
        <v>377</v>
      </c>
      <c r="AB77">
        <f ca="1">ROUND(SQRT((VLOOKUP($A77,városok!$A$2:$C$346,2,0)-VLOOKUP(AB$1,városok!$A$2:$C$346,2,0))^2+(VLOOKUP($A77,városok!$A$2:$C$346,3,0)-VLOOKUP(AB$1,városok!$A$2:$C$346,3,0))^2)/1000,0)</f>
        <v>105</v>
      </c>
      <c r="AC77">
        <f ca="1">ROUND(SQRT((VLOOKUP($A77,városok!$A$2:$C$346,2,0)-VLOOKUP(AC$1,városok!$A$2:$C$346,2,0))^2+(VLOOKUP($A77,városok!$A$2:$C$346,3,0)-VLOOKUP(AC$1,városok!$A$2:$C$346,3,0))^2)/1000,0)</f>
        <v>115</v>
      </c>
      <c r="AD77">
        <f ca="1">ROUND(SQRT((VLOOKUP($A77,városok!$A$2:$C$346,2,0)-VLOOKUP(AD$1,városok!$A$2:$C$346,2,0))^2+(VLOOKUP($A77,városok!$A$2:$C$346,3,0)-VLOOKUP(AD$1,városok!$A$2:$C$346,3,0))^2)/1000,0)</f>
        <v>119</v>
      </c>
      <c r="AE77">
        <f ca="1">ROUND(SQRT((VLOOKUP($A77,városok!$A$2:$C$346,2,0)-VLOOKUP(AE$1,városok!$A$2:$C$346,2,0))^2+(VLOOKUP($A77,városok!$A$2:$C$346,3,0)-VLOOKUP(AE$1,városok!$A$2:$C$346,3,0))^2)/1000,0)</f>
        <v>135</v>
      </c>
      <c r="AF77">
        <f ca="1">ROUND(SQRT((VLOOKUP($A77,városok!$A$2:$C$346,2,0)-VLOOKUP(AF$1,városok!$A$2:$C$346,2,0))^2+(VLOOKUP($A77,városok!$A$2:$C$346,3,0)-VLOOKUP(AF$1,városok!$A$2:$C$346,3,0))^2)/1000,0)</f>
        <v>105</v>
      </c>
      <c r="AG77">
        <f ca="1">ROUND(SQRT((VLOOKUP($A77,városok!$A$2:$C$346,2,0)-VLOOKUP(AG$1,városok!$A$2:$C$346,2,0))^2+(VLOOKUP($A77,városok!$A$2:$C$346,3,0)-VLOOKUP(AG$1,városok!$A$2:$C$346,3,0))^2)/1000,0)</f>
        <v>141</v>
      </c>
      <c r="AH77">
        <f ca="1">ROUND(SQRT((VLOOKUP($A77,városok!$A$2:$C$346,2,0)-VLOOKUP(AH$1,városok!$A$2:$C$346,2,0))^2+(VLOOKUP($A77,városok!$A$2:$C$346,3,0)-VLOOKUP(AH$1,városok!$A$2:$C$346,3,0))^2)/1000,0)</f>
        <v>163</v>
      </c>
      <c r="AI77">
        <f ca="1">ROUND(SQRT((VLOOKUP($A77,városok!$A$2:$C$346,2,0)-VLOOKUP(AI$1,városok!$A$2:$C$346,2,0))^2+(VLOOKUP($A77,városok!$A$2:$C$346,3,0)-VLOOKUP(AI$1,városok!$A$2:$C$346,3,0))^2)/1000,0)</f>
        <v>116</v>
      </c>
      <c r="AJ77">
        <f ca="1">ROUND(SQRT((VLOOKUP($A77,városok!$A$2:$C$346,2,0)-VLOOKUP(AJ$1,városok!$A$2:$C$346,2,0))^2+(VLOOKUP($A77,városok!$A$2:$C$346,3,0)-VLOOKUP(AJ$1,városok!$A$2:$C$346,3,0))^2)/1000,0)</f>
        <v>147</v>
      </c>
      <c r="AK77">
        <f ca="1">ROUND(SQRT((VLOOKUP($A77,városok!$A$2:$C$346,2,0)-VLOOKUP(AK$1,városok!$A$2:$C$346,2,0))^2+(VLOOKUP($A77,városok!$A$2:$C$346,3,0)-VLOOKUP(AK$1,városok!$A$2:$C$346,3,0))^2)/1000,0)</f>
        <v>138</v>
      </c>
      <c r="AL77">
        <f ca="1">ROUND(SQRT((VLOOKUP($A77,városok!$A$2:$C$346,2,0)-VLOOKUP(AL$1,városok!$A$2:$C$346,2,0))^2+(VLOOKUP($A77,városok!$A$2:$C$346,3,0)-VLOOKUP(AL$1,városok!$A$2:$C$346,3,0))^2)/1000,0)</f>
        <v>139</v>
      </c>
      <c r="AM77">
        <f ca="1">ROUND(SQRT((VLOOKUP($A77,városok!$A$2:$C$346,2,0)-VLOOKUP(AM$1,városok!$A$2:$C$346,2,0))^2+(VLOOKUP($A77,városok!$A$2:$C$346,3,0)-VLOOKUP(AM$1,városok!$A$2:$C$346,3,0))^2)/1000,0)</f>
        <v>175</v>
      </c>
      <c r="AN77">
        <f ca="1">ROUND(SQRT((VLOOKUP($A77,városok!$A$2:$C$346,2,0)-VLOOKUP(AN$1,városok!$A$2:$C$346,2,0))^2+(VLOOKUP($A77,városok!$A$2:$C$346,3,0)-VLOOKUP(AN$1,városok!$A$2:$C$346,3,0))^2)/1000,0)</f>
        <v>219</v>
      </c>
      <c r="AO77">
        <f ca="1">ROUND(SQRT((VLOOKUP($A77,városok!$A$2:$C$346,2,0)-VLOOKUP(AO$1,városok!$A$2:$C$346,2,0))^2+(VLOOKUP($A77,városok!$A$2:$C$346,3,0)-VLOOKUP(AO$1,városok!$A$2:$C$346,3,0))^2)/1000,0)</f>
        <v>265</v>
      </c>
      <c r="AP77">
        <f ca="1">ROUND(SQRT((VLOOKUP($A77,városok!$A$2:$C$346,2,0)-VLOOKUP(AP$1,városok!$A$2:$C$346,2,0))^2+(VLOOKUP($A77,városok!$A$2:$C$346,3,0)-VLOOKUP(AP$1,városok!$A$2:$C$346,3,0))^2)/1000,0)</f>
        <v>254</v>
      </c>
      <c r="AQ77">
        <f ca="1">ROUND(SQRT((VLOOKUP($A77,városok!$A$2:$C$346,2,0)-VLOOKUP(AQ$1,városok!$A$2:$C$346,2,0))^2+(VLOOKUP($A77,városok!$A$2:$C$346,3,0)-VLOOKUP(AQ$1,városok!$A$2:$C$346,3,0))^2)/1000,0)</f>
        <v>252</v>
      </c>
      <c r="AR77">
        <f ca="1">ROUND(SQRT((VLOOKUP($A77,városok!$A$2:$C$346,2,0)-VLOOKUP(AR$1,városok!$A$2:$C$346,2,0))^2+(VLOOKUP($A77,városok!$A$2:$C$346,3,0)-VLOOKUP(AR$1,városok!$A$2:$C$346,3,0))^2)/1000,0)</f>
        <v>148</v>
      </c>
      <c r="AS77">
        <f ca="1">ROUND(SQRT((VLOOKUP($A77,városok!$A$2:$C$346,2,0)-VLOOKUP(AS$1,városok!$A$2:$C$346,2,0))^2+(VLOOKUP($A77,városok!$A$2:$C$346,3,0)-VLOOKUP(AS$1,városok!$A$2:$C$346,3,0))^2)/1000,0)</f>
        <v>132</v>
      </c>
      <c r="AT77">
        <f ca="1">ROUND(SQRT((VLOOKUP($A77,városok!$A$2:$C$346,2,0)-VLOOKUP(AT$1,városok!$A$2:$C$346,2,0))^2+(VLOOKUP($A77,városok!$A$2:$C$346,3,0)-VLOOKUP(AT$1,városok!$A$2:$C$346,3,0))^2)/1000,0)</f>
        <v>230</v>
      </c>
      <c r="AU77">
        <f ca="1">ROUND(SQRT((VLOOKUP($A77,városok!$A$2:$C$346,2,0)-VLOOKUP(AU$1,városok!$A$2:$C$346,2,0))^2+(VLOOKUP($A77,városok!$A$2:$C$346,3,0)-VLOOKUP(AU$1,városok!$A$2:$C$346,3,0))^2)/1000,0)</f>
        <v>221</v>
      </c>
      <c r="AV77">
        <f ca="1">ROUND(SQRT((VLOOKUP($A77,városok!$A$2:$C$346,2,0)-VLOOKUP(AV$1,városok!$A$2:$C$346,2,0))^2+(VLOOKUP($A77,városok!$A$2:$C$346,3,0)-VLOOKUP(AV$1,városok!$A$2:$C$346,3,0))^2)/1000,0)</f>
        <v>225</v>
      </c>
      <c r="AW77">
        <f ca="1">ROUND(SQRT((VLOOKUP($A77,városok!$A$2:$C$346,2,0)-VLOOKUP(AW$1,városok!$A$2:$C$346,2,0))^2+(VLOOKUP($A77,városok!$A$2:$C$346,3,0)-VLOOKUP(AW$1,városok!$A$2:$C$346,3,0))^2)/1000,0)</f>
        <v>228</v>
      </c>
      <c r="AX77">
        <f ca="1">ROUND(SQRT((VLOOKUP($A77,városok!$A$2:$C$346,2,0)-VLOOKUP(AX$1,városok!$A$2:$C$346,2,0))^2+(VLOOKUP($A77,városok!$A$2:$C$346,3,0)-VLOOKUP(AX$1,városok!$A$2:$C$346,3,0))^2)/1000,0)</f>
        <v>206</v>
      </c>
      <c r="AY77">
        <f ca="1">ROUND(SQRT((VLOOKUP($A77,városok!$A$2:$C$346,2,0)-VLOOKUP(AY$1,városok!$A$2:$C$346,2,0))^2+(VLOOKUP($A77,városok!$A$2:$C$346,3,0)-VLOOKUP(AY$1,városok!$A$2:$C$346,3,0))^2)/1000,0)</f>
        <v>202</v>
      </c>
      <c r="AZ77">
        <f ca="1">ROUND(SQRT((VLOOKUP($A77,városok!$A$2:$C$346,2,0)-VLOOKUP(AZ$1,városok!$A$2:$C$346,2,0))^2+(VLOOKUP($A77,városok!$A$2:$C$346,3,0)-VLOOKUP(AZ$1,városok!$A$2:$C$346,3,0))^2)/1000,0)</f>
        <v>204</v>
      </c>
      <c r="BA77">
        <f ca="1">ROUND(SQRT((VLOOKUP($A77,városok!$A$2:$C$346,2,0)-VLOOKUP(BA$1,városok!$A$2:$C$346,2,0))^2+(VLOOKUP($A77,városok!$A$2:$C$346,3,0)-VLOOKUP(BA$1,városok!$A$2:$C$346,3,0))^2)/1000,0)</f>
        <v>342</v>
      </c>
      <c r="BB77">
        <f ca="1">ROUND(SQRT((VLOOKUP($A77,városok!$A$2:$C$346,2,0)-VLOOKUP(BB$1,városok!$A$2:$C$346,2,0))^2+(VLOOKUP($A77,városok!$A$2:$C$346,3,0)-VLOOKUP(BB$1,városok!$A$2:$C$346,3,0))^2)/1000,0)</f>
        <v>344</v>
      </c>
      <c r="BC77">
        <f ca="1">ROUND(SQRT((VLOOKUP($A77,városok!$A$2:$C$346,2,0)-VLOOKUP(BC$1,városok!$A$2:$C$346,2,0))^2+(VLOOKUP($A77,városok!$A$2:$C$346,3,0)-VLOOKUP(BC$1,városok!$A$2:$C$346,3,0))^2)/1000,0)</f>
        <v>366</v>
      </c>
      <c r="BD77">
        <f ca="1">ROUND(SQRT((VLOOKUP($A77,városok!$A$2:$C$346,2,0)-VLOOKUP(BD$1,városok!$A$2:$C$346,2,0))^2+(VLOOKUP($A77,városok!$A$2:$C$346,3,0)-VLOOKUP(BD$1,városok!$A$2:$C$346,3,0))^2)/1000,0)</f>
        <v>311</v>
      </c>
      <c r="BE77">
        <f ca="1">ROUND(SQRT((VLOOKUP($A77,városok!$A$2:$C$346,2,0)-VLOOKUP(BE$1,városok!$A$2:$C$346,2,0))^2+(VLOOKUP($A77,városok!$A$2:$C$346,3,0)-VLOOKUP(BE$1,városok!$A$2:$C$346,3,0))^2)/1000,0)</f>
        <v>112</v>
      </c>
      <c r="BF77">
        <f ca="1">ROUND(SQRT((VLOOKUP($A77,városok!$A$2:$C$346,2,0)-VLOOKUP(BF$1,városok!$A$2:$C$346,2,0))^2+(VLOOKUP($A77,városok!$A$2:$C$346,3,0)-VLOOKUP(BF$1,városok!$A$2:$C$346,3,0))^2)/1000,0)</f>
        <v>50</v>
      </c>
      <c r="BG77">
        <f ca="1">ROUND(SQRT((VLOOKUP($A77,városok!$A$2:$C$346,2,0)-VLOOKUP(BG$1,városok!$A$2:$C$346,2,0))^2+(VLOOKUP($A77,városok!$A$2:$C$346,3,0)-VLOOKUP(BG$1,városok!$A$2:$C$346,3,0))^2)/1000,0)</f>
        <v>39</v>
      </c>
      <c r="BH77">
        <f ca="1">ROUND(SQRT((VLOOKUP($A77,városok!$A$2:$C$346,2,0)-VLOOKUP(BH$1,városok!$A$2:$C$346,2,0))^2+(VLOOKUP($A77,városok!$A$2:$C$346,3,0)-VLOOKUP(BH$1,városok!$A$2:$C$346,3,0))^2)/1000,0)</f>
        <v>39</v>
      </c>
      <c r="BI77">
        <f ca="1">ROUND(SQRT((VLOOKUP($A77,városok!$A$2:$C$346,2,0)-VLOOKUP(BI$1,városok!$A$2:$C$346,2,0))^2+(VLOOKUP($A77,városok!$A$2:$C$346,3,0)-VLOOKUP(BI$1,városok!$A$2:$C$346,3,0))^2)/1000,0)</f>
        <v>317</v>
      </c>
      <c r="BJ77">
        <f ca="1">ROUND(SQRT((VLOOKUP($A77,városok!$A$2:$C$346,2,0)-VLOOKUP(BJ$1,városok!$A$2:$C$346,2,0))^2+(VLOOKUP($A77,városok!$A$2:$C$346,3,0)-VLOOKUP(BJ$1,városok!$A$2:$C$346,3,0))^2)/1000,0)</f>
        <v>335</v>
      </c>
      <c r="BK77">
        <f ca="1">ROUND(SQRT((VLOOKUP($A77,városok!$A$2:$C$346,2,0)-VLOOKUP(BK$1,városok!$A$2:$C$346,2,0))^2+(VLOOKUP($A77,városok!$A$2:$C$346,3,0)-VLOOKUP(BK$1,városok!$A$2:$C$346,3,0))^2)/1000,0)</f>
        <v>317</v>
      </c>
      <c r="BL77">
        <f ca="1">ROUND(SQRT((VLOOKUP($A77,városok!$A$2:$C$346,2,0)-VLOOKUP(BL$1,városok!$A$2:$C$346,2,0))^2+(VLOOKUP($A77,városok!$A$2:$C$346,3,0)-VLOOKUP(BL$1,városok!$A$2:$C$346,3,0))^2)/1000,0)</f>
        <v>402</v>
      </c>
      <c r="BM77">
        <f ca="1">ROUND(SQRT((VLOOKUP($A77,városok!$A$2:$C$346,2,0)-VLOOKUP(BM$1,városok!$A$2:$C$346,2,0))^2+(VLOOKUP($A77,városok!$A$2:$C$346,3,0)-VLOOKUP(BM$1,városok!$A$2:$C$346,3,0))^2)/1000,0)</f>
        <v>368</v>
      </c>
      <c r="BN77">
        <f ca="1">ROUND(SQRT((VLOOKUP($A77,városok!$A$2:$C$346,2,0)-VLOOKUP(BN$1,városok!$A$2:$C$346,2,0))^2+(VLOOKUP($A77,városok!$A$2:$C$346,3,0)-VLOOKUP(BN$1,városok!$A$2:$C$346,3,0))^2)/1000,0)</f>
        <v>390</v>
      </c>
      <c r="BO77">
        <f ca="1">ROUND(SQRT((VLOOKUP($A77,városok!$A$2:$C$346,2,0)-VLOOKUP(BO$1,városok!$A$2:$C$346,2,0))^2+(VLOOKUP($A77,városok!$A$2:$C$346,3,0)-VLOOKUP(BO$1,városok!$A$2:$C$346,3,0))^2)/1000,0)</f>
        <v>307</v>
      </c>
      <c r="BP77">
        <f ca="1">ROUND(SQRT((VLOOKUP($A77,városok!$A$2:$C$346,2,0)-VLOOKUP(BP$1,városok!$A$2:$C$346,2,0))^2+(VLOOKUP($A77,városok!$A$2:$C$346,3,0)-VLOOKUP(BP$1,városok!$A$2:$C$346,3,0))^2)/1000,0)</f>
        <v>301</v>
      </c>
      <c r="BQ77">
        <f ca="1">ROUND(SQRT((VLOOKUP($A77,városok!$A$2:$C$346,2,0)-VLOOKUP(BQ$1,városok!$A$2:$C$346,2,0))^2+(VLOOKUP($A77,városok!$A$2:$C$346,3,0)-VLOOKUP(BQ$1,városok!$A$2:$C$346,3,0))^2)/1000,0)</f>
        <v>310</v>
      </c>
      <c r="BR77">
        <f ca="1">ROUND(SQRT((VLOOKUP($A77,városok!$A$2:$C$346,2,0)-VLOOKUP(BR$1,városok!$A$2:$C$346,2,0))^2+(VLOOKUP($A77,városok!$A$2:$C$346,3,0)-VLOOKUP(BR$1,városok!$A$2:$C$346,3,0))^2)/1000,0)</f>
        <v>371</v>
      </c>
      <c r="BS77">
        <f ca="1">ROUND(SQRT((VLOOKUP($A77,városok!$A$2:$C$346,2,0)-VLOOKUP(BS$1,városok!$A$2:$C$346,2,0))^2+(VLOOKUP($A77,városok!$A$2:$C$346,3,0)-VLOOKUP(BS$1,városok!$A$2:$C$346,3,0))^2)/1000,0)</f>
        <v>408</v>
      </c>
      <c r="BT77">
        <f ca="1">ROUND(SQRT((VLOOKUP($A77,városok!$A$2:$C$346,2,0)-VLOOKUP(BT$1,városok!$A$2:$C$346,2,0))^2+(VLOOKUP($A77,városok!$A$2:$C$346,3,0)-VLOOKUP(BT$1,városok!$A$2:$C$346,3,0))^2)/1000,0)</f>
        <v>395</v>
      </c>
    </row>
    <row r="78" spans="1:72" x14ac:dyDescent="0.2">
      <c r="A78" t="str">
        <f>városok!A78</f>
        <v>Putnok</v>
      </c>
      <c r="B78">
        <f ca="1">ROUND(SQRT((VLOOKUP($A78,városok!$A$2:$C$346,2,0)-VLOOKUP(B$1,városok!$A$2:$C$346,2,0))^2+(VLOOKUP($A78,városok!$A$2:$C$346,3,0)-VLOOKUP(B$1,városok!$A$2:$C$346,3,0))^2)/1000,0)</f>
        <v>259</v>
      </c>
      <c r="C78">
        <f ca="1">ROUND(SQRT((VLOOKUP($A78,városok!$A$2:$C$346,2,0)-VLOOKUP(C$1,városok!$A$2:$C$346,2,0))^2+(VLOOKUP($A78,városok!$A$2:$C$346,3,0)-VLOOKUP(C$1,városok!$A$2:$C$346,3,0))^2)/1000,0)</f>
        <v>225</v>
      </c>
      <c r="D78">
        <f ca="1">ROUND(SQRT((VLOOKUP($A78,városok!$A$2:$C$346,2,0)-VLOOKUP(D$1,városok!$A$2:$C$346,2,0))^2+(VLOOKUP($A78,városok!$A$2:$C$346,3,0)-VLOOKUP(D$1,városok!$A$2:$C$346,3,0))^2)/1000,0)</f>
        <v>164</v>
      </c>
      <c r="E78">
        <f ca="1">ROUND(SQRT((VLOOKUP($A78,városok!$A$2:$C$346,2,0)-VLOOKUP(E$1,városok!$A$2:$C$346,2,0))^2+(VLOOKUP($A78,városok!$A$2:$C$346,3,0)-VLOOKUP(E$1,városok!$A$2:$C$346,3,0))^2)/1000,0)</f>
        <v>286</v>
      </c>
      <c r="F78">
        <f ca="1">ROUND(SQRT((VLOOKUP($A78,városok!$A$2:$C$346,2,0)-VLOOKUP(F$1,városok!$A$2:$C$346,2,0))^2+(VLOOKUP($A78,városok!$A$2:$C$346,3,0)-VLOOKUP(F$1,városok!$A$2:$C$346,3,0))^2)/1000,0)</f>
        <v>288</v>
      </c>
      <c r="G78">
        <f ca="1">ROUND(SQRT((VLOOKUP($A78,városok!$A$2:$C$346,2,0)-VLOOKUP(G$1,városok!$A$2:$C$346,2,0))^2+(VLOOKUP($A78,városok!$A$2:$C$346,3,0)-VLOOKUP(G$1,városok!$A$2:$C$346,3,0))^2)/1000,0)</f>
        <v>297</v>
      </c>
      <c r="H78">
        <f ca="1">ROUND(SQRT((VLOOKUP($A78,városok!$A$2:$C$346,2,0)-VLOOKUP(H$1,városok!$A$2:$C$346,2,0))^2+(VLOOKUP($A78,városok!$A$2:$C$346,3,0)-VLOOKUP(H$1,városok!$A$2:$C$346,3,0))^2)/1000,0)</f>
        <v>320</v>
      </c>
      <c r="I78">
        <f ca="1">ROUND(SQRT((VLOOKUP($A78,városok!$A$2:$C$346,2,0)-VLOOKUP(I$1,városok!$A$2:$C$346,2,0))^2+(VLOOKUP($A78,városok!$A$2:$C$346,3,0)-VLOOKUP(I$1,városok!$A$2:$C$346,3,0))^2)/1000,0)</f>
        <v>186</v>
      </c>
      <c r="J78">
        <f ca="1">ROUND(SQRT((VLOOKUP($A78,városok!$A$2:$C$346,2,0)-VLOOKUP(J$1,városok!$A$2:$C$346,2,0))^2+(VLOOKUP($A78,városok!$A$2:$C$346,3,0)-VLOOKUP(J$1,városok!$A$2:$C$346,3,0))^2)/1000,0)</f>
        <v>194</v>
      </c>
      <c r="K78">
        <f ca="1">ROUND(SQRT((VLOOKUP($A78,városok!$A$2:$C$346,2,0)-VLOOKUP(K$1,városok!$A$2:$C$346,2,0))^2+(VLOOKUP($A78,városok!$A$2:$C$346,3,0)-VLOOKUP(K$1,városok!$A$2:$C$346,3,0))^2)/1000,0)</f>
        <v>193</v>
      </c>
      <c r="L78">
        <f ca="1">ROUND(SQRT((VLOOKUP($A78,városok!$A$2:$C$346,2,0)-VLOOKUP(L$1,városok!$A$2:$C$346,2,0))^2+(VLOOKUP($A78,városok!$A$2:$C$346,3,0)-VLOOKUP(L$1,városok!$A$2:$C$346,3,0))^2)/1000,0)</f>
        <v>16</v>
      </c>
      <c r="M78">
        <f ca="1">ROUND(SQRT((VLOOKUP($A78,városok!$A$2:$C$346,2,0)-VLOOKUP(M$1,városok!$A$2:$C$346,2,0))^2+(VLOOKUP($A78,városok!$A$2:$C$346,3,0)-VLOOKUP(M$1,városok!$A$2:$C$346,3,0))^2)/1000,0)</f>
        <v>34</v>
      </c>
      <c r="N78">
        <f ca="1">ROUND(SQRT((VLOOKUP($A78,városok!$A$2:$C$346,2,0)-VLOOKUP(N$1,városok!$A$2:$C$346,2,0))^2+(VLOOKUP($A78,városok!$A$2:$C$346,3,0)-VLOOKUP(N$1,városok!$A$2:$C$346,3,0))^2)/1000,0)</f>
        <v>13</v>
      </c>
      <c r="O78">
        <f ca="1">ROUND(SQRT((VLOOKUP($A78,városok!$A$2:$C$346,2,0)-VLOOKUP(O$1,városok!$A$2:$C$346,2,0))^2+(VLOOKUP($A78,városok!$A$2:$C$346,3,0)-VLOOKUP(O$1,városok!$A$2:$C$346,3,0))^2)/1000,0)</f>
        <v>91</v>
      </c>
      <c r="P78">
        <f ca="1">ROUND(SQRT((VLOOKUP($A78,városok!$A$2:$C$346,2,0)-VLOOKUP(P$1,városok!$A$2:$C$346,2,0))^2+(VLOOKUP($A78,városok!$A$2:$C$346,3,0)-VLOOKUP(P$1,városok!$A$2:$C$346,3,0))^2)/1000,0)</f>
        <v>91</v>
      </c>
      <c r="Q78">
        <f ca="1">ROUND(SQRT((VLOOKUP($A78,városok!$A$2:$C$346,2,0)-VLOOKUP(Q$1,városok!$A$2:$C$346,2,0))^2+(VLOOKUP($A78,városok!$A$2:$C$346,3,0)-VLOOKUP(Q$1,városok!$A$2:$C$346,3,0))^2)/1000,0)</f>
        <v>208</v>
      </c>
      <c r="R78">
        <f ca="1">ROUND(SQRT((VLOOKUP($A78,városok!$A$2:$C$346,2,0)-VLOOKUP(R$1,városok!$A$2:$C$346,2,0))^2+(VLOOKUP($A78,városok!$A$2:$C$346,3,0)-VLOOKUP(R$1,városok!$A$2:$C$346,3,0))^2)/1000,0)</f>
        <v>231</v>
      </c>
      <c r="S78">
        <f ca="1">ROUND(SQRT((VLOOKUP($A78,városok!$A$2:$C$346,2,0)-VLOOKUP(S$1,városok!$A$2:$C$346,2,0))^2+(VLOOKUP($A78,városok!$A$2:$C$346,3,0)-VLOOKUP(S$1,városok!$A$2:$C$346,3,0))^2)/1000,0)</f>
        <v>228</v>
      </c>
      <c r="T78">
        <f ca="1">ROUND(SQRT((VLOOKUP($A78,városok!$A$2:$C$346,2,0)-VLOOKUP(T$1,városok!$A$2:$C$346,2,0))^2+(VLOOKUP($A78,városok!$A$2:$C$346,3,0)-VLOOKUP(T$1,városok!$A$2:$C$346,3,0))^2)/1000,0)</f>
        <v>161</v>
      </c>
      <c r="U78">
        <f ca="1">ROUND(SQRT((VLOOKUP($A78,városok!$A$2:$C$346,2,0)-VLOOKUP(U$1,városok!$A$2:$C$346,2,0))^2+(VLOOKUP($A78,városok!$A$2:$C$346,3,0)-VLOOKUP(U$1,városok!$A$2:$C$346,3,0))^2)/1000,0)</f>
        <v>185</v>
      </c>
      <c r="V78">
        <f ca="1">ROUND(SQRT((VLOOKUP($A78,városok!$A$2:$C$346,2,0)-VLOOKUP(V$1,városok!$A$2:$C$346,2,0))^2+(VLOOKUP($A78,városok!$A$2:$C$346,3,0)-VLOOKUP(V$1,városok!$A$2:$C$346,3,0))^2)/1000,0)</f>
        <v>211</v>
      </c>
      <c r="W78">
        <f ca="1">ROUND(SQRT((VLOOKUP($A78,városok!$A$2:$C$346,2,0)-VLOOKUP(W$1,városok!$A$2:$C$346,2,0))^2+(VLOOKUP($A78,városok!$A$2:$C$346,3,0)-VLOOKUP(W$1,városok!$A$2:$C$346,3,0))^2)/1000,0)</f>
        <v>207</v>
      </c>
      <c r="X78">
        <f ca="1">ROUND(SQRT((VLOOKUP($A78,városok!$A$2:$C$346,2,0)-VLOOKUP(X$1,városok!$A$2:$C$346,2,0))^2+(VLOOKUP($A78,városok!$A$2:$C$346,3,0)-VLOOKUP(X$1,városok!$A$2:$C$346,3,0))^2)/1000,0)</f>
        <v>193</v>
      </c>
      <c r="Y78">
        <f ca="1">ROUND(SQRT((VLOOKUP($A78,városok!$A$2:$C$346,2,0)-VLOOKUP(Y$1,városok!$A$2:$C$346,2,0))^2+(VLOOKUP($A78,városok!$A$2:$C$346,3,0)-VLOOKUP(Y$1,városok!$A$2:$C$346,3,0))^2)/1000,0)</f>
        <v>219</v>
      </c>
      <c r="Z78">
        <f ca="1">ROUND(SQRT((VLOOKUP($A78,városok!$A$2:$C$346,2,0)-VLOOKUP(Z$1,városok!$A$2:$C$346,2,0))^2+(VLOOKUP($A78,városok!$A$2:$C$346,3,0)-VLOOKUP(Z$1,városok!$A$2:$C$346,3,0))^2)/1000,0)</f>
        <v>235</v>
      </c>
      <c r="AA78">
        <f ca="1">ROUND(SQRT((VLOOKUP($A78,városok!$A$2:$C$346,2,0)-VLOOKUP(AA$1,városok!$A$2:$C$346,2,0))^2+(VLOOKUP($A78,városok!$A$2:$C$346,3,0)-VLOOKUP(AA$1,városok!$A$2:$C$346,3,0))^2)/1000,0)</f>
        <v>295</v>
      </c>
      <c r="AB78">
        <f ca="1">ROUND(SQRT((VLOOKUP($A78,városok!$A$2:$C$346,2,0)-VLOOKUP(AB$1,városok!$A$2:$C$346,2,0))^2+(VLOOKUP($A78,városok!$A$2:$C$346,3,0)-VLOOKUP(AB$1,városok!$A$2:$C$346,3,0))^2)/1000,0)</f>
        <v>123</v>
      </c>
      <c r="AC78">
        <f ca="1">ROUND(SQRT((VLOOKUP($A78,városok!$A$2:$C$346,2,0)-VLOOKUP(AC$1,városok!$A$2:$C$346,2,0))^2+(VLOOKUP($A78,városok!$A$2:$C$346,3,0)-VLOOKUP(AC$1,városok!$A$2:$C$346,3,0))^2)/1000,0)</f>
        <v>119</v>
      </c>
      <c r="AD78">
        <f ca="1">ROUND(SQRT((VLOOKUP($A78,városok!$A$2:$C$346,2,0)-VLOOKUP(AD$1,városok!$A$2:$C$346,2,0))^2+(VLOOKUP($A78,városok!$A$2:$C$346,3,0)-VLOOKUP(AD$1,városok!$A$2:$C$346,3,0))^2)/1000,0)</f>
        <v>110</v>
      </c>
      <c r="AE78">
        <f ca="1">ROUND(SQRT((VLOOKUP($A78,városok!$A$2:$C$346,2,0)-VLOOKUP(AE$1,városok!$A$2:$C$346,2,0))^2+(VLOOKUP($A78,városok!$A$2:$C$346,3,0)-VLOOKUP(AE$1,városok!$A$2:$C$346,3,0))^2)/1000,0)</f>
        <v>125</v>
      </c>
      <c r="AF78">
        <f ca="1">ROUND(SQRT((VLOOKUP($A78,városok!$A$2:$C$346,2,0)-VLOOKUP(AF$1,városok!$A$2:$C$346,2,0))^2+(VLOOKUP($A78,városok!$A$2:$C$346,3,0)-VLOOKUP(AF$1,városok!$A$2:$C$346,3,0))^2)/1000,0)</f>
        <v>44</v>
      </c>
      <c r="AG78">
        <f ca="1">ROUND(SQRT((VLOOKUP($A78,városok!$A$2:$C$346,2,0)-VLOOKUP(AG$1,városok!$A$2:$C$346,2,0))^2+(VLOOKUP($A78,városok!$A$2:$C$346,3,0)-VLOOKUP(AG$1,városok!$A$2:$C$346,3,0))^2)/1000,0)</f>
        <v>68</v>
      </c>
      <c r="AH78">
        <f ca="1">ROUND(SQRT((VLOOKUP($A78,városok!$A$2:$C$346,2,0)-VLOOKUP(AH$1,városok!$A$2:$C$346,2,0))^2+(VLOOKUP($A78,városok!$A$2:$C$346,3,0)-VLOOKUP(AH$1,városok!$A$2:$C$346,3,0))^2)/1000,0)</f>
        <v>90</v>
      </c>
      <c r="AI78">
        <f ca="1">ROUND(SQRT((VLOOKUP($A78,városok!$A$2:$C$346,2,0)-VLOOKUP(AI$1,városok!$A$2:$C$346,2,0))^2+(VLOOKUP($A78,városok!$A$2:$C$346,3,0)-VLOOKUP(AI$1,városok!$A$2:$C$346,3,0))^2)/1000,0)</f>
        <v>39</v>
      </c>
      <c r="AJ78">
        <f ca="1">ROUND(SQRT((VLOOKUP($A78,városok!$A$2:$C$346,2,0)-VLOOKUP(AJ$1,városok!$A$2:$C$346,2,0))^2+(VLOOKUP($A78,városok!$A$2:$C$346,3,0)-VLOOKUP(AJ$1,városok!$A$2:$C$346,3,0))^2)/1000,0)</f>
        <v>80</v>
      </c>
      <c r="AK78">
        <f ca="1">ROUND(SQRT((VLOOKUP($A78,városok!$A$2:$C$346,2,0)-VLOOKUP(AK$1,városok!$A$2:$C$346,2,0))^2+(VLOOKUP($A78,városok!$A$2:$C$346,3,0)-VLOOKUP(AK$1,városok!$A$2:$C$346,3,0))^2)/1000,0)</f>
        <v>119</v>
      </c>
      <c r="AL78">
        <f ca="1">ROUND(SQRT((VLOOKUP($A78,városok!$A$2:$C$346,2,0)-VLOOKUP(AL$1,városok!$A$2:$C$346,2,0))^2+(VLOOKUP($A78,városok!$A$2:$C$346,3,0)-VLOOKUP(AL$1,városok!$A$2:$C$346,3,0))^2)/1000,0)</f>
        <v>104</v>
      </c>
      <c r="AM78">
        <f ca="1">ROUND(SQRT((VLOOKUP($A78,városok!$A$2:$C$346,2,0)-VLOOKUP(AM$1,városok!$A$2:$C$346,2,0))^2+(VLOOKUP($A78,városok!$A$2:$C$346,3,0)-VLOOKUP(AM$1,városok!$A$2:$C$346,3,0))^2)/1000,0)</f>
        <v>125</v>
      </c>
      <c r="AN78">
        <f ca="1">ROUND(SQRT((VLOOKUP($A78,városok!$A$2:$C$346,2,0)-VLOOKUP(AN$1,városok!$A$2:$C$346,2,0))^2+(VLOOKUP($A78,városok!$A$2:$C$346,3,0)-VLOOKUP(AN$1,városok!$A$2:$C$346,3,0))^2)/1000,0)</f>
        <v>138</v>
      </c>
      <c r="AO78">
        <f ca="1">ROUND(SQRT((VLOOKUP($A78,városok!$A$2:$C$346,2,0)-VLOOKUP(AO$1,városok!$A$2:$C$346,2,0))^2+(VLOOKUP($A78,városok!$A$2:$C$346,3,0)-VLOOKUP(AO$1,városok!$A$2:$C$346,3,0))^2)/1000,0)</f>
        <v>183</v>
      </c>
      <c r="AP78">
        <f ca="1">ROUND(SQRT((VLOOKUP($A78,városok!$A$2:$C$346,2,0)-VLOOKUP(AP$1,városok!$A$2:$C$346,2,0))^2+(VLOOKUP($A78,városok!$A$2:$C$346,3,0)-VLOOKUP(AP$1,városok!$A$2:$C$346,3,0))^2)/1000,0)</f>
        <v>173</v>
      </c>
      <c r="AQ78">
        <f ca="1">ROUND(SQRT((VLOOKUP($A78,városok!$A$2:$C$346,2,0)-VLOOKUP(AQ$1,városok!$A$2:$C$346,2,0))^2+(VLOOKUP($A78,városok!$A$2:$C$346,3,0)-VLOOKUP(AQ$1,városok!$A$2:$C$346,3,0))^2)/1000,0)</f>
        <v>171</v>
      </c>
      <c r="AR78">
        <f ca="1">ROUND(SQRT((VLOOKUP($A78,városok!$A$2:$C$346,2,0)-VLOOKUP(AR$1,városok!$A$2:$C$346,2,0))^2+(VLOOKUP($A78,városok!$A$2:$C$346,3,0)-VLOOKUP(AR$1,városok!$A$2:$C$346,3,0))^2)/1000,0)</f>
        <v>69</v>
      </c>
      <c r="AS78">
        <f ca="1">ROUND(SQRT((VLOOKUP($A78,városok!$A$2:$C$346,2,0)-VLOOKUP(AS$1,városok!$A$2:$C$346,2,0))^2+(VLOOKUP($A78,városok!$A$2:$C$346,3,0)-VLOOKUP(AS$1,városok!$A$2:$C$346,3,0))^2)/1000,0)</f>
        <v>50</v>
      </c>
      <c r="AT78">
        <f ca="1">ROUND(SQRT((VLOOKUP($A78,városok!$A$2:$C$346,2,0)-VLOOKUP(AT$1,városok!$A$2:$C$346,2,0))^2+(VLOOKUP($A78,városok!$A$2:$C$346,3,0)-VLOOKUP(AT$1,városok!$A$2:$C$346,3,0))^2)/1000,0)</f>
        <v>151</v>
      </c>
      <c r="AU78">
        <f ca="1">ROUND(SQRT((VLOOKUP($A78,városok!$A$2:$C$346,2,0)-VLOOKUP(AU$1,városok!$A$2:$C$346,2,0))^2+(VLOOKUP($A78,városok!$A$2:$C$346,3,0)-VLOOKUP(AU$1,városok!$A$2:$C$346,3,0))^2)/1000,0)</f>
        <v>144</v>
      </c>
      <c r="AV78">
        <f ca="1">ROUND(SQRT((VLOOKUP($A78,városok!$A$2:$C$346,2,0)-VLOOKUP(AV$1,városok!$A$2:$C$346,2,0))^2+(VLOOKUP($A78,városok!$A$2:$C$346,3,0)-VLOOKUP(AV$1,városok!$A$2:$C$346,3,0))^2)/1000,0)</f>
        <v>148</v>
      </c>
      <c r="AW78">
        <f ca="1">ROUND(SQRT((VLOOKUP($A78,városok!$A$2:$C$346,2,0)-VLOOKUP(AW$1,városok!$A$2:$C$346,2,0))^2+(VLOOKUP($A78,városok!$A$2:$C$346,3,0)-VLOOKUP(AW$1,városok!$A$2:$C$346,3,0))^2)/1000,0)</f>
        <v>151</v>
      </c>
      <c r="AX78">
        <f ca="1">ROUND(SQRT((VLOOKUP($A78,városok!$A$2:$C$346,2,0)-VLOOKUP(AX$1,városok!$A$2:$C$346,2,0))^2+(VLOOKUP($A78,városok!$A$2:$C$346,3,0)-VLOOKUP(AX$1,városok!$A$2:$C$346,3,0))^2)/1000,0)</f>
        <v>149</v>
      </c>
      <c r="AY78">
        <f ca="1">ROUND(SQRT((VLOOKUP($A78,városok!$A$2:$C$346,2,0)-VLOOKUP(AY$1,városok!$A$2:$C$346,2,0))^2+(VLOOKUP($A78,városok!$A$2:$C$346,3,0)-VLOOKUP(AY$1,városok!$A$2:$C$346,3,0))^2)/1000,0)</f>
        <v>123</v>
      </c>
      <c r="AZ78">
        <f ca="1">ROUND(SQRT((VLOOKUP($A78,városok!$A$2:$C$346,2,0)-VLOOKUP(AZ$1,városok!$A$2:$C$346,2,0))^2+(VLOOKUP($A78,városok!$A$2:$C$346,3,0)-VLOOKUP(AZ$1,városok!$A$2:$C$346,3,0))^2)/1000,0)</f>
        <v>123</v>
      </c>
      <c r="BA78">
        <f ca="1">ROUND(SQRT((VLOOKUP($A78,városok!$A$2:$C$346,2,0)-VLOOKUP(BA$1,városok!$A$2:$C$346,2,0))^2+(VLOOKUP($A78,városok!$A$2:$C$346,3,0)-VLOOKUP(BA$1,városok!$A$2:$C$346,3,0))^2)/1000,0)</f>
        <v>265</v>
      </c>
      <c r="BB78">
        <f ca="1">ROUND(SQRT((VLOOKUP($A78,városok!$A$2:$C$346,2,0)-VLOOKUP(BB$1,városok!$A$2:$C$346,2,0))^2+(VLOOKUP($A78,városok!$A$2:$C$346,3,0)-VLOOKUP(BB$1,városok!$A$2:$C$346,3,0))^2)/1000,0)</f>
        <v>271</v>
      </c>
      <c r="BC78">
        <f ca="1">ROUND(SQRT((VLOOKUP($A78,városok!$A$2:$C$346,2,0)-VLOOKUP(BC$1,városok!$A$2:$C$346,2,0))^2+(VLOOKUP($A78,városok!$A$2:$C$346,3,0)-VLOOKUP(BC$1,városok!$A$2:$C$346,3,0))^2)/1000,0)</f>
        <v>293</v>
      </c>
      <c r="BD78">
        <f ca="1">ROUND(SQRT((VLOOKUP($A78,városok!$A$2:$C$346,2,0)-VLOOKUP(BD$1,városok!$A$2:$C$346,2,0))^2+(VLOOKUP($A78,városok!$A$2:$C$346,3,0)-VLOOKUP(BD$1,városok!$A$2:$C$346,3,0))^2)/1000,0)</f>
        <v>235</v>
      </c>
      <c r="BE78">
        <f ca="1">ROUND(SQRT((VLOOKUP($A78,városok!$A$2:$C$346,2,0)-VLOOKUP(BE$1,városok!$A$2:$C$346,2,0))^2+(VLOOKUP($A78,városok!$A$2:$C$346,3,0)-VLOOKUP(BE$1,városok!$A$2:$C$346,3,0))^2)/1000,0)</f>
        <v>174</v>
      </c>
      <c r="BF78">
        <f ca="1">ROUND(SQRT((VLOOKUP($A78,városok!$A$2:$C$346,2,0)-VLOOKUP(BF$1,városok!$A$2:$C$346,2,0))^2+(VLOOKUP($A78,városok!$A$2:$C$346,3,0)-VLOOKUP(BF$1,városok!$A$2:$C$346,3,0))^2)/1000,0)</f>
        <v>122</v>
      </c>
      <c r="BG78">
        <f ca="1">ROUND(SQRT((VLOOKUP($A78,városok!$A$2:$C$346,2,0)-VLOOKUP(BG$1,városok!$A$2:$C$346,2,0))^2+(VLOOKUP($A78,városok!$A$2:$C$346,3,0)-VLOOKUP(BG$1,városok!$A$2:$C$346,3,0))^2)/1000,0)</f>
        <v>79</v>
      </c>
      <c r="BH78">
        <f ca="1">ROUND(SQRT((VLOOKUP($A78,városok!$A$2:$C$346,2,0)-VLOOKUP(BH$1,városok!$A$2:$C$346,2,0))^2+(VLOOKUP($A78,városok!$A$2:$C$346,3,0)-VLOOKUP(BH$1,városok!$A$2:$C$346,3,0))^2)/1000,0)</f>
        <v>79</v>
      </c>
      <c r="BI78">
        <f ca="1">ROUND(SQRT((VLOOKUP($A78,városok!$A$2:$C$346,2,0)-VLOOKUP(BI$1,városok!$A$2:$C$346,2,0))^2+(VLOOKUP($A78,városok!$A$2:$C$346,3,0)-VLOOKUP(BI$1,városok!$A$2:$C$346,3,0))^2)/1000,0)</f>
        <v>251</v>
      </c>
      <c r="BJ78">
        <f ca="1">ROUND(SQRT((VLOOKUP($A78,városok!$A$2:$C$346,2,0)-VLOOKUP(BJ$1,városok!$A$2:$C$346,2,0))^2+(VLOOKUP($A78,városok!$A$2:$C$346,3,0)-VLOOKUP(BJ$1,városok!$A$2:$C$346,3,0))^2)/1000,0)</f>
        <v>269</v>
      </c>
      <c r="BK78">
        <f ca="1">ROUND(SQRT((VLOOKUP($A78,városok!$A$2:$C$346,2,0)-VLOOKUP(BK$1,városok!$A$2:$C$346,2,0))^2+(VLOOKUP($A78,városok!$A$2:$C$346,3,0)-VLOOKUP(BK$1,városok!$A$2:$C$346,3,0))^2)/1000,0)</f>
        <v>252</v>
      </c>
      <c r="BL78">
        <f ca="1">ROUND(SQRT((VLOOKUP($A78,városok!$A$2:$C$346,2,0)-VLOOKUP(BL$1,városok!$A$2:$C$346,2,0))^2+(VLOOKUP($A78,városok!$A$2:$C$346,3,0)-VLOOKUP(BL$1,városok!$A$2:$C$346,3,0))^2)/1000,0)</f>
        <v>321</v>
      </c>
      <c r="BM78">
        <f ca="1">ROUND(SQRT((VLOOKUP($A78,városok!$A$2:$C$346,2,0)-VLOOKUP(BM$1,városok!$A$2:$C$346,2,0))^2+(VLOOKUP($A78,városok!$A$2:$C$346,3,0)-VLOOKUP(BM$1,városok!$A$2:$C$346,3,0))^2)/1000,0)</f>
        <v>287</v>
      </c>
      <c r="BN78">
        <f ca="1">ROUND(SQRT((VLOOKUP($A78,városok!$A$2:$C$346,2,0)-VLOOKUP(BN$1,városok!$A$2:$C$346,2,0))^2+(VLOOKUP($A78,városok!$A$2:$C$346,3,0)-VLOOKUP(BN$1,városok!$A$2:$C$346,3,0))^2)/1000,0)</f>
        <v>309</v>
      </c>
      <c r="BO78">
        <f ca="1">ROUND(SQRT((VLOOKUP($A78,városok!$A$2:$C$346,2,0)-VLOOKUP(BO$1,városok!$A$2:$C$346,2,0))^2+(VLOOKUP($A78,városok!$A$2:$C$346,3,0)-VLOOKUP(BO$1,városok!$A$2:$C$346,3,0))^2)/1000,0)</f>
        <v>230</v>
      </c>
      <c r="BP78">
        <f ca="1">ROUND(SQRT((VLOOKUP($A78,városok!$A$2:$C$346,2,0)-VLOOKUP(BP$1,városok!$A$2:$C$346,2,0))^2+(VLOOKUP($A78,városok!$A$2:$C$346,3,0)-VLOOKUP(BP$1,városok!$A$2:$C$346,3,0))^2)/1000,0)</f>
        <v>223</v>
      </c>
      <c r="BQ78">
        <f ca="1">ROUND(SQRT((VLOOKUP($A78,városok!$A$2:$C$346,2,0)-VLOOKUP(BQ$1,városok!$A$2:$C$346,2,0))^2+(VLOOKUP($A78,városok!$A$2:$C$346,3,0)-VLOOKUP(BQ$1,városok!$A$2:$C$346,3,0))^2)/1000,0)</f>
        <v>232</v>
      </c>
      <c r="BR78">
        <f ca="1">ROUND(SQRT((VLOOKUP($A78,városok!$A$2:$C$346,2,0)-VLOOKUP(BR$1,városok!$A$2:$C$346,2,0))^2+(VLOOKUP($A78,városok!$A$2:$C$346,3,0)-VLOOKUP(BR$1,városok!$A$2:$C$346,3,0))^2)/1000,0)</f>
        <v>293</v>
      </c>
      <c r="BS78">
        <f ca="1">ROUND(SQRT((VLOOKUP($A78,városok!$A$2:$C$346,2,0)-VLOOKUP(BS$1,városok!$A$2:$C$346,2,0))^2+(VLOOKUP($A78,városok!$A$2:$C$346,3,0)-VLOOKUP(BS$1,városok!$A$2:$C$346,3,0))^2)/1000,0)</f>
        <v>331</v>
      </c>
      <c r="BT78">
        <f ca="1">ROUND(SQRT((VLOOKUP($A78,városok!$A$2:$C$346,2,0)-VLOOKUP(BT$1,városok!$A$2:$C$346,2,0))^2+(VLOOKUP($A78,városok!$A$2:$C$346,3,0)-VLOOKUP(BT$1,városok!$A$2:$C$346,3,0))^2)/1000,0)</f>
        <v>315</v>
      </c>
    </row>
    <row r="79" spans="1:72" x14ac:dyDescent="0.2">
      <c r="A79" t="str">
        <f>városok!A79</f>
        <v>Rudabánya</v>
      </c>
      <c r="B79">
        <f ca="1">ROUND(SQRT((VLOOKUP($A79,városok!$A$2:$C$346,2,0)-VLOOKUP(B$1,városok!$A$2:$C$346,2,0))^2+(VLOOKUP($A79,városok!$A$2:$C$346,3,0)-VLOOKUP(B$1,városok!$A$2:$C$346,3,0))^2)/1000,0)</f>
        <v>274</v>
      </c>
      <c r="C79">
        <f ca="1">ROUND(SQRT((VLOOKUP($A79,városok!$A$2:$C$346,2,0)-VLOOKUP(C$1,városok!$A$2:$C$346,2,0))^2+(VLOOKUP($A79,városok!$A$2:$C$346,3,0)-VLOOKUP(C$1,városok!$A$2:$C$346,3,0))^2)/1000,0)</f>
        <v>240</v>
      </c>
      <c r="D79">
        <f ca="1">ROUND(SQRT((VLOOKUP($A79,városok!$A$2:$C$346,2,0)-VLOOKUP(D$1,városok!$A$2:$C$346,2,0))^2+(VLOOKUP($A79,városok!$A$2:$C$346,3,0)-VLOOKUP(D$1,városok!$A$2:$C$346,3,0))^2)/1000,0)</f>
        <v>178</v>
      </c>
      <c r="E79">
        <f ca="1">ROUND(SQRT((VLOOKUP($A79,városok!$A$2:$C$346,2,0)-VLOOKUP(E$1,városok!$A$2:$C$346,2,0))^2+(VLOOKUP($A79,városok!$A$2:$C$346,3,0)-VLOOKUP(E$1,városok!$A$2:$C$346,3,0))^2)/1000,0)</f>
        <v>302</v>
      </c>
      <c r="F79">
        <f ca="1">ROUND(SQRT((VLOOKUP($A79,városok!$A$2:$C$346,2,0)-VLOOKUP(F$1,városok!$A$2:$C$346,2,0))^2+(VLOOKUP($A79,városok!$A$2:$C$346,3,0)-VLOOKUP(F$1,városok!$A$2:$C$346,3,0))^2)/1000,0)</f>
        <v>303</v>
      </c>
      <c r="G79">
        <f ca="1">ROUND(SQRT((VLOOKUP($A79,városok!$A$2:$C$346,2,0)-VLOOKUP(G$1,városok!$A$2:$C$346,2,0))^2+(VLOOKUP($A79,városok!$A$2:$C$346,3,0)-VLOOKUP(G$1,városok!$A$2:$C$346,3,0))^2)/1000,0)</f>
        <v>312</v>
      </c>
      <c r="H79">
        <f ca="1">ROUND(SQRT((VLOOKUP($A79,városok!$A$2:$C$346,2,0)-VLOOKUP(H$1,városok!$A$2:$C$346,2,0))^2+(VLOOKUP($A79,városok!$A$2:$C$346,3,0)-VLOOKUP(H$1,városok!$A$2:$C$346,3,0))^2)/1000,0)</f>
        <v>336</v>
      </c>
      <c r="I79">
        <f ca="1">ROUND(SQRT((VLOOKUP($A79,városok!$A$2:$C$346,2,0)-VLOOKUP(I$1,városok!$A$2:$C$346,2,0))^2+(VLOOKUP($A79,városok!$A$2:$C$346,3,0)-VLOOKUP(I$1,városok!$A$2:$C$346,3,0))^2)/1000,0)</f>
        <v>192</v>
      </c>
      <c r="J79">
        <f ca="1">ROUND(SQRT((VLOOKUP($A79,városok!$A$2:$C$346,2,0)-VLOOKUP(J$1,városok!$A$2:$C$346,2,0))^2+(VLOOKUP($A79,városok!$A$2:$C$346,3,0)-VLOOKUP(J$1,városok!$A$2:$C$346,3,0))^2)/1000,0)</f>
        <v>199</v>
      </c>
      <c r="K79">
        <f ca="1">ROUND(SQRT((VLOOKUP($A79,városok!$A$2:$C$346,2,0)-VLOOKUP(K$1,városok!$A$2:$C$346,2,0))^2+(VLOOKUP($A79,városok!$A$2:$C$346,3,0)-VLOOKUP(K$1,városok!$A$2:$C$346,3,0))^2)/1000,0)</f>
        <v>202</v>
      </c>
      <c r="L79">
        <f ca="1">ROUND(SQRT((VLOOKUP($A79,városok!$A$2:$C$346,2,0)-VLOOKUP(L$1,városok!$A$2:$C$346,2,0))^2+(VLOOKUP($A79,városok!$A$2:$C$346,3,0)-VLOOKUP(L$1,városok!$A$2:$C$346,3,0))^2)/1000,0)</f>
        <v>14</v>
      </c>
      <c r="M79">
        <f ca="1">ROUND(SQRT((VLOOKUP($A79,városok!$A$2:$C$346,2,0)-VLOOKUP(M$1,városok!$A$2:$C$346,2,0))^2+(VLOOKUP($A79,városok!$A$2:$C$346,3,0)-VLOOKUP(M$1,városok!$A$2:$C$346,3,0))^2)/1000,0)</f>
        <v>33</v>
      </c>
      <c r="N79">
        <f ca="1">ROUND(SQRT((VLOOKUP($A79,városok!$A$2:$C$346,2,0)-VLOOKUP(N$1,városok!$A$2:$C$346,2,0))^2+(VLOOKUP($A79,városok!$A$2:$C$346,3,0)-VLOOKUP(N$1,városok!$A$2:$C$346,3,0))^2)/1000,0)</f>
        <v>30</v>
      </c>
      <c r="O79">
        <f ca="1">ROUND(SQRT((VLOOKUP($A79,városok!$A$2:$C$346,2,0)-VLOOKUP(O$1,városok!$A$2:$C$346,2,0))^2+(VLOOKUP($A79,városok!$A$2:$C$346,3,0)-VLOOKUP(O$1,városok!$A$2:$C$346,3,0))^2)/1000,0)</f>
        <v>77</v>
      </c>
      <c r="P79">
        <f ca="1">ROUND(SQRT((VLOOKUP($A79,városok!$A$2:$C$346,2,0)-VLOOKUP(P$1,városok!$A$2:$C$346,2,0))^2+(VLOOKUP($A79,városok!$A$2:$C$346,3,0)-VLOOKUP(P$1,városok!$A$2:$C$346,3,0))^2)/1000,0)</f>
        <v>77</v>
      </c>
      <c r="Q79">
        <f ca="1">ROUND(SQRT((VLOOKUP($A79,városok!$A$2:$C$346,2,0)-VLOOKUP(Q$1,városok!$A$2:$C$346,2,0))^2+(VLOOKUP($A79,városok!$A$2:$C$346,3,0)-VLOOKUP(Q$1,városok!$A$2:$C$346,3,0))^2)/1000,0)</f>
        <v>219</v>
      </c>
      <c r="R79">
        <f ca="1">ROUND(SQRT((VLOOKUP($A79,városok!$A$2:$C$346,2,0)-VLOOKUP(R$1,városok!$A$2:$C$346,2,0))^2+(VLOOKUP($A79,városok!$A$2:$C$346,3,0)-VLOOKUP(R$1,városok!$A$2:$C$346,3,0))^2)/1000,0)</f>
        <v>240</v>
      </c>
      <c r="S79">
        <f ca="1">ROUND(SQRT((VLOOKUP($A79,városok!$A$2:$C$346,2,0)-VLOOKUP(S$1,városok!$A$2:$C$346,2,0))^2+(VLOOKUP($A79,városok!$A$2:$C$346,3,0)-VLOOKUP(S$1,városok!$A$2:$C$346,3,0))^2)/1000,0)</f>
        <v>239</v>
      </c>
      <c r="T79">
        <f ca="1">ROUND(SQRT((VLOOKUP($A79,városok!$A$2:$C$346,2,0)-VLOOKUP(T$1,városok!$A$2:$C$346,2,0))^2+(VLOOKUP($A79,városok!$A$2:$C$346,3,0)-VLOOKUP(T$1,városok!$A$2:$C$346,3,0))^2)/1000,0)</f>
        <v>178</v>
      </c>
      <c r="U79">
        <f ca="1">ROUND(SQRT((VLOOKUP($A79,városok!$A$2:$C$346,2,0)-VLOOKUP(U$1,városok!$A$2:$C$346,2,0))^2+(VLOOKUP($A79,városok!$A$2:$C$346,3,0)-VLOOKUP(U$1,városok!$A$2:$C$346,3,0))^2)/1000,0)</f>
        <v>201</v>
      </c>
      <c r="V79">
        <f ca="1">ROUND(SQRT((VLOOKUP($A79,városok!$A$2:$C$346,2,0)-VLOOKUP(V$1,városok!$A$2:$C$346,2,0))^2+(VLOOKUP($A79,városok!$A$2:$C$346,3,0)-VLOOKUP(V$1,városok!$A$2:$C$346,3,0))^2)/1000,0)</f>
        <v>227</v>
      </c>
      <c r="W79">
        <f ca="1">ROUND(SQRT((VLOOKUP($A79,városok!$A$2:$C$346,2,0)-VLOOKUP(W$1,városok!$A$2:$C$346,2,0))^2+(VLOOKUP($A79,városok!$A$2:$C$346,3,0)-VLOOKUP(W$1,városok!$A$2:$C$346,3,0))^2)/1000,0)</f>
        <v>223</v>
      </c>
      <c r="X79">
        <f ca="1">ROUND(SQRT((VLOOKUP($A79,városok!$A$2:$C$346,2,0)-VLOOKUP(X$1,városok!$A$2:$C$346,2,0))^2+(VLOOKUP($A79,városok!$A$2:$C$346,3,0)-VLOOKUP(X$1,városok!$A$2:$C$346,3,0))^2)/1000,0)</f>
        <v>210</v>
      </c>
      <c r="Y79">
        <f ca="1">ROUND(SQRT((VLOOKUP($A79,városok!$A$2:$C$346,2,0)-VLOOKUP(Y$1,városok!$A$2:$C$346,2,0))^2+(VLOOKUP($A79,városok!$A$2:$C$346,3,0)-VLOOKUP(Y$1,városok!$A$2:$C$346,3,0))^2)/1000,0)</f>
        <v>235</v>
      </c>
      <c r="Z79">
        <f ca="1">ROUND(SQRT((VLOOKUP($A79,városok!$A$2:$C$346,2,0)-VLOOKUP(Z$1,városok!$A$2:$C$346,2,0))^2+(VLOOKUP($A79,városok!$A$2:$C$346,3,0)-VLOOKUP(Z$1,városok!$A$2:$C$346,3,0))^2)/1000,0)</f>
        <v>251</v>
      </c>
      <c r="AA79">
        <f ca="1">ROUND(SQRT((VLOOKUP($A79,városok!$A$2:$C$346,2,0)-VLOOKUP(AA$1,városok!$A$2:$C$346,2,0))^2+(VLOOKUP($A79,városok!$A$2:$C$346,3,0)-VLOOKUP(AA$1,városok!$A$2:$C$346,3,0))^2)/1000,0)</f>
        <v>311</v>
      </c>
      <c r="AB79">
        <f ca="1">ROUND(SQRT((VLOOKUP($A79,városok!$A$2:$C$346,2,0)-VLOOKUP(AB$1,városok!$A$2:$C$346,2,0))^2+(VLOOKUP($A79,városok!$A$2:$C$346,3,0)-VLOOKUP(AB$1,városok!$A$2:$C$346,3,0))^2)/1000,0)</f>
        <v>121</v>
      </c>
      <c r="AC79">
        <f ca="1">ROUND(SQRT((VLOOKUP($A79,városok!$A$2:$C$346,2,0)-VLOOKUP(AC$1,városok!$A$2:$C$346,2,0))^2+(VLOOKUP($A79,városok!$A$2:$C$346,3,0)-VLOOKUP(AC$1,városok!$A$2:$C$346,3,0))^2)/1000,0)</f>
        <v>119</v>
      </c>
      <c r="AD79">
        <f ca="1">ROUND(SQRT((VLOOKUP($A79,városok!$A$2:$C$346,2,0)-VLOOKUP(AD$1,városok!$A$2:$C$346,2,0))^2+(VLOOKUP($A79,városok!$A$2:$C$346,3,0)-VLOOKUP(AD$1,városok!$A$2:$C$346,3,0))^2)/1000,0)</f>
        <v>113</v>
      </c>
      <c r="AE79">
        <f ca="1">ROUND(SQRT((VLOOKUP($A79,városok!$A$2:$C$346,2,0)-VLOOKUP(AE$1,városok!$A$2:$C$346,2,0))^2+(VLOOKUP($A79,városok!$A$2:$C$346,3,0)-VLOOKUP(AE$1,városok!$A$2:$C$346,3,0))^2)/1000,0)</f>
        <v>128</v>
      </c>
      <c r="AF79">
        <f ca="1">ROUND(SQRT((VLOOKUP($A79,városok!$A$2:$C$346,2,0)-VLOOKUP(AF$1,városok!$A$2:$C$346,2,0))^2+(VLOOKUP($A79,városok!$A$2:$C$346,3,0)-VLOOKUP(AF$1,városok!$A$2:$C$346,3,0))^2)/1000,0)</f>
        <v>56</v>
      </c>
      <c r="AG79">
        <f ca="1">ROUND(SQRT((VLOOKUP($A79,városok!$A$2:$C$346,2,0)-VLOOKUP(AG$1,városok!$A$2:$C$346,2,0))^2+(VLOOKUP($A79,városok!$A$2:$C$346,3,0)-VLOOKUP(AG$1,városok!$A$2:$C$346,3,0))^2)/1000,0)</f>
        <v>84</v>
      </c>
      <c r="AH79">
        <f ca="1">ROUND(SQRT((VLOOKUP($A79,városok!$A$2:$C$346,2,0)-VLOOKUP(AH$1,városok!$A$2:$C$346,2,0))^2+(VLOOKUP($A79,városok!$A$2:$C$346,3,0)-VLOOKUP(AH$1,városok!$A$2:$C$346,3,0))^2)/1000,0)</f>
        <v>106</v>
      </c>
      <c r="AI79">
        <f ca="1">ROUND(SQRT((VLOOKUP($A79,városok!$A$2:$C$346,2,0)-VLOOKUP(AI$1,városok!$A$2:$C$346,2,0))^2+(VLOOKUP($A79,városok!$A$2:$C$346,3,0)-VLOOKUP(AI$1,városok!$A$2:$C$346,3,0))^2)/1000,0)</f>
        <v>55</v>
      </c>
      <c r="AJ79">
        <f ca="1">ROUND(SQRT((VLOOKUP($A79,városok!$A$2:$C$346,2,0)-VLOOKUP(AJ$1,városok!$A$2:$C$346,2,0))^2+(VLOOKUP($A79,városok!$A$2:$C$346,3,0)-VLOOKUP(AJ$1,városok!$A$2:$C$346,3,0))^2)/1000,0)</f>
        <v>95</v>
      </c>
      <c r="AK79">
        <f ca="1">ROUND(SQRT((VLOOKUP($A79,városok!$A$2:$C$346,2,0)-VLOOKUP(AK$1,városok!$A$2:$C$346,2,0))^2+(VLOOKUP($A79,városok!$A$2:$C$346,3,0)-VLOOKUP(AK$1,városok!$A$2:$C$346,3,0))^2)/1000,0)</f>
        <v>125</v>
      </c>
      <c r="AL79">
        <f ca="1">ROUND(SQRT((VLOOKUP($A79,városok!$A$2:$C$346,2,0)-VLOOKUP(AL$1,városok!$A$2:$C$346,2,0))^2+(VLOOKUP($A79,városok!$A$2:$C$346,3,0)-VLOOKUP(AL$1,városok!$A$2:$C$346,3,0))^2)/1000,0)</f>
        <v>112</v>
      </c>
      <c r="AM79">
        <f ca="1">ROUND(SQRT((VLOOKUP($A79,városok!$A$2:$C$346,2,0)-VLOOKUP(AM$1,városok!$A$2:$C$346,2,0))^2+(VLOOKUP($A79,városok!$A$2:$C$346,3,0)-VLOOKUP(AM$1,városok!$A$2:$C$346,3,0))^2)/1000,0)</f>
        <v>137</v>
      </c>
      <c r="AN79">
        <f ca="1">ROUND(SQRT((VLOOKUP($A79,városok!$A$2:$C$346,2,0)-VLOOKUP(AN$1,városok!$A$2:$C$346,2,0))^2+(VLOOKUP($A79,városok!$A$2:$C$346,3,0)-VLOOKUP(AN$1,városok!$A$2:$C$346,3,0))^2)/1000,0)</f>
        <v>154</v>
      </c>
      <c r="AO79">
        <f ca="1">ROUND(SQRT((VLOOKUP($A79,városok!$A$2:$C$346,2,0)-VLOOKUP(AO$1,városok!$A$2:$C$346,2,0))^2+(VLOOKUP($A79,városok!$A$2:$C$346,3,0)-VLOOKUP(AO$1,városok!$A$2:$C$346,3,0))^2)/1000,0)</f>
        <v>199</v>
      </c>
      <c r="AP79">
        <f ca="1">ROUND(SQRT((VLOOKUP($A79,városok!$A$2:$C$346,2,0)-VLOOKUP(AP$1,városok!$A$2:$C$346,2,0))^2+(VLOOKUP($A79,városok!$A$2:$C$346,3,0)-VLOOKUP(AP$1,városok!$A$2:$C$346,3,0))^2)/1000,0)</f>
        <v>189</v>
      </c>
      <c r="AQ79">
        <f ca="1">ROUND(SQRT((VLOOKUP($A79,városok!$A$2:$C$346,2,0)-VLOOKUP(AQ$1,városok!$A$2:$C$346,2,0))^2+(VLOOKUP($A79,városok!$A$2:$C$346,3,0)-VLOOKUP(AQ$1,városok!$A$2:$C$346,3,0))^2)/1000,0)</f>
        <v>188</v>
      </c>
      <c r="AR79">
        <f ca="1">ROUND(SQRT((VLOOKUP($A79,városok!$A$2:$C$346,2,0)-VLOOKUP(AR$1,városok!$A$2:$C$346,2,0))^2+(VLOOKUP($A79,városok!$A$2:$C$346,3,0)-VLOOKUP(AR$1,városok!$A$2:$C$346,3,0))^2)/1000,0)</f>
        <v>85</v>
      </c>
      <c r="AS79">
        <f ca="1">ROUND(SQRT((VLOOKUP($A79,városok!$A$2:$C$346,2,0)-VLOOKUP(AS$1,városok!$A$2:$C$346,2,0))^2+(VLOOKUP($A79,városok!$A$2:$C$346,3,0)-VLOOKUP(AS$1,városok!$A$2:$C$346,3,0))^2)/1000,0)</f>
        <v>67</v>
      </c>
      <c r="AT79">
        <f ca="1">ROUND(SQRT((VLOOKUP($A79,városok!$A$2:$C$346,2,0)-VLOOKUP(AT$1,városok!$A$2:$C$346,2,0))^2+(VLOOKUP($A79,városok!$A$2:$C$346,3,0)-VLOOKUP(AT$1,városok!$A$2:$C$346,3,0))^2)/1000,0)</f>
        <v>168</v>
      </c>
      <c r="AU79">
        <f ca="1">ROUND(SQRT((VLOOKUP($A79,városok!$A$2:$C$346,2,0)-VLOOKUP(AU$1,városok!$A$2:$C$346,2,0))^2+(VLOOKUP($A79,városok!$A$2:$C$346,3,0)-VLOOKUP(AU$1,városok!$A$2:$C$346,3,0))^2)/1000,0)</f>
        <v>160</v>
      </c>
      <c r="AV79">
        <f ca="1">ROUND(SQRT((VLOOKUP($A79,városok!$A$2:$C$346,2,0)-VLOOKUP(AV$1,városok!$A$2:$C$346,2,0))^2+(VLOOKUP($A79,városok!$A$2:$C$346,3,0)-VLOOKUP(AV$1,városok!$A$2:$C$346,3,0))^2)/1000,0)</f>
        <v>165</v>
      </c>
      <c r="AW79">
        <f ca="1">ROUND(SQRT((VLOOKUP($A79,városok!$A$2:$C$346,2,0)-VLOOKUP(AW$1,városok!$A$2:$C$346,2,0))^2+(VLOOKUP($A79,városok!$A$2:$C$346,3,0)-VLOOKUP(AW$1,városok!$A$2:$C$346,3,0))^2)/1000,0)</f>
        <v>168</v>
      </c>
      <c r="AX79">
        <f ca="1">ROUND(SQRT((VLOOKUP($A79,városok!$A$2:$C$346,2,0)-VLOOKUP(AX$1,városok!$A$2:$C$346,2,0))^2+(VLOOKUP($A79,városok!$A$2:$C$346,3,0)-VLOOKUP(AX$1,városok!$A$2:$C$346,3,0))^2)/1000,0)</f>
        <v>162</v>
      </c>
      <c r="AY79">
        <f ca="1">ROUND(SQRT((VLOOKUP($A79,városok!$A$2:$C$346,2,0)-VLOOKUP(AY$1,városok!$A$2:$C$346,2,0))^2+(VLOOKUP($A79,városok!$A$2:$C$346,3,0)-VLOOKUP(AY$1,városok!$A$2:$C$346,3,0))^2)/1000,0)</f>
        <v>139</v>
      </c>
      <c r="AZ79">
        <f ca="1">ROUND(SQRT((VLOOKUP($A79,városok!$A$2:$C$346,2,0)-VLOOKUP(AZ$1,városok!$A$2:$C$346,2,0))^2+(VLOOKUP($A79,városok!$A$2:$C$346,3,0)-VLOOKUP(AZ$1,városok!$A$2:$C$346,3,0))^2)/1000,0)</f>
        <v>139</v>
      </c>
      <c r="BA79">
        <f ca="1">ROUND(SQRT((VLOOKUP($A79,városok!$A$2:$C$346,2,0)-VLOOKUP(BA$1,városok!$A$2:$C$346,2,0))^2+(VLOOKUP($A79,városok!$A$2:$C$346,3,0)-VLOOKUP(BA$1,városok!$A$2:$C$346,3,0))^2)/1000,0)</f>
        <v>282</v>
      </c>
      <c r="BB79">
        <f ca="1">ROUND(SQRT((VLOOKUP($A79,városok!$A$2:$C$346,2,0)-VLOOKUP(BB$1,városok!$A$2:$C$346,2,0))^2+(VLOOKUP($A79,városok!$A$2:$C$346,3,0)-VLOOKUP(BB$1,városok!$A$2:$C$346,3,0))^2)/1000,0)</f>
        <v>287</v>
      </c>
      <c r="BC79">
        <f ca="1">ROUND(SQRT((VLOOKUP($A79,városok!$A$2:$C$346,2,0)-VLOOKUP(BC$1,városok!$A$2:$C$346,2,0))^2+(VLOOKUP($A79,városok!$A$2:$C$346,3,0)-VLOOKUP(BC$1,városok!$A$2:$C$346,3,0))^2)/1000,0)</f>
        <v>310</v>
      </c>
      <c r="BD79">
        <f ca="1">ROUND(SQRT((VLOOKUP($A79,városok!$A$2:$C$346,2,0)-VLOOKUP(BD$1,városok!$A$2:$C$346,2,0))^2+(VLOOKUP($A79,városok!$A$2:$C$346,3,0)-VLOOKUP(BD$1,városok!$A$2:$C$346,3,0))^2)/1000,0)</f>
        <v>252</v>
      </c>
      <c r="BE79">
        <f ca="1">ROUND(SQRT((VLOOKUP($A79,városok!$A$2:$C$346,2,0)-VLOOKUP(BE$1,városok!$A$2:$C$346,2,0))^2+(VLOOKUP($A79,városok!$A$2:$C$346,3,0)-VLOOKUP(BE$1,városok!$A$2:$C$346,3,0))^2)/1000,0)</f>
        <v>164</v>
      </c>
      <c r="BF79">
        <f ca="1">ROUND(SQRT((VLOOKUP($A79,városok!$A$2:$C$346,2,0)-VLOOKUP(BF$1,városok!$A$2:$C$346,2,0))^2+(VLOOKUP($A79,városok!$A$2:$C$346,3,0)-VLOOKUP(BF$1,városok!$A$2:$C$346,3,0))^2)/1000,0)</f>
        <v>110</v>
      </c>
      <c r="BG79">
        <f ca="1">ROUND(SQRT((VLOOKUP($A79,városok!$A$2:$C$346,2,0)-VLOOKUP(BG$1,városok!$A$2:$C$346,2,0))^2+(VLOOKUP($A79,városok!$A$2:$C$346,3,0)-VLOOKUP(BG$1,városok!$A$2:$C$346,3,0))^2)/1000,0)</f>
        <v>69</v>
      </c>
      <c r="BH79">
        <f ca="1">ROUND(SQRT((VLOOKUP($A79,városok!$A$2:$C$346,2,0)-VLOOKUP(BH$1,városok!$A$2:$C$346,2,0))^2+(VLOOKUP($A79,városok!$A$2:$C$346,3,0)-VLOOKUP(BH$1,városok!$A$2:$C$346,3,0))^2)/1000,0)</f>
        <v>69</v>
      </c>
      <c r="BI79">
        <f ca="1">ROUND(SQRT((VLOOKUP($A79,városok!$A$2:$C$346,2,0)-VLOOKUP(BI$1,városok!$A$2:$C$346,2,0))^2+(VLOOKUP($A79,városok!$A$2:$C$346,3,0)-VLOOKUP(BI$1,városok!$A$2:$C$346,3,0))^2)/1000,0)</f>
        <v>267</v>
      </c>
      <c r="BJ79">
        <f ca="1">ROUND(SQRT((VLOOKUP($A79,városok!$A$2:$C$346,2,0)-VLOOKUP(BJ$1,városok!$A$2:$C$346,2,0))^2+(VLOOKUP($A79,városok!$A$2:$C$346,3,0)-VLOOKUP(BJ$1,városok!$A$2:$C$346,3,0))^2)/1000,0)</f>
        <v>284</v>
      </c>
      <c r="BK79">
        <f ca="1">ROUND(SQRT((VLOOKUP($A79,városok!$A$2:$C$346,2,0)-VLOOKUP(BK$1,városok!$A$2:$C$346,2,0))^2+(VLOOKUP($A79,városok!$A$2:$C$346,3,0)-VLOOKUP(BK$1,városok!$A$2:$C$346,3,0))^2)/1000,0)</f>
        <v>268</v>
      </c>
      <c r="BL79">
        <f ca="1">ROUND(SQRT((VLOOKUP($A79,városok!$A$2:$C$346,2,0)-VLOOKUP(BL$1,városok!$A$2:$C$346,2,0))^2+(VLOOKUP($A79,városok!$A$2:$C$346,3,0)-VLOOKUP(BL$1,városok!$A$2:$C$346,3,0))^2)/1000,0)</f>
        <v>337</v>
      </c>
      <c r="BM79">
        <f ca="1">ROUND(SQRT((VLOOKUP($A79,városok!$A$2:$C$346,2,0)-VLOOKUP(BM$1,városok!$A$2:$C$346,2,0))^2+(VLOOKUP($A79,városok!$A$2:$C$346,3,0)-VLOOKUP(BM$1,városok!$A$2:$C$346,3,0))^2)/1000,0)</f>
        <v>303</v>
      </c>
      <c r="BN79">
        <f ca="1">ROUND(SQRT((VLOOKUP($A79,városok!$A$2:$C$346,2,0)-VLOOKUP(BN$1,városok!$A$2:$C$346,2,0))^2+(VLOOKUP($A79,városok!$A$2:$C$346,3,0)-VLOOKUP(BN$1,városok!$A$2:$C$346,3,0))^2)/1000,0)</f>
        <v>325</v>
      </c>
      <c r="BO79">
        <f ca="1">ROUND(SQRT((VLOOKUP($A79,városok!$A$2:$C$346,2,0)-VLOOKUP(BO$1,városok!$A$2:$C$346,2,0))^2+(VLOOKUP($A79,városok!$A$2:$C$346,3,0)-VLOOKUP(BO$1,városok!$A$2:$C$346,3,0))^2)/1000,0)</f>
        <v>246</v>
      </c>
      <c r="BP79">
        <f ca="1">ROUND(SQRT((VLOOKUP($A79,városok!$A$2:$C$346,2,0)-VLOOKUP(BP$1,városok!$A$2:$C$346,2,0))^2+(VLOOKUP($A79,városok!$A$2:$C$346,3,0)-VLOOKUP(BP$1,városok!$A$2:$C$346,3,0))^2)/1000,0)</f>
        <v>240</v>
      </c>
      <c r="BQ79">
        <f ca="1">ROUND(SQRT((VLOOKUP($A79,városok!$A$2:$C$346,2,0)-VLOOKUP(BQ$1,városok!$A$2:$C$346,2,0))^2+(VLOOKUP($A79,városok!$A$2:$C$346,3,0)-VLOOKUP(BQ$1,városok!$A$2:$C$346,3,0))^2)/1000,0)</f>
        <v>248</v>
      </c>
      <c r="BR79">
        <f ca="1">ROUND(SQRT((VLOOKUP($A79,városok!$A$2:$C$346,2,0)-VLOOKUP(BR$1,városok!$A$2:$C$346,2,0))^2+(VLOOKUP($A79,városok!$A$2:$C$346,3,0)-VLOOKUP(BR$1,városok!$A$2:$C$346,3,0))^2)/1000,0)</f>
        <v>310</v>
      </c>
      <c r="BS79">
        <f ca="1">ROUND(SQRT((VLOOKUP($A79,városok!$A$2:$C$346,2,0)-VLOOKUP(BS$1,városok!$A$2:$C$346,2,0))^2+(VLOOKUP($A79,városok!$A$2:$C$346,3,0)-VLOOKUP(BS$1,városok!$A$2:$C$346,3,0))^2)/1000,0)</f>
        <v>347</v>
      </c>
      <c r="BT79">
        <f ca="1">ROUND(SQRT((VLOOKUP($A79,városok!$A$2:$C$346,2,0)-VLOOKUP(BT$1,városok!$A$2:$C$346,2,0))^2+(VLOOKUP($A79,városok!$A$2:$C$346,3,0)-VLOOKUP(BT$1,városok!$A$2:$C$346,3,0))^2)/1000,0)</f>
        <v>332</v>
      </c>
    </row>
    <row r="80" spans="1:72" x14ac:dyDescent="0.2">
      <c r="A80" t="str">
        <f>városok!A80</f>
        <v>Sajóbábony</v>
      </c>
      <c r="B80">
        <f ca="1">ROUND(SQRT((VLOOKUP($A80,városok!$A$2:$C$346,2,0)-VLOOKUP(B$1,városok!$A$2:$C$346,2,0))^2+(VLOOKUP($A80,városok!$A$2:$C$346,3,0)-VLOOKUP(B$1,városok!$A$2:$C$346,3,0))^2)/1000,0)</f>
        <v>258</v>
      </c>
      <c r="C80">
        <f ca="1">ROUND(SQRT((VLOOKUP($A80,városok!$A$2:$C$346,2,0)-VLOOKUP(C$1,városok!$A$2:$C$346,2,0))^2+(VLOOKUP($A80,városok!$A$2:$C$346,3,0)-VLOOKUP(C$1,városok!$A$2:$C$346,3,0))^2)/1000,0)</f>
        <v>226</v>
      </c>
      <c r="D80">
        <f ca="1">ROUND(SQRT((VLOOKUP($A80,városok!$A$2:$C$346,2,0)-VLOOKUP(D$1,városok!$A$2:$C$346,2,0))^2+(VLOOKUP($A80,városok!$A$2:$C$346,3,0)-VLOOKUP(D$1,városok!$A$2:$C$346,3,0))^2)/1000,0)</f>
        <v>161</v>
      </c>
      <c r="E80">
        <f ca="1">ROUND(SQRT((VLOOKUP($A80,városok!$A$2:$C$346,2,0)-VLOOKUP(E$1,városok!$A$2:$C$346,2,0))^2+(VLOOKUP($A80,városok!$A$2:$C$346,3,0)-VLOOKUP(E$1,városok!$A$2:$C$346,3,0))^2)/1000,0)</f>
        <v>289</v>
      </c>
      <c r="F80">
        <f ca="1">ROUND(SQRT((VLOOKUP($A80,városok!$A$2:$C$346,2,0)-VLOOKUP(F$1,városok!$A$2:$C$346,2,0))^2+(VLOOKUP($A80,városok!$A$2:$C$346,3,0)-VLOOKUP(F$1,városok!$A$2:$C$346,3,0))^2)/1000,0)</f>
        <v>288</v>
      </c>
      <c r="G80">
        <f ca="1">ROUND(SQRT((VLOOKUP($A80,városok!$A$2:$C$346,2,0)-VLOOKUP(G$1,városok!$A$2:$C$346,2,0))^2+(VLOOKUP($A80,városok!$A$2:$C$346,3,0)-VLOOKUP(G$1,városok!$A$2:$C$346,3,0))^2)/1000,0)</f>
        <v>299</v>
      </c>
      <c r="H80">
        <f ca="1">ROUND(SQRT((VLOOKUP($A80,városok!$A$2:$C$346,2,0)-VLOOKUP(H$1,városok!$A$2:$C$346,2,0))^2+(VLOOKUP($A80,városok!$A$2:$C$346,3,0)-VLOOKUP(H$1,városok!$A$2:$C$346,3,0))^2)/1000,0)</f>
        <v>324</v>
      </c>
      <c r="I80">
        <f ca="1">ROUND(SQRT((VLOOKUP($A80,városok!$A$2:$C$346,2,0)-VLOOKUP(I$1,városok!$A$2:$C$346,2,0))^2+(VLOOKUP($A80,városok!$A$2:$C$346,3,0)-VLOOKUP(I$1,városok!$A$2:$C$346,3,0))^2)/1000,0)</f>
        <v>169</v>
      </c>
      <c r="J80">
        <f ca="1">ROUND(SQRT((VLOOKUP($A80,városok!$A$2:$C$346,2,0)-VLOOKUP(J$1,városok!$A$2:$C$346,2,0))^2+(VLOOKUP($A80,városok!$A$2:$C$346,3,0)-VLOOKUP(J$1,városok!$A$2:$C$346,3,0))^2)/1000,0)</f>
        <v>175</v>
      </c>
      <c r="K80">
        <f ca="1">ROUND(SQRT((VLOOKUP($A80,városok!$A$2:$C$346,2,0)-VLOOKUP(K$1,városok!$A$2:$C$346,2,0))^2+(VLOOKUP($A80,városok!$A$2:$C$346,3,0)-VLOOKUP(K$1,városok!$A$2:$C$346,3,0))^2)/1000,0)</f>
        <v>179</v>
      </c>
      <c r="L80">
        <f ca="1">ROUND(SQRT((VLOOKUP($A80,városok!$A$2:$C$346,2,0)-VLOOKUP(L$1,városok!$A$2:$C$346,2,0))^2+(VLOOKUP($A80,városok!$A$2:$C$346,3,0)-VLOOKUP(L$1,városok!$A$2:$C$346,3,0))^2)/1000,0)</f>
        <v>12</v>
      </c>
      <c r="M80">
        <f ca="1">ROUND(SQRT((VLOOKUP($A80,városok!$A$2:$C$346,2,0)-VLOOKUP(M$1,városok!$A$2:$C$346,2,0))^2+(VLOOKUP($A80,városok!$A$2:$C$346,3,0)-VLOOKUP(M$1,városok!$A$2:$C$346,3,0))^2)/1000,0)</f>
        <v>9</v>
      </c>
      <c r="N80">
        <f ca="1">ROUND(SQRT((VLOOKUP($A80,városok!$A$2:$C$346,2,0)-VLOOKUP(N$1,városok!$A$2:$C$346,2,0))^2+(VLOOKUP($A80,városok!$A$2:$C$346,3,0)-VLOOKUP(N$1,városok!$A$2:$C$346,3,0))^2)/1000,0)</f>
        <v>33</v>
      </c>
      <c r="O80">
        <f ca="1">ROUND(SQRT((VLOOKUP($A80,városok!$A$2:$C$346,2,0)-VLOOKUP(O$1,városok!$A$2:$C$346,2,0))^2+(VLOOKUP($A80,városok!$A$2:$C$346,3,0)-VLOOKUP(O$1,városok!$A$2:$C$346,3,0))^2)/1000,0)</f>
        <v>73</v>
      </c>
      <c r="P80">
        <f ca="1">ROUND(SQRT((VLOOKUP($A80,városok!$A$2:$C$346,2,0)-VLOOKUP(P$1,városok!$A$2:$C$346,2,0))^2+(VLOOKUP($A80,városok!$A$2:$C$346,3,0)-VLOOKUP(P$1,városok!$A$2:$C$346,3,0))^2)/1000,0)</f>
        <v>73</v>
      </c>
      <c r="Q80">
        <f ca="1">ROUND(SQRT((VLOOKUP($A80,városok!$A$2:$C$346,2,0)-VLOOKUP(Q$1,városok!$A$2:$C$346,2,0))^2+(VLOOKUP($A80,városok!$A$2:$C$346,3,0)-VLOOKUP(Q$1,városok!$A$2:$C$346,3,0))^2)/1000,0)</f>
        <v>197</v>
      </c>
      <c r="R80">
        <f ca="1">ROUND(SQRT((VLOOKUP($A80,városok!$A$2:$C$346,2,0)-VLOOKUP(R$1,városok!$A$2:$C$346,2,0))^2+(VLOOKUP($A80,városok!$A$2:$C$346,3,0)-VLOOKUP(R$1,városok!$A$2:$C$346,3,0))^2)/1000,0)</f>
        <v>218</v>
      </c>
      <c r="S80">
        <f ca="1">ROUND(SQRT((VLOOKUP($A80,városok!$A$2:$C$346,2,0)-VLOOKUP(S$1,városok!$A$2:$C$346,2,0))^2+(VLOOKUP($A80,városok!$A$2:$C$346,3,0)-VLOOKUP(S$1,városok!$A$2:$C$346,3,0))^2)/1000,0)</f>
        <v>218</v>
      </c>
      <c r="T80">
        <f ca="1">ROUND(SQRT((VLOOKUP($A80,városok!$A$2:$C$346,2,0)-VLOOKUP(T$1,városok!$A$2:$C$346,2,0))^2+(VLOOKUP($A80,városok!$A$2:$C$346,3,0)-VLOOKUP(T$1,városok!$A$2:$C$346,3,0))^2)/1000,0)</f>
        <v>174</v>
      </c>
      <c r="U80">
        <f ca="1">ROUND(SQRT((VLOOKUP($A80,városok!$A$2:$C$346,2,0)-VLOOKUP(U$1,városok!$A$2:$C$346,2,0))^2+(VLOOKUP($A80,városok!$A$2:$C$346,3,0)-VLOOKUP(U$1,városok!$A$2:$C$346,3,0))^2)/1000,0)</f>
        <v>190</v>
      </c>
      <c r="V80">
        <f ca="1">ROUND(SQRT((VLOOKUP($A80,városok!$A$2:$C$346,2,0)-VLOOKUP(V$1,városok!$A$2:$C$346,2,0))^2+(VLOOKUP($A80,városok!$A$2:$C$346,3,0)-VLOOKUP(V$1,városok!$A$2:$C$346,3,0))^2)/1000,0)</f>
        <v>220</v>
      </c>
      <c r="W80">
        <f ca="1">ROUND(SQRT((VLOOKUP($A80,városok!$A$2:$C$346,2,0)-VLOOKUP(W$1,városok!$A$2:$C$346,2,0))^2+(VLOOKUP($A80,városok!$A$2:$C$346,3,0)-VLOOKUP(W$1,városok!$A$2:$C$346,3,0))^2)/1000,0)</f>
        <v>214</v>
      </c>
      <c r="X80">
        <f ca="1">ROUND(SQRT((VLOOKUP($A80,városok!$A$2:$C$346,2,0)-VLOOKUP(X$1,városok!$A$2:$C$346,2,0))^2+(VLOOKUP($A80,városok!$A$2:$C$346,3,0)-VLOOKUP(X$1,városok!$A$2:$C$346,3,0))^2)/1000,0)</f>
        <v>205</v>
      </c>
      <c r="Y80">
        <f ca="1">ROUND(SQRT((VLOOKUP($A80,városok!$A$2:$C$346,2,0)-VLOOKUP(Y$1,városok!$A$2:$C$346,2,0))^2+(VLOOKUP($A80,városok!$A$2:$C$346,3,0)-VLOOKUP(Y$1,városok!$A$2:$C$346,3,0))^2)/1000,0)</f>
        <v>237</v>
      </c>
      <c r="Z80">
        <f ca="1">ROUND(SQRT((VLOOKUP($A80,városok!$A$2:$C$346,2,0)-VLOOKUP(Z$1,városok!$A$2:$C$346,2,0))^2+(VLOOKUP($A80,városok!$A$2:$C$346,3,0)-VLOOKUP(Z$1,városok!$A$2:$C$346,3,0))^2)/1000,0)</f>
        <v>254</v>
      </c>
      <c r="AA80">
        <f ca="1">ROUND(SQRT((VLOOKUP($A80,városok!$A$2:$C$346,2,0)-VLOOKUP(AA$1,városok!$A$2:$C$346,2,0))^2+(VLOOKUP($A80,városok!$A$2:$C$346,3,0)-VLOOKUP(AA$1,városok!$A$2:$C$346,3,0))^2)/1000,0)</f>
        <v>314</v>
      </c>
      <c r="AB80">
        <f ca="1">ROUND(SQRT((VLOOKUP($A80,városok!$A$2:$C$346,2,0)-VLOOKUP(AB$1,városok!$A$2:$C$346,2,0))^2+(VLOOKUP($A80,városok!$A$2:$C$346,3,0)-VLOOKUP(AB$1,városok!$A$2:$C$346,3,0))^2)/1000,0)</f>
        <v>98</v>
      </c>
      <c r="AC80">
        <f ca="1">ROUND(SQRT((VLOOKUP($A80,városok!$A$2:$C$346,2,0)-VLOOKUP(AC$1,városok!$A$2:$C$346,2,0))^2+(VLOOKUP($A80,városok!$A$2:$C$346,3,0)-VLOOKUP(AC$1,városok!$A$2:$C$346,3,0))^2)/1000,0)</f>
        <v>95</v>
      </c>
      <c r="AD80">
        <f ca="1">ROUND(SQRT((VLOOKUP($A80,városok!$A$2:$C$346,2,0)-VLOOKUP(AD$1,városok!$A$2:$C$346,2,0))^2+(VLOOKUP($A80,városok!$A$2:$C$346,3,0)-VLOOKUP(AD$1,városok!$A$2:$C$346,3,0))^2)/1000,0)</f>
        <v>89</v>
      </c>
      <c r="AE80">
        <f ca="1">ROUND(SQRT((VLOOKUP($A80,városok!$A$2:$C$346,2,0)-VLOOKUP(AE$1,városok!$A$2:$C$346,2,0))^2+(VLOOKUP($A80,városok!$A$2:$C$346,3,0)-VLOOKUP(AE$1,városok!$A$2:$C$346,3,0))^2)/1000,0)</f>
        <v>104</v>
      </c>
      <c r="AF80">
        <f ca="1">ROUND(SQRT((VLOOKUP($A80,városok!$A$2:$C$346,2,0)-VLOOKUP(AF$1,városok!$A$2:$C$346,2,0))^2+(VLOOKUP($A80,városok!$A$2:$C$346,3,0)-VLOOKUP(AF$1,városok!$A$2:$C$346,3,0))^2)/1000,0)</f>
        <v>40</v>
      </c>
      <c r="AG80">
        <f ca="1">ROUND(SQRT((VLOOKUP($A80,városok!$A$2:$C$346,2,0)-VLOOKUP(AG$1,városok!$A$2:$C$346,2,0))^2+(VLOOKUP($A80,városok!$A$2:$C$346,3,0)-VLOOKUP(AG$1,városok!$A$2:$C$346,3,0))^2)/1000,0)</f>
        <v>74</v>
      </c>
      <c r="AH80">
        <f ca="1">ROUND(SQRT((VLOOKUP($A80,városok!$A$2:$C$346,2,0)-VLOOKUP(AH$1,városok!$A$2:$C$346,2,0))^2+(VLOOKUP($A80,városok!$A$2:$C$346,3,0)-VLOOKUP(AH$1,városok!$A$2:$C$346,3,0))^2)/1000,0)</f>
        <v>97</v>
      </c>
      <c r="AI80">
        <f ca="1">ROUND(SQRT((VLOOKUP($A80,városok!$A$2:$C$346,2,0)-VLOOKUP(AI$1,városok!$A$2:$C$346,2,0))^2+(VLOOKUP($A80,városok!$A$2:$C$346,3,0)-VLOOKUP(AI$1,városok!$A$2:$C$346,3,0))^2)/1000,0)</f>
        <v>50</v>
      </c>
      <c r="AJ80">
        <f ca="1">ROUND(SQRT((VLOOKUP($A80,városok!$A$2:$C$346,2,0)-VLOOKUP(AJ$1,városok!$A$2:$C$346,2,0))^2+(VLOOKUP($A80,városok!$A$2:$C$346,3,0)-VLOOKUP(AJ$1,városok!$A$2:$C$346,3,0))^2)/1000,0)</f>
        <v>81</v>
      </c>
      <c r="AK80">
        <f ca="1">ROUND(SQRT((VLOOKUP($A80,városok!$A$2:$C$346,2,0)-VLOOKUP(AK$1,városok!$A$2:$C$346,2,0))^2+(VLOOKUP($A80,városok!$A$2:$C$346,3,0)-VLOOKUP(AK$1,városok!$A$2:$C$346,3,0))^2)/1000,0)</f>
        <v>101</v>
      </c>
      <c r="AL80">
        <f ca="1">ROUND(SQRT((VLOOKUP($A80,városok!$A$2:$C$346,2,0)-VLOOKUP(AL$1,városok!$A$2:$C$346,2,0))^2+(VLOOKUP($A80,városok!$A$2:$C$346,3,0)-VLOOKUP(AL$1,városok!$A$2:$C$346,3,0))^2)/1000,0)</f>
        <v>90</v>
      </c>
      <c r="AM80">
        <f ca="1">ROUND(SQRT((VLOOKUP($A80,városok!$A$2:$C$346,2,0)-VLOOKUP(AM$1,városok!$A$2:$C$346,2,0))^2+(VLOOKUP($A80,városok!$A$2:$C$346,3,0)-VLOOKUP(AM$1,városok!$A$2:$C$346,3,0))^2)/1000,0)</f>
        <v>118</v>
      </c>
      <c r="AN80">
        <f ca="1">ROUND(SQRT((VLOOKUP($A80,városok!$A$2:$C$346,2,0)-VLOOKUP(AN$1,városok!$A$2:$C$346,2,0))^2+(VLOOKUP($A80,városok!$A$2:$C$346,3,0)-VLOOKUP(AN$1,városok!$A$2:$C$346,3,0))^2)/1000,0)</f>
        <v>154</v>
      </c>
      <c r="AO80">
        <f ca="1">ROUND(SQRT((VLOOKUP($A80,városok!$A$2:$C$346,2,0)-VLOOKUP(AO$1,városok!$A$2:$C$346,2,0))^2+(VLOOKUP($A80,városok!$A$2:$C$346,3,0)-VLOOKUP(AO$1,városok!$A$2:$C$346,3,0))^2)/1000,0)</f>
        <v>200</v>
      </c>
      <c r="AP80">
        <f ca="1">ROUND(SQRT((VLOOKUP($A80,városok!$A$2:$C$346,2,0)-VLOOKUP(AP$1,városok!$A$2:$C$346,2,0))^2+(VLOOKUP($A80,városok!$A$2:$C$346,3,0)-VLOOKUP(AP$1,városok!$A$2:$C$346,3,0))^2)/1000,0)</f>
        <v>188</v>
      </c>
      <c r="AQ80">
        <f ca="1">ROUND(SQRT((VLOOKUP($A80,városok!$A$2:$C$346,2,0)-VLOOKUP(AQ$1,városok!$A$2:$C$346,2,0))^2+(VLOOKUP($A80,városok!$A$2:$C$346,3,0)-VLOOKUP(AQ$1,városok!$A$2:$C$346,3,0))^2)/1000,0)</f>
        <v>186</v>
      </c>
      <c r="AR80">
        <f ca="1">ROUND(SQRT((VLOOKUP($A80,városok!$A$2:$C$346,2,0)-VLOOKUP(AR$1,városok!$A$2:$C$346,2,0))^2+(VLOOKUP($A80,városok!$A$2:$C$346,3,0)-VLOOKUP(AR$1,városok!$A$2:$C$346,3,0))^2)/1000,0)</f>
        <v>82</v>
      </c>
      <c r="AS80">
        <f ca="1">ROUND(SQRT((VLOOKUP($A80,városok!$A$2:$C$346,2,0)-VLOOKUP(AS$1,városok!$A$2:$C$346,2,0))^2+(VLOOKUP($A80,városok!$A$2:$C$346,3,0)-VLOOKUP(AS$1,városok!$A$2:$C$346,3,0))^2)/1000,0)</f>
        <v>68</v>
      </c>
      <c r="AT80">
        <f ca="1">ROUND(SQRT((VLOOKUP($A80,városok!$A$2:$C$346,2,0)-VLOOKUP(AT$1,városok!$A$2:$C$346,2,0))^2+(VLOOKUP($A80,városok!$A$2:$C$346,3,0)-VLOOKUP(AT$1,városok!$A$2:$C$346,3,0))^2)/1000,0)</f>
        <v>163</v>
      </c>
      <c r="AU80">
        <f ca="1">ROUND(SQRT((VLOOKUP($A80,városok!$A$2:$C$346,2,0)-VLOOKUP(AU$1,városok!$A$2:$C$346,2,0))^2+(VLOOKUP($A80,városok!$A$2:$C$346,3,0)-VLOOKUP(AU$1,városok!$A$2:$C$346,3,0))^2)/1000,0)</f>
        <v>154</v>
      </c>
      <c r="AV80">
        <f ca="1">ROUND(SQRT((VLOOKUP($A80,városok!$A$2:$C$346,2,0)-VLOOKUP(AV$1,városok!$A$2:$C$346,2,0))^2+(VLOOKUP($A80,városok!$A$2:$C$346,3,0)-VLOOKUP(AV$1,városok!$A$2:$C$346,3,0))^2)/1000,0)</f>
        <v>158</v>
      </c>
      <c r="AW80">
        <f ca="1">ROUND(SQRT((VLOOKUP($A80,városok!$A$2:$C$346,2,0)-VLOOKUP(AW$1,városok!$A$2:$C$346,2,0))^2+(VLOOKUP($A80,városok!$A$2:$C$346,3,0)-VLOOKUP(AW$1,városok!$A$2:$C$346,3,0))^2)/1000,0)</f>
        <v>161</v>
      </c>
      <c r="AX80">
        <f ca="1">ROUND(SQRT((VLOOKUP($A80,városok!$A$2:$C$346,2,0)-VLOOKUP(AX$1,városok!$A$2:$C$346,2,0))^2+(VLOOKUP($A80,városok!$A$2:$C$346,3,0)-VLOOKUP(AX$1,városok!$A$2:$C$346,3,0))^2)/1000,0)</f>
        <v>146</v>
      </c>
      <c r="AY80">
        <f ca="1">ROUND(SQRT((VLOOKUP($A80,városok!$A$2:$C$346,2,0)-VLOOKUP(AY$1,városok!$A$2:$C$346,2,0))^2+(VLOOKUP($A80,városok!$A$2:$C$346,3,0)-VLOOKUP(AY$1,városok!$A$2:$C$346,3,0))^2)/1000,0)</f>
        <v>136</v>
      </c>
      <c r="AZ80">
        <f ca="1">ROUND(SQRT((VLOOKUP($A80,városok!$A$2:$C$346,2,0)-VLOOKUP(AZ$1,városok!$A$2:$C$346,2,0))^2+(VLOOKUP($A80,városok!$A$2:$C$346,3,0)-VLOOKUP(AZ$1,városok!$A$2:$C$346,3,0))^2)/1000,0)</f>
        <v>138</v>
      </c>
      <c r="BA80">
        <f ca="1">ROUND(SQRT((VLOOKUP($A80,városok!$A$2:$C$346,2,0)-VLOOKUP(BA$1,városok!$A$2:$C$346,2,0))^2+(VLOOKUP($A80,városok!$A$2:$C$346,3,0)-VLOOKUP(BA$1,városok!$A$2:$C$346,3,0))^2)/1000,0)</f>
        <v>276</v>
      </c>
      <c r="BB80">
        <f ca="1">ROUND(SQRT((VLOOKUP($A80,városok!$A$2:$C$346,2,0)-VLOOKUP(BB$1,városok!$A$2:$C$346,2,0))^2+(VLOOKUP($A80,városok!$A$2:$C$346,3,0)-VLOOKUP(BB$1,városok!$A$2:$C$346,3,0))^2)/1000,0)</f>
        <v>278</v>
      </c>
      <c r="BC80">
        <f ca="1">ROUND(SQRT((VLOOKUP($A80,városok!$A$2:$C$346,2,0)-VLOOKUP(BC$1,városok!$A$2:$C$346,2,0))^2+(VLOOKUP($A80,városok!$A$2:$C$346,3,0)-VLOOKUP(BC$1,városok!$A$2:$C$346,3,0))^2)/1000,0)</f>
        <v>300</v>
      </c>
      <c r="BD80">
        <f ca="1">ROUND(SQRT((VLOOKUP($A80,városok!$A$2:$C$346,2,0)-VLOOKUP(BD$1,városok!$A$2:$C$346,2,0))^2+(VLOOKUP($A80,városok!$A$2:$C$346,3,0)-VLOOKUP(BD$1,városok!$A$2:$C$346,3,0))^2)/1000,0)</f>
        <v>245</v>
      </c>
      <c r="BE80">
        <f ca="1">ROUND(SQRT((VLOOKUP($A80,városok!$A$2:$C$346,2,0)-VLOOKUP(BE$1,városok!$A$2:$C$346,2,0))^2+(VLOOKUP($A80,városok!$A$2:$C$346,3,0)-VLOOKUP(BE$1,városok!$A$2:$C$346,3,0))^2)/1000,0)</f>
        <v>150</v>
      </c>
      <c r="BF80">
        <f ca="1">ROUND(SQRT((VLOOKUP($A80,városok!$A$2:$C$346,2,0)-VLOOKUP(BF$1,városok!$A$2:$C$346,2,0))^2+(VLOOKUP($A80,városok!$A$2:$C$346,3,0)-VLOOKUP(BF$1,városok!$A$2:$C$346,3,0))^2)/1000,0)</f>
        <v>100</v>
      </c>
      <c r="BG80">
        <f ca="1">ROUND(SQRT((VLOOKUP($A80,városok!$A$2:$C$346,2,0)-VLOOKUP(BG$1,városok!$A$2:$C$346,2,0))^2+(VLOOKUP($A80,városok!$A$2:$C$346,3,0)-VLOOKUP(BG$1,városok!$A$2:$C$346,3,0))^2)/1000,0)</f>
        <v>55</v>
      </c>
      <c r="BH80">
        <f ca="1">ROUND(SQRT((VLOOKUP($A80,városok!$A$2:$C$346,2,0)-VLOOKUP(BH$1,városok!$A$2:$C$346,2,0))^2+(VLOOKUP($A80,városok!$A$2:$C$346,3,0)-VLOOKUP(BH$1,városok!$A$2:$C$346,3,0))^2)/1000,0)</f>
        <v>55</v>
      </c>
      <c r="BI80">
        <f ca="1">ROUND(SQRT((VLOOKUP($A80,városok!$A$2:$C$346,2,0)-VLOOKUP(BI$1,városok!$A$2:$C$346,2,0))^2+(VLOOKUP($A80,városok!$A$2:$C$346,3,0)-VLOOKUP(BI$1,városok!$A$2:$C$346,3,0))^2)/1000,0)</f>
        <v>254</v>
      </c>
      <c r="BJ80">
        <f ca="1">ROUND(SQRT((VLOOKUP($A80,városok!$A$2:$C$346,2,0)-VLOOKUP(BJ$1,városok!$A$2:$C$346,2,0))^2+(VLOOKUP($A80,városok!$A$2:$C$346,3,0)-VLOOKUP(BJ$1,városok!$A$2:$C$346,3,0))^2)/1000,0)</f>
        <v>271</v>
      </c>
      <c r="BK80">
        <f ca="1">ROUND(SQRT((VLOOKUP($A80,városok!$A$2:$C$346,2,0)-VLOOKUP(BK$1,városok!$A$2:$C$346,2,0))^2+(VLOOKUP($A80,városok!$A$2:$C$346,3,0)-VLOOKUP(BK$1,városok!$A$2:$C$346,3,0))^2)/1000,0)</f>
        <v>254</v>
      </c>
      <c r="BL80">
        <f ca="1">ROUND(SQRT((VLOOKUP($A80,városok!$A$2:$C$346,2,0)-VLOOKUP(BL$1,városok!$A$2:$C$346,2,0))^2+(VLOOKUP($A80,városok!$A$2:$C$346,3,0)-VLOOKUP(BL$1,városok!$A$2:$C$346,3,0))^2)/1000,0)</f>
        <v>336</v>
      </c>
      <c r="BM80">
        <f ca="1">ROUND(SQRT((VLOOKUP($A80,városok!$A$2:$C$346,2,0)-VLOOKUP(BM$1,városok!$A$2:$C$346,2,0))^2+(VLOOKUP($A80,városok!$A$2:$C$346,3,0)-VLOOKUP(BM$1,városok!$A$2:$C$346,3,0))^2)/1000,0)</f>
        <v>302</v>
      </c>
      <c r="BN80">
        <f ca="1">ROUND(SQRT((VLOOKUP($A80,városok!$A$2:$C$346,2,0)-VLOOKUP(BN$1,városok!$A$2:$C$346,2,0))^2+(VLOOKUP($A80,városok!$A$2:$C$346,3,0)-VLOOKUP(BN$1,városok!$A$2:$C$346,3,0))^2)/1000,0)</f>
        <v>325</v>
      </c>
      <c r="BO80">
        <f ca="1">ROUND(SQRT((VLOOKUP($A80,városok!$A$2:$C$346,2,0)-VLOOKUP(BO$1,városok!$A$2:$C$346,2,0))^2+(VLOOKUP($A80,városok!$A$2:$C$346,3,0)-VLOOKUP(BO$1,városok!$A$2:$C$346,3,0))^2)/1000,0)</f>
        <v>240</v>
      </c>
      <c r="BP80">
        <f ca="1">ROUND(SQRT((VLOOKUP($A80,városok!$A$2:$C$346,2,0)-VLOOKUP(BP$1,városok!$A$2:$C$346,2,0))^2+(VLOOKUP($A80,városok!$A$2:$C$346,3,0)-VLOOKUP(BP$1,városok!$A$2:$C$346,3,0))^2)/1000,0)</f>
        <v>234</v>
      </c>
      <c r="BQ80">
        <f ca="1">ROUND(SQRT((VLOOKUP($A80,városok!$A$2:$C$346,2,0)-VLOOKUP(BQ$1,városok!$A$2:$C$346,2,0))^2+(VLOOKUP($A80,városok!$A$2:$C$346,3,0)-VLOOKUP(BQ$1,városok!$A$2:$C$346,3,0))^2)/1000,0)</f>
        <v>243</v>
      </c>
      <c r="BR80">
        <f ca="1">ROUND(SQRT((VLOOKUP($A80,városok!$A$2:$C$346,2,0)-VLOOKUP(BR$1,városok!$A$2:$C$346,2,0))^2+(VLOOKUP($A80,városok!$A$2:$C$346,3,0)-VLOOKUP(BR$1,városok!$A$2:$C$346,3,0))^2)/1000,0)</f>
        <v>305</v>
      </c>
      <c r="BS80">
        <f ca="1">ROUND(SQRT((VLOOKUP($A80,városok!$A$2:$C$346,2,0)-VLOOKUP(BS$1,városok!$A$2:$C$346,2,0))^2+(VLOOKUP($A80,városok!$A$2:$C$346,3,0)-VLOOKUP(BS$1,városok!$A$2:$C$346,3,0))^2)/1000,0)</f>
        <v>341</v>
      </c>
      <c r="BT80">
        <f ca="1">ROUND(SQRT((VLOOKUP($A80,városok!$A$2:$C$346,2,0)-VLOOKUP(BT$1,városok!$A$2:$C$346,2,0))^2+(VLOOKUP($A80,városok!$A$2:$C$346,3,0)-VLOOKUP(BT$1,városok!$A$2:$C$346,3,0))^2)/1000,0)</f>
        <v>328</v>
      </c>
    </row>
    <row r="81" spans="1:72" x14ac:dyDescent="0.2">
      <c r="A81" t="str">
        <f>városok!A81</f>
        <v>Sajószentpéter</v>
      </c>
      <c r="B81">
        <f ca="1">ROUND(SQRT((VLOOKUP($A81,városok!$A$2:$C$346,2,0)-VLOOKUP(B$1,városok!$A$2:$C$346,2,0))^2+(VLOOKUP($A81,városok!$A$2:$C$346,3,0)-VLOOKUP(B$1,városok!$A$2:$C$346,3,0))^2)/1000,0)</f>
        <v>262</v>
      </c>
      <c r="C81">
        <f ca="1">ROUND(SQRT((VLOOKUP($A81,városok!$A$2:$C$346,2,0)-VLOOKUP(C$1,városok!$A$2:$C$346,2,0))^2+(VLOOKUP($A81,városok!$A$2:$C$346,3,0)-VLOOKUP(C$1,városok!$A$2:$C$346,3,0))^2)/1000,0)</f>
        <v>229</v>
      </c>
      <c r="D81">
        <f ca="1">ROUND(SQRT((VLOOKUP($A81,városok!$A$2:$C$346,2,0)-VLOOKUP(D$1,városok!$A$2:$C$346,2,0))^2+(VLOOKUP($A81,városok!$A$2:$C$346,3,0)-VLOOKUP(D$1,városok!$A$2:$C$346,3,0))^2)/1000,0)</f>
        <v>165</v>
      </c>
      <c r="E81">
        <f ca="1">ROUND(SQRT((VLOOKUP($A81,városok!$A$2:$C$346,2,0)-VLOOKUP(E$1,városok!$A$2:$C$346,2,0))^2+(VLOOKUP($A81,városok!$A$2:$C$346,3,0)-VLOOKUP(E$1,városok!$A$2:$C$346,3,0))^2)/1000,0)</f>
        <v>292</v>
      </c>
      <c r="F81">
        <f ca="1">ROUND(SQRT((VLOOKUP($A81,városok!$A$2:$C$346,2,0)-VLOOKUP(F$1,városok!$A$2:$C$346,2,0))^2+(VLOOKUP($A81,városok!$A$2:$C$346,3,0)-VLOOKUP(F$1,városok!$A$2:$C$346,3,0))^2)/1000,0)</f>
        <v>291</v>
      </c>
      <c r="G81">
        <f ca="1">ROUND(SQRT((VLOOKUP($A81,városok!$A$2:$C$346,2,0)-VLOOKUP(G$1,városok!$A$2:$C$346,2,0))^2+(VLOOKUP($A81,városok!$A$2:$C$346,3,0)-VLOOKUP(G$1,városok!$A$2:$C$346,3,0))^2)/1000,0)</f>
        <v>302</v>
      </c>
      <c r="H81">
        <f ca="1">ROUND(SQRT((VLOOKUP($A81,városok!$A$2:$C$346,2,0)-VLOOKUP(H$1,városok!$A$2:$C$346,2,0))^2+(VLOOKUP($A81,városok!$A$2:$C$346,3,0)-VLOOKUP(H$1,városok!$A$2:$C$346,3,0))^2)/1000,0)</f>
        <v>327</v>
      </c>
      <c r="I81">
        <f ca="1">ROUND(SQRT((VLOOKUP($A81,városok!$A$2:$C$346,2,0)-VLOOKUP(I$1,városok!$A$2:$C$346,2,0))^2+(VLOOKUP($A81,városok!$A$2:$C$346,3,0)-VLOOKUP(I$1,városok!$A$2:$C$346,3,0))^2)/1000,0)</f>
        <v>174</v>
      </c>
      <c r="J81">
        <f ca="1">ROUND(SQRT((VLOOKUP($A81,városok!$A$2:$C$346,2,0)-VLOOKUP(J$1,városok!$A$2:$C$346,2,0))^2+(VLOOKUP($A81,városok!$A$2:$C$346,3,0)-VLOOKUP(J$1,városok!$A$2:$C$346,3,0))^2)/1000,0)</f>
        <v>180</v>
      </c>
      <c r="K81">
        <f ca="1">ROUND(SQRT((VLOOKUP($A81,városok!$A$2:$C$346,2,0)-VLOOKUP(K$1,városok!$A$2:$C$346,2,0))^2+(VLOOKUP($A81,városok!$A$2:$C$346,3,0)-VLOOKUP(K$1,városok!$A$2:$C$346,3,0))^2)/1000,0)</f>
        <v>184</v>
      </c>
      <c r="L81">
        <f ca="1">ROUND(SQRT((VLOOKUP($A81,városok!$A$2:$C$346,2,0)-VLOOKUP(L$1,városok!$A$2:$C$346,2,0))^2+(VLOOKUP($A81,városok!$A$2:$C$346,3,0)-VLOOKUP(L$1,városok!$A$2:$C$346,3,0))^2)/1000,0)</f>
        <v>7</v>
      </c>
      <c r="M81">
        <f ca="1">ROUND(SQRT((VLOOKUP($A81,városok!$A$2:$C$346,2,0)-VLOOKUP(M$1,városok!$A$2:$C$346,2,0))^2+(VLOOKUP($A81,városok!$A$2:$C$346,3,0)-VLOOKUP(M$1,városok!$A$2:$C$346,3,0))^2)/1000,0)</f>
        <v>14</v>
      </c>
      <c r="N81">
        <f ca="1">ROUND(SQRT((VLOOKUP($A81,városok!$A$2:$C$346,2,0)-VLOOKUP(N$1,városok!$A$2:$C$346,2,0))^2+(VLOOKUP($A81,városok!$A$2:$C$346,3,0)-VLOOKUP(N$1,városok!$A$2:$C$346,3,0))^2)/1000,0)</f>
        <v>31</v>
      </c>
      <c r="O81">
        <f ca="1">ROUND(SQRT((VLOOKUP($A81,városok!$A$2:$C$346,2,0)-VLOOKUP(O$1,városok!$A$2:$C$346,2,0))^2+(VLOOKUP($A81,városok!$A$2:$C$346,3,0)-VLOOKUP(O$1,városok!$A$2:$C$346,3,0))^2)/1000,0)</f>
        <v>73</v>
      </c>
      <c r="P81">
        <f ca="1">ROUND(SQRT((VLOOKUP($A81,városok!$A$2:$C$346,2,0)-VLOOKUP(P$1,városok!$A$2:$C$346,2,0))^2+(VLOOKUP($A81,városok!$A$2:$C$346,3,0)-VLOOKUP(P$1,városok!$A$2:$C$346,3,0))^2)/1000,0)</f>
        <v>73</v>
      </c>
      <c r="Q81">
        <f ca="1">ROUND(SQRT((VLOOKUP($A81,városok!$A$2:$C$346,2,0)-VLOOKUP(Q$1,városok!$A$2:$C$346,2,0))^2+(VLOOKUP($A81,városok!$A$2:$C$346,3,0)-VLOOKUP(Q$1,városok!$A$2:$C$346,3,0))^2)/1000,0)</f>
        <v>202</v>
      </c>
      <c r="R81">
        <f ca="1">ROUND(SQRT((VLOOKUP($A81,városok!$A$2:$C$346,2,0)-VLOOKUP(R$1,városok!$A$2:$C$346,2,0))^2+(VLOOKUP($A81,városok!$A$2:$C$346,3,0)-VLOOKUP(R$1,városok!$A$2:$C$346,3,0))^2)/1000,0)</f>
        <v>223</v>
      </c>
      <c r="S81">
        <f ca="1">ROUND(SQRT((VLOOKUP($A81,városok!$A$2:$C$346,2,0)-VLOOKUP(S$1,városok!$A$2:$C$346,2,0))^2+(VLOOKUP($A81,városok!$A$2:$C$346,3,0)-VLOOKUP(S$1,városok!$A$2:$C$346,3,0))^2)/1000,0)</f>
        <v>223</v>
      </c>
      <c r="T81">
        <f ca="1">ROUND(SQRT((VLOOKUP($A81,városok!$A$2:$C$346,2,0)-VLOOKUP(T$1,városok!$A$2:$C$346,2,0))^2+(VLOOKUP($A81,városok!$A$2:$C$346,3,0)-VLOOKUP(T$1,városok!$A$2:$C$346,3,0))^2)/1000,0)</f>
        <v>175</v>
      </c>
      <c r="U81">
        <f ca="1">ROUND(SQRT((VLOOKUP($A81,városok!$A$2:$C$346,2,0)-VLOOKUP(U$1,városok!$A$2:$C$346,2,0))^2+(VLOOKUP($A81,városok!$A$2:$C$346,3,0)-VLOOKUP(U$1,városok!$A$2:$C$346,3,0))^2)/1000,0)</f>
        <v>193</v>
      </c>
      <c r="V81">
        <f ca="1">ROUND(SQRT((VLOOKUP($A81,városok!$A$2:$C$346,2,0)-VLOOKUP(V$1,városok!$A$2:$C$346,2,0))^2+(VLOOKUP($A81,városok!$A$2:$C$346,3,0)-VLOOKUP(V$1,városok!$A$2:$C$346,3,0))^2)/1000,0)</f>
        <v>222</v>
      </c>
      <c r="W81">
        <f ca="1">ROUND(SQRT((VLOOKUP($A81,városok!$A$2:$C$346,2,0)-VLOOKUP(W$1,városok!$A$2:$C$346,2,0))^2+(VLOOKUP($A81,városok!$A$2:$C$346,3,0)-VLOOKUP(W$1,városok!$A$2:$C$346,3,0))^2)/1000,0)</f>
        <v>216</v>
      </c>
      <c r="X81">
        <f ca="1">ROUND(SQRT((VLOOKUP($A81,városok!$A$2:$C$346,2,0)-VLOOKUP(X$1,városok!$A$2:$C$346,2,0))^2+(VLOOKUP($A81,városok!$A$2:$C$346,3,0)-VLOOKUP(X$1,városok!$A$2:$C$346,3,0))^2)/1000,0)</f>
        <v>206</v>
      </c>
      <c r="Y81">
        <f ca="1">ROUND(SQRT((VLOOKUP($A81,városok!$A$2:$C$346,2,0)-VLOOKUP(Y$1,városok!$A$2:$C$346,2,0))^2+(VLOOKUP($A81,városok!$A$2:$C$346,3,0)-VLOOKUP(Y$1,városok!$A$2:$C$346,3,0))^2)/1000,0)</f>
        <v>237</v>
      </c>
      <c r="Z81">
        <f ca="1">ROUND(SQRT((VLOOKUP($A81,városok!$A$2:$C$346,2,0)-VLOOKUP(Z$1,városok!$A$2:$C$346,2,0))^2+(VLOOKUP($A81,városok!$A$2:$C$346,3,0)-VLOOKUP(Z$1,városok!$A$2:$C$346,3,0))^2)/1000,0)</f>
        <v>253</v>
      </c>
      <c r="AA81">
        <f ca="1">ROUND(SQRT((VLOOKUP($A81,városok!$A$2:$C$346,2,0)-VLOOKUP(AA$1,városok!$A$2:$C$346,2,0))^2+(VLOOKUP($A81,városok!$A$2:$C$346,3,0)-VLOOKUP(AA$1,városok!$A$2:$C$346,3,0))^2)/1000,0)</f>
        <v>314</v>
      </c>
      <c r="AB81">
        <f ca="1">ROUND(SQRT((VLOOKUP($A81,városok!$A$2:$C$346,2,0)-VLOOKUP(AB$1,városok!$A$2:$C$346,2,0))^2+(VLOOKUP($A81,városok!$A$2:$C$346,3,0)-VLOOKUP(AB$1,városok!$A$2:$C$346,3,0))^2)/1000,0)</f>
        <v>103</v>
      </c>
      <c r="AC81">
        <f ca="1">ROUND(SQRT((VLOOKUP($A81,városok!$A$2:$C$346,2,0)-VLOOKUP(AC$1,városok!$A$2:$C$346,2,0))^2+(VLOOKUP($A81,városok!$A$2:$C$346,3,0)-VLOOKUP(AC$1,városok!$A$2:$C$346,3,0))^2)/1000,0)</f>
        <v>100</v>
      </c>
      <c r="AD81">
        <f ca="1">ROUND(SQRT((VLOOKUP($A81,városok!$A$2:$C$346,2,0)-VLOOKUP(AD$1,városok!$A$2:$C$346,2,0))^2+(VLOOKUP($A81,városok!$A$2:$C$346,3,0)-VLOOKUP(AD$1,városok!$A$2:$C$346,3,0))^2)/1000,0)</f>
        <v>94</v>
      </c>
      <c r="AE81">
        <f ca="1">ROUND(SQRT((VLOOKUP($A81,városok!$A$2:$C$346,2,0)-VLOOKUP(AE$1,városok!$A$2:$C$346,2,0))^2+(VLOOKUP($A81,városok!$A$2:$C$346,3,0)-VLOOKUP(AE$1,városok!$A$2:$C$346,3,0))^2)/1000,0)</f>
        <v>110</v>
      </c>
      <c r="AF81">
        <f ca="1">ROUND(SQRT((VLOOKUP($A81,városok!$A$2:$C$346,2,0)-VLOOKUP(AF$1,városok!$A$2:$C$346,2,0))^2+(VLOOKUP($A81,városok!$A$2:$C$346,3,0)-VLOOKUP(AF$1,városok!$A$2:$C$346,3,0))^2)/1000,0)</f>
        <v>43</v>
      </c>
      <c r="AG81">
        <f ca="1">ROUND(SQRT((VLOOKUP($A81,városok!$A$2:$C$346,2,0)-VLOOKUP(AG$1,városok!$A$2:$C$346,2,0))^2+(VLOOKUP($A81,városok!$A$2:$C$346,3,0)-VLOOKUP(AG$1,városok!$A$2:$C$346,3,0))^2)/1000,0)</f>
        <v>76</v>
      </c>
      <c r="AH81">
        <f ca="1">ROUND(SQRT((VLOOKUP($A81,városok!$A$2:$C$346,2,0)-VLOOKUP(AH$1,városok!$A$2:$C$346,2,0))^2+(VLOOKUP($A81,városok!$A$2:$C$346,3,0)-VLOOKUP(AH$1,városok!$A$2:$C$346,3,0))^2)/1000,0)</f>
        <v>99</v>
      </c>
      <c r="AI81">
        <f ca="1">ROUND(SQRT((VLOOKUP($A81,városok!$A$2:$C$346,2,0)-VLOOKUP(AI$1,városok!$A$2:$C$346,2,0))^2+(VLOOKUP($A81,városok!$A$2:$C$346,3,0)-VLOOKUP(AI$1,városok!$A$2:$C$346,3,0))^2)/1000,0)</f>
        <v>51</v>
      </c>
      <c r="AJ81">
        <f ca="1">ROUND(SQRT((VLOOKUP($A81,városok!$A$2:$C$346,2,0)-VLOOKUP(AJ$1,városok!$A$2:$C$346,2,0))^2+(VLOOKUP($A81,városok!$A$2:$C$346,3,0)-VLOOKUP(AJ$1,városok!$A$2:$C$346,3,0))^2)/1000,0)</f>
        <v>84</v>
      </c>
      <c r="AK81">
        <f ca="1">ROUND(SQRT((VLOOKUP($A81,városok!$A$2:$C$346,2,0)-VLOOKUP(AK$1,városok!$A$2:$C$346,2,0))^2+(VLOOKUP($A81,városok!$A$2:$C$346,3,0)-VLOOKUP(AK$1,városok!$A$2:$C$346,3,0))^2)/1000,0)</f>
        <v>106</v>
      </c>
      <c r="AL81">
        <f ca="1">ROUND(SQRT((VLOOKUP($A81,városok!$A$2:$C$346,2,0)-VLOOKUP(AL$1,városok!$A$2:$C$346,2,0))^2+(VLOOKUP($A81,városok!$A$2:$C$346,3,0)-VLOOKUP(AL$1,városok!$A$2:$C$346,3,0))^2)/1000,0)</f>
        <v>95</v>
      </c>
      <c r="AM81">
        <f ca="1">ROUND(SQRT((VLOOKUP($A81,városok!$A$2:$C$346,2,0)-VLOOKUP(AM$1,városok!$A$2:$C$346,2,0))^2+(VLOOKUP($A81,városok!$A$2:$C$346,3,0)-VLOOKUP(AM$1,városok!$A$2:$C$346,3,0))^2)/1000,0)</f>
        <v>122</v>
      </c>
      <c r="AN81">
        <f ca="1">ROUND(SQRT((VLOOKUP($A81,városok!$A$2:$C$346,2,0)-VLOOKUP(AN$1,városok!$A$2:$C$346,2,0))^2+(VLOOKUP($A81,városok!$A$2:$C$346,3,0)-VLOOKUP(AN$1,városok!$A$2:$C$346,3,0))^2)/1000,0)</f>
        <v>154</v>
      </c>
      <c r="AO81">
        <f ca="1">ROUND(SQRT((VLOOKUP($A81,városok!$A$2:$C$346,2,0)-VLOOKUP(AO$1,városok!$A$2:$C$346,2,0))^2+(VLOOKUP($A81,városok!$A$2:$C$346,3,0)-VLOOKUP(AO$1,városok!$A$2:$C$346,3,0))^2)/1000,0)</f>
        <v>200</v>
      </c>
      <c r="AP81">
        <f ca="1">ROUND(SQRT((VLOOKUP($A81,városok!$A$2:$C$346,2,0)-VLOOKUP(AP$1,városok!$A$2:$C$346,2,0))^2+(VLOOKUP($A81,városok!$A$2:$C$346,3,0)-VLOOKUP(AP$1,városok!$A$2:$C$346,3,0))^2)/1000,0)</f>
        <v>189</v>
      </c>
      <c r="AQ81">
        <f ca="1">ROUND(SQRT((VLOOKUP($A81,városok!$A$2:$C$346,2,0)-VLOOKUP(AQ$1,városok!$A$2:$C$346,2,0))^2+(VLOOKUP($A81,városok!$A$2:$C$346,3,0)-VLOOKUP(AQ$1,városok!$A$2:$C$346,3,0))^2)/1000,0)</f>
        <v>187</v>
      </c>
      <c r="AR81">
        <f ca="1">ROUND(SQRT((VLOOKUP($A81,városok!$A$2:$C$346,2,0)-VLOOKUP(AR$1,városok!$A$2:$C$346,2,0))^2+(VLOOKUP($A81,városok!$A$2:$C$346,3,0)-VLOOKUP(AR$1,városok!$A$2:$C$346,3,0))^2)/1000,0)</f>
        <v>82</v>
      </c>
      <c r="AS81">
        <f ca="1">ROUND(SQRT((VLOOKUP($A81,városok!$A$2:$C$346,2,0)-VLOOKUP(AS$1,városok!$A$2:$C$346,2,0))^2+(VLOOKUP($A81,városok!$A$2:$C$346,3,0)-VLOOKUP(AS$1,városok!$A$2:$C$346,3,0))^2)/1000,0)</f>
        <v>68</v>
      </c>
      <c r="AT81">
        <f ca="1">ROUND(SQRT((VLOOKUP($A81,városok!$A$2:$C$346,2,0)-VLOOKUP(AT$1,városok!$A$2:$C$346,2,0))^2+(VLOOKUP($A81,városok!$A$2:$C$346,3,0)-VLOOKUP(AT$1,városok!$A$2:$C$346,3,0))^2)/1000,0)</f>
        <v>164</v>
      </c>
      <c r="AU81">
        <f ca="1">ROUND(SQRT((VLOOKUP($A81,városok!$A$2:$C$346,2,0)-VLOOKUP(AU$1,városok!$A$2:$C$346,2,0))^2+(VLOOKUP($A81,városok!$A$2:$C$346,3,0)-VLOOKUP(AU$1,városok!$A$2:$C$346,3,0))^2)/1000,0)</f>
        <v>156</v>
      </c>
      <c r="AV81">
        <f ca="1">ROUND(SQRT((VLOOKUP($A81,városok!$A$2:$C$346,2,0)-VLOOKUP(AV$1,városok!$A$2:$C$346,2,0))^2+(VLOOKUP($A81,városok!$A$2:$C$346,3,0)-VLOOKUP(AV$1,városok!$A$2:$C$346,3,0))^2)/1000,0)</f>
        <v>160</v>
      </c>
      <c r="AW81">
        <f ca="1">ROUND(SQRT((VLOOKUP($A81,városok!$A$2:$C$346,2,0)-VLOOKUP(AW$1,városok!$A$2:$C$346,2,0))^2+(VLOOKUP($A81,városok!$A$2:$C$346,3,0)-VLOOKUP(AW$1,városok!$A$2:$C$346,3,0))^2)/1000,0)</f>
        <v>163</v>
      </c>
      <c r="AX81">
        <f ca="1">ROUND(SQRT((VLOOKUP($A81,városok!$A$2:$C$346,2,0)-VLOOKUP(AX$1,városok!$A$2:$C$346,2,0))^2+(VLOOKUP($A81,városok!$A$2:$C$346,3,0)-VLOOKUP(AX$1,városok!$A$2:$C$346,3,0))^2)/1000,0)</f>
        <v>149</v>
      </c>
      <c r="AY81">
        <f ca="1">ROUND(SQRT((VLOOKUP($A81,városok!$A$2:$C$346,2,0)-VLOOKUP(AY$1,városok!$A$2:$C$346,2,0))^2+(VLOOKUP($A81,városok!$A$2:$C$346,3,0)-VLOOKUP(AY$1,városok!$A$2:$C$346,3,0))^2)/1000,0)</f>
        <v>137</v>
      </c>
      <c r="AZ81">
        <f ca="1">ROUND(SQRT((VLOOKUP($A81,városok!$A$2:$C$346,2,0)-VLOOKUP(AZ$1,városok!$A$2:$C$346,2,0))^2+(VLOOKUP($A81,városok!$A$2:$C$346,3,0)-VLOOKUP(AZ$1,városok!$A$2:$C$346,3,0))^2)/1000,0)</f>
        <v>138</v>
      </c>
      <c r="BA81">
        <f ca="1">ROUND(SQRT((VLOOKUP($A81,városok!$A$2:$C$346,2,0)-VLOOKUP(BA$1,városok!$A$2:$C$346,2,0))^2+(VLOOKUP($A81,városok!$A$2:$C$346,3,0)-VLOOKUP(BA$1,városok!$A$2:$C$346,3,0))^2)/1000,0)</f>
        <v>277</v>
      </c>
      <c r="BB81">
        <f ca="1">ROUND(SQRT((VLOOKUP($A81,városok!$A$2:$C$346,2,0)-VLOOKUP(BB$1,városok!$A$2:$C$346,2,0))^2+(VLOOKUP($A81,városok!$A$2:$C$346,3,0)-VLOOKUP(BB$1,városok!$A$2:$C$346,3,0))^2)/1000,0)</f>
        <v>280</v>
      </c>
      <c r="BC81">
        <f ca="1">ROUND(SQRT((VLOOKUP($A81,városok!$A$2:$C$346,2,0)-VLOOKUP(BC$1,városok!$A$2:$C$346,2,0))^2+(VLOOKUP($A81,városok!$A$2:$C$346,3,0)-VLOOKUP(BC$1,városok!$A$2:$C$346,3,0))^2)/1000,0)</f>
        <v>302</v>
      </c>
      <c r="BD81">
        <f ca="1">ROUND(SQRT((VLOOKUP($A81,városok!$A$2:$C$346,2,0)-VLOOKUP(BD$1,városok!$A$2:$C$346,2,0))^2+(VLOOKUP($A81,városok!$A$2:$C$346,3,0)-VLOOKUP(BD$1,városok!$A$2:$C$346,3,0))^2)/1000,0)</f>
        <v>247</v>
      </c>
      <c r="BE81">
        <f ca="1">ROUND(SQRT((VLOOKUP($A81,városok!$A$2:$C$346,2,0)-VLOOKUP(BE$1,városok!$A$2:$C$346,2,0))^2+(VLOOKUP($A81,városok!$A$2:$C$346,3,0)-VLOOKUP(BE$1,városok!$A$2:$C$346,3,0))^2)/1000,0)</f>
        <v>152</v>
      </c>
      <c r="BF81">
        <f ca="1">ROUND(SQRT((VLOOKUP($A81,városok!$A$2:$C$346,2,0)-VLOOKUP(BF$1,városok!$A$2:$C$346,2,0))^2+(VLOOKUP($A81,városok!$A$2:$C$346,3,0)-VLOOKUP(BF$1,városok!$A$2:$C$346,3,0))^2)/1000,0)</f>
        <v>102</v>
      </c>
      <c r="BG81">
        <f ca="1">ROUND(SQRT((VLOOKUP($A81,városok!$A$2:$C$346,2,0)-VLOOKUP(BG$1,városok!$A$2:$C$346,2,0))^2+(VLOOKUP($A81,városok!$A$2:$C$346,3,0)-VLOOKUP(BG$1,városok!$A$2:$C$346,3,0))^2)/1000,0)</f>
        <v>57</v>
      </c>
      <c r="BH81">
        <f ca="1">ROUND(SQRT((VLOOKUP($A81,városok!$A$2:$C$346,2,0)-VLOOKUP(BH$1,városok!$A$2:$C$346,2,0))^2+(VLOOKUP($A81,városok!$A$2:$C$346,3,0)-VLOOKUP(BH$1,városok!$A$2:$C$346,3,0))^2)/1000,0)</f>
        <v>57</v>
      </c>
      <c r="BI81">
        <f ca="1">ROUND(SQRT((VLOOKUP($A81,városok!$A$2:$C$346,2,0)-VLOOKUP(BI$1,városok!$A$2:$C$346,2,0))^2+(VLOOKUP($A81,városok!$A$2:$C$346,3,0)-VLOOKUP(BI$1,városok!$A$2:$C$346,3,0))^2)/1000,0)</f>
        <v>257</v>
      </c>
      <c r="BJ81">
        <f ca="1">ROUND(SQRT((VLOOKUP($A81,városok!$A$2:$C$346,2,0)-VLOOKUP(BJ$1,városok!$A$2:$C$346,2,0))^2+(VLOOKUP($A81,városok!$A$2:$C$346,3,0)-VLOOKUP(BJ$1,városok!$A$2:$C$346,3,0))^2)/1000,0)</f>
        <v>274</v>
      </c>
      <c r="BK81">
        <f ca="1">ROUND(SQRT((VLOOKUP($A81,városok!$A$2:$C$346,2,0)-VLOOKUP(BK$1,városok!$A$2:$C$346,2,0))^2+(VLOOKUP($A81,városok!$A$2:$C$346,3,0)-VLOOKUP(BK$1,városok!$A$2:$C$346,3,0))^2)/1000,0)</f>
        <v>257</v>
      </c>
      <c r="BL81">
        <f ca="1">ROUND(SQRT((VLOOKUP($A81,városok!$A$2:$C$346,2,0)-VLOOKUP(BL$1,városok!$A$2:$C$346,2,0))^2+(VLOOKUP($A81,városok!$A$2:$C$346,3,0)-VLOOKUP(BL$1,városok!$A$2:$C$346,3,0))^2)/1000,0)</f>
        <v>336</v>
      </c>
      <c r="BM81">
        <f ca="1">ROUND(SQRT((VLOOKUP($A81,városok!$A$2:$C$346,2,0)-VLOOKUP(BM$1,városok!$A$2:$C$346,2,0))^2+(VLOOKUP($A81,városok!$A$2:$C$346,3,0)-VLOOKUP(BM$1,városok!$A$2:$C$346,3,0))^2)/1000,0)</f>
        <v>303</v>
      </c>
      <c r="BN81">
        <f ca="1">ROUND(SQRT((VLOOKUP($A81,városok!$A$2:$C$346,2,0)-VLOOKUP(BN$1,városok!$A$2:$C$346,2,0))^2+(VLOOKUP($A81,városok!$A$2:$C$346,3,0)-VLOOKUP(BN$1,városok!$A$2:$C$346,3,0))^2)/1000,0)</f>
        <v>325</v>
      </c>
      <c r="BO81">
        <f ca="1">ROUND(SQRT((VLOOKUP($A81,városok!$A$2:$C$346,2,0)-VLOOKUP(BO$1,városok!$A$2:$C$346,2,0))^2+(VLOOKUP($A81,városok!$A$2:$C$346,3,0)-VLOOKUP(BO$1,városok!$A$2:$C$346,3,0))^2)/1000,0)</f>
        <v>242</v>
      </c>
      <c r="BP81">
        <f ca="1">ROUND(SQRT((VLOOKUP($A81,városok!$A$2:$C$346,2,0)-VLOOKUP(BP$1,városok!$A$2:$C$346,2,0))^2+(VLOOKUP($A81,városok!$A$2:$C$346,3,0)-VLOOKUP(BP$1,városok!$A$2:$C$346,3,0))^2)/1000,0)</f>
        <v>235</v>
      </c>
      <c r="BQ81">
        <f ca="1">ROUND(SQRT((VLOOKUP($A81,városok!$A$2:$C$346,2,0)-VLOOKUP(BQ$1,városok!$A$2:$C$346,2,0))^2+(VLOOKUP($A81,városok!$A$2:$C$346,3,0)-VLOOKUP(BQ$1,városok!$A$2:$C$346,3,0))^2)/1000,0)</f>
        <v>245</v>
      </c>
      <c r="BR81">
        <f ca="1">ROUND(SQRT((VLOOKUP($A81,városok!$A$2:$C$346,2,0)-VLOOKUP(BR$1,városok!$A$2:$C$346,2,0))^2+(VLOOKUP($A81,városok!$A$2:$C$346,3,0)-VLOOKUP(BR$1,városok!$A$2:$C$346,3,0))^2)/1000,0)</f>
        <v>306</v>
      </c>
      <c r="BS81">
        <f ca="1">ROUND(SQRT((VLOOKUP($A81,városok!$A$2:$C$346,2,0)-VLOOKUP(BS$1,városok!$A$2:$C$346,2,0))^2+(VLOOKUP($A81,városok!$A$2:$C$346,3,0)-VLOOKUP(BS$1,városok!$A$2:$C$346,3,0))^2)/1000,0)</f>
        <v>343</v>
      </c>
      <c r="BT81">
        <f ca="1">ROUND(SQRT((VLOOKUP($A81,városok!$A$2:$C$346,2,0)-VLOOKUP(BT$1,városok!$A$2:$C$346,2,0))^2+(VLOOKUP($A81,városok!$A$2:$C$346,3,0)-VLOOKUP(BT$1,városok!$A$2:$C$346,3,0))^2)/1000,0)</f>
        <v>329</v>
      </c>
    </row>
    <row r="82" spans="1:72" x14ac:dyDescent="0.2">
      <c r="A82" t="str">
        <f>városok!A82</f>
        <v>Sárospatak</v>
      </c>
      <c r="B82">
        <f ca="1">ROUND(SQRT((VLOOKUP($A82,városok!$A$2:$C$346,2,0)-VLOOKUP(B$1,városok!$A$2:$C$346,2,0))^2+(VLOOKUP($A82,városok!$A$2:$C$346,3,0)-VLOOKUP(B$1,városok!$A$2:$C$346,3,0))^2)/1000,0)</f>
        <v>319</v>
      </c>
      <c r="C82">
        <f ca="1">ROUND(SQRT((VLOOKUP($A82,városok!$A$2:$C$346,2,0)-VLOOKUP(C$1,városok!$A$2:$C$346,2,0))^2+(VLOOKUP($A82,városok!$A$2:$C$346,3,0)-VLOOKUP(C$1,városok!$A$2:$C$346,3,0))^2)/1000,0)</f>
        <v>289</v>
      </c>
      <c r="D82">
        <f ca="1">ROUND(SQRT((VLOOKUP($A82,városok!$A$2:$C$346,2,0)-VLOOKUP(D$1,városok!$A$2:$C$346,2,0))^2+(VLOOKUP($A82,városok!$A$2:$C$346,3,0)-VLOOKUP(D$1,városok!$A$2:$C$346,3,0))^2)/1000,0)</f>
        <v>221</v>
      </c>
      <c r="E82">
        <f ca="1">ROUND(SQRT((VLOOKUP($A82,városok!$A$2:$C$346,2,0)-VLOOKUP(E$1,városok!$A$2:$C$346,2,0))^2+(VLOOKUP($A82,városok!$A$2:$C$346,3,0)-VLOOKUP(E$1,városok!$A$2:$C$346,3,0))^2)/1000,0)</f>
        <v>355</v>
      </c>
      <c r="F82">
        <f ca="1">ROUND(SQRT((VLOOKUP($A82,városok!$A$2:$C$346,2,0)-VLOOKUP(F$1,városok!$A$2:$C$346,2,0))^2+(VLOOKUP($A82,városok!$A$2:$C$346,3,0)-VLOOKUP(F$1,városok!$A$2:$C$346,3,0))^2)/1000,0)</f>
        <v>349</v>
      </c>
      <c r="G82">
        <f ca="1">ROUND(SQRT((VLOOKUP($A82,városok!$A$2:$C$346,2,0)-VLOOKUP(G$1,városok!$A$2:$C$346,2,0))^2+(VLOOKUP($A82,városok!$A$2:$C$346,3,0)-VLOOKUP(G$1,városok!$A$2:$C$346,3,0))^2)/1000,0)</f>
        <v>364</v>
      </c>
      <c r="H82">
        <f ca="1">ROUND(SQRT((VLOOKUP($A82,városok!$A$2:$C$346,2,0)-VLOOKUP(H$1,városok!$A$2:$C$346,2,0))^2+(VLOOKUP($A82,városok!$A$2:$C$346,3,0)-VLOOKUP(H$1,városok!$A$2:$C$346,3,0))^2)/1000,0)</f>
        <v>392</v>
      </c>
      <c r="I82">
        <f ca="1">ROUND(SQRT((VLOOKUP($A82,városok!$A$2:$C$346,2,0)-VLOOKUP(I$1,városok!$A$2:$C$346,2,0))^2+(VLOOKUP($A82,városok!$A$2:$C$346,3,0)-VLOOKUP(I$1,városok!$A$2:$C$346,3,0))^2)/1000,0)</f>
        <v>196</v>
      </c>
      <c r="J82">
        <f ca="1">ROUND(SQRT((VLOOKUP($A82,városok!$A$2:$C$346,2,0)-VLOOKUP(J$1,városok!$A$2:$C$346,2,0))^2+(VLOOKUP($A82,városok!$A$2:$C$346,3,0)-VLOOKUP(J$1,városok!$A$2:$C$346,3,0))^2)/1000,0)</f>
        <v>197</v>
      </c>
      <c r="K82">
        <f ca="1">ROUND(SQRT((VLOOKUP($A82,városok!$A$2:$C$346,2,0)-VLOOKUP(K$1,városok!$A$2:$C$346,2,0))^2+(VLOOKUP($A82,városok!$A$2:$C$346,3,0)-VLOOKUP(K$1,városok!$A$2:$C$346,3,0))^2)/1000,0)</f>
        <v>217</v>
      </c>
      <c r="L82">
        <f ca="1">ROUND(SQRT((VLOOKUP($A82,városok!$A$2:$C$346,2,0)-VLOOKUP(L$1,városok!$A$2:$C$346,2,0))^2+(VLOOKUP($A82,városok!$A$2:$C$346,3,0)-VLOOKUP(L$1,városok!$A$2:$C$346,3,0))^2)/1000,0)</f>
        <v>77</v>
      </c>
      <c r="M82">
        <f ca="1">ROUND(SQRT((VLOOKUP($A82,városok!$A$2:$C$346,2,0)-VLOOKUP(M$1,városok!$A$2:$C$346,2,0))^2+(VLOOKUP($A82,városok!$A$2:$C$346,3,0)-VLOOKUP(M$1,városok!$A$2:$C$346,3,0))^2)/1000,0)</f>
        <v>71</v>
      </c>
      <c r="N82">
        <f ca="1">ROUND(SQRT((VLOOKUP($A82,városok!$A$2:$C$346,2,0)-VLOOKUP(N$1,városok!$A$2:$C$346,2,0))^2+(VLOOKUP($A82,városok!$A$2:$C$346,3,0)-VLOOKUP(N$1,városok!$A$2:$C$346,3,0))^2)/1000,0)</f>
        <v>103</v>
      </c>
      <c r="O82">
        <f ca="1">ROUND(SQRT((VLOOKUP($A82,városok!$A$2:$C$346,2,0)-VLOOKUP(O$1,városok!$A$2:$C$346,2,0))^2+(VLOOKUP($A82,városok!$A$2:$C$346,3,0)-VLOOKUP(O$1,városok!$A$2:$C$346,3,0))^2)/1000,0)</f>
        <v>0</v>
      </c>
      <c r="P82">
        <f ca="1">ROUND(SQRT((VLOOKUP($A82,városok!$A$2:$C$346,2,0)-VLOOKUP(P$1,városok!$A$2:$C$346,2,0))^2+(VLOOKUP($A82,városok!$A$2:$C$346,3,0)-VLOOKUP(P$1,városok!$A$2:$C$346,3,0))^2)/1000,0)</f>
        <v>0</v>
      </c>
      <c r="Q82">
        <f ca="1">ROUND(SQRT((VLOOKUP($A82,városok!$A$2:$C$346,2,0)-VLOOKUP(Q$1,városok!$A$2:$C$346,2,0))^2+(VLOOKUP($A82,városok!$A$2:$C$346,3,0)-VLOOKUP(Q$1,városok!$A$2:$C$346,3,0))^2)/1000,0)</f>
        <v>242</v>
      </c>
      <c r="R82">
        <f ca="1">ROUND(SQRT((VLOOKUP($A82,városok!$A$2:$C$346,2,0)-VLOOKUP(R$1,városok!$A$2:$C$346,2,0))^2+(VLOOKUP($A82,városok!$A$2:$C$346,3,0)-VLOOKUP(R$1,városok!$A$2:$C$346,3,0))^2)/1000,0)</f>
        <v>258</v>
      </c>
      <c r="S82">
        <f ca="1">ROUND(SQRT((VLOOKUP($A82,városok!$A$2:$C$346,2,0)-VLOOKUP(S$1,városok!$A$2:$C$346,2,0))^2+(VLOOKUP($A82,városok!$A$2:$C$346,3,0)-VLOOKUP(S$1,városok!$A$2:$C$346,3,0))^2)/1000,0)</f>
        <v>264</v>
      </c>
      <c r="T82">
        <f ca="1">ROUND(SQRT((VLOOKUP($A82,városok!$A$2:$C$346,2,0)-VLOOKUP(T$1,városok!$A$2:$C$346,2,0))^2+(VLOOKUP($A82,városok!$A$2:$C$346,3,0)-VLOOKUP(T$1,városok!$A$2:$C$346,3,0))^2)/1000,0)</f>
        <v>247</v>
      </c>
      <c r="U82">
        <f ca="1">ROUND(SQRT((VLOOKUP($A82,városok!$A$2:$C$346,2,0)-VLOOKUP(U$1,városok!$A$2:$C$346,2,0))^2+(VLOOKUP($A82,városok!$A$2:$C$346,3,0)-VLOOKUP(U$1,városok!$A$2:$C$346,3,0))^2)/1000,0)</f>
        <v>259</v>
      </c>
      <c r="V82">
        <f ca="1">ROUND(SQRT((VLOOKUP($A82,városok!$A$2:$C$346,2,0)-VLOOKUP(V$1,városok!$A$2:$C$346,2,0))^2+(VLOOKUP($A82,városok!$A$2:$C$346,3,0)-VLOOKUP(V$1,városok!$A$2:$C$346,3,0))^2)/1000,0)</f>
        <v>292</v>
      </c>
      <c r="W82">
        <f ca="1">ROUND(SQRT((VLOOKUP($A82,városok!$A$2:$C$346,2,0)-VLOOKUP(W$1,városok!$A$2:$C$346,2,0))^2+(VLOOKUP($A82,városok!$A$2:$C$346,3,0)-VLOOKUP(W$1,városok!$A$2:$C$346,3,0))^2)/1000,0)</f>
        <v>283</v>
      </c>
      <c r="X82">
        <f ca="1">ROUND(SQRT((VLOOKUP($A82,városok!$A$2:$C$346,2,0)-VLOOKUP(X$1,városok!$A$2:$C$346,2,0))^2+(VLOOKUP($A82,városok!$A$2:$C$346,3,0)-VLOOKUP(X$1,városok!$A$2:$C$346,3,0))^2)/1000,0)</f>
        <v>277</v>
      </c>
      <c r="Y82">
        <f ca="1">ROUND(SQRT((VLOOKUP($A82,városok!$A$2:$C$346,2,0)-VLOOKUP(Y$1,városok!$A$2:$C$346,2,0))^2+(VLOOKUP($A82,városok!$A$2:$C$346,3,0)-VLOOKUP(Y$1,városok!$A$2:$C$346,3,0))^2)/1000,0)</f>
        <v>310</v>
      </c>
      <c r="Z82">
        <f ca="1">ROUND(SQRT((VLOOKUP($A82,városok!$A$2:$C$346,2,0)-VLOOKUP(Z$1,városok!$A$2:$C$346,2,0))^2+(VLOOKUP($A82,városok!$A$2:$C$346,3,0)-VLOOKUP(Z$1,városok!$A$2:$C$346,3,0))^2)/1000,0)</f>
        <v>326</v>
      </c>
      <c r="AA82">
        <f ca="1">ROUND(SQRT((VLOOKUP($A82,városok!$A$2:$C$346,2,0)-VLOOKUP(AA$1,városok!$A$2:$C$346,2,0))^2+(VLOOKUP($A82,városok!$A$2:$C$346,3,0)-VLOOKUP(AA$1,városok!$A$2:$C$346,3,0))^2)/1000,0)</f>
        <v>386</v>
      </c>
      <c r="AB82">
        <f ca="1">ROUND(SQRT((VLOOKUP($A82,városok!$A$2:$C$346,2,0)-VLOOKUP(AB$1,városok!$A$2:$C$346,2,0))^2+(VLOOKUP($A82,városok!$A$2:$C$346,3,0)-VLOOKUP(AB$1,városok!$A$2:$C$346,3,0))^2)/1000,0)</f>
        <v>96</v>
      </c>
      <c r="AC82">
        <f ca="1">ROUND(SQRT((VLOOKUP($A82,városok!$A$2:$C$346,2,0)-VLOOKUP(AC$1,városok!$A$2:$C$346,2,0))^2+(VLOOKUP($A82,városok!$A$2:$C$346,3,0)-VLOOKUP(AC$1,városok!$A$2:$C$346,3,0))^2)/1000,0)</f>
        <v>108</v>
      </c>
      <c r="AD82">
        <f ca="1">ROUND(SQRT((VLOOKUP($A82,városok!$A$2:$C$346,2,0)-VLOOKUP(AD$1,városok!$A$2:$C$346,2,0))^2+(VLOOKUP($A82,városok!$A$2:$C$346,3,0)-VLOOKUP(AD$1,városok!$A$2:$C$346,3,0))^2)/1000,0)</f>
        <v>114</v>
      </c>
      <c r="AE82">
        <f ca="1">ROUND(SQRT((VLOOKUP($A82,városok!$A$2:$C$346,2,0)-VLOOKUP(AE$1,városok!$A$2:$C$346,2,0))^2+(VLOOKUP($A82,városok!$A$2:$C$346,3,0)-VLOOKUP(AE$1,városok!$A$2:$C$346,3,0))^2)/1000,0)</f>
        <v>129</v>
      </c>
      <c r="AF82">
        <f ca="1">ROUND(SQRT((VLOOKUP($A82,városok!$A$2:$C$346,2,0)-VLOOKUP(AF$1,városok!$A$2:$C$346,2,0))^2+(VLOOKUP($A82,városok!$A$2:$C$346,3,0)-VLOOKUP(AF$1,városok!$A$2:$C$346,3,0))^2)/1000,0)</f>
        <v>110</v>
      </c>
      <c r="AG82">
        <f ca="1">ROUND(SQRT((VLOOKUP($A82,városok!$A$2:$C$346,2,0)-VLOOKUP(AG$1,városok!$A$2:$C$346,2,0))^2+(VLOOKUP($A82,városok!$A$2:$C$346,3,0)-VLOOKUP(AG$1,városok!$A$2:$C$346,3,0))^2)/1000,0)</f>
        <v>146</v>
      </c>
      <c r="AH82">
        <f ca="1">ROUND(SQRT((VLOOKUP($A82,városok!$A$2:$C$346,2,0)-VLOOKUP(AH$1,városok!$A$2:$C$346,2,0))^2+(VLOOKUP($A82,városok!$A$2:$C$346,3,0)-VLOOKUP(AH$1,városok!$A$2:$C$346,3,0))^2)/1000,0)</f>
        <v>168</v>
      </c>
      <c r="AI82">
        <f ca="1">ROUND(SQRT((VLOOKUP($A82,városok!$A$2:$C$346,2,0)-VLOOKUP(AI$1,városok!$A$2:$C$346,2,0))^2+(VLOOKUP($A82,városok!$A$2:$C$346,3,0)-VLOOKUP(AI$1,városok!$A$2:$C$346,3,0))^2)/1000,0)</f>
        <v>123</v>
      </c>
      <c r="AJ82">
        <f ca="1">ROUND(SQRT((VLOOKUP($A82,városok!$A$2:$C$346,2,0)-VLOOKUP(AJ$1,városok!$A$2:$C$346,2,0))^2+(VLOOKUP($A82,városok!$A$2:$C$346,3,0)-VLOOKUP(AJ$1,városok!$A$2:$C$346,3,0))^2)/1000,0)</f>
        <v>150</v>
      </c>
      <c r="AK82">
        <f ca="1">ROUND(SQRT((VLOOKUP($A82,városok!$A$2:$C$346,2,0)-VLOOKUP(AK$1,városok!$A$2:$C$346,2,0))^2+(VLOOKUP($A82,városok!$A$2:$C$346,3,0)-VLOOKUP(AK$1,városok!$A$2:$C$346,3,0))^2)/1000,0)</f>
        <v>134</v>
      </c>
      <c r="AL82">
        <f ca="1">ROUND(SQRT((VLOOKUP($A82,városok!$A$2:$C$346,2,0)-VLOOKUP(AL$1,városok!$A$2:$C$346,2,0))^2+(VLOOKUP($A82,városok!$A$2:$C$346,3,0)-VLOOKUP(AL$1,városok!$A$2:$C$346,3,0))^2)/1000,0)</f>
        <v>138</v>
      </c>
      <c r="AM82">
        <f ca="1">ROUND(SQRT((VLOOKUP($A82,városok!$A$2:$C$346,2,0)-VLOOKUP(AM$1,városok!$A$2:$C$346,2,0))^2+(VLOOKUP($A82,városok!$A$2:$C$346,3,0)-VLOOKUP(AM$1,városok!$A$2:$C$346,3,0))^2)/1000,0)</f>
        <v>174</v>
      </c>
      <c r="AN82">
        <f ca="1">ROUND(SQRT((VLOOKUP($A82,városok!$A$2:$C$346,2,0)-VLOOKUP(AN$1,városok!$A$2:$C$346,2,0))^2+(VLOOKUP($A82,városok!$A$2:$C$346,3,0)-VLOOKUP(AN$1,városok!$A$2:$C$346,3,0))^2)/1000,0)</f>
        <v>227</v>
      </c>
      <c r="AO82">
        <f ca="1">ROUND(SQRT((VLOOKUP($A82,városok!$A$2:$C$346,2,0)-VLOOKUP(AO$1,városok!$A$2:$C$346,2,0))^2+(VLOOKUP($A82,városok!$A$2:$C$346,3,0)-VLOOKUP(AO$1,városok!$A$2:$C$346,3,0))^2)/1000,0)</f>
        <v>273</v>
      </c>
      <c r="AP82">
        <f ca="1">ROUND(SQRT((VLOOKUP($A82,városok!$A$2:$C$346,2,0)-VLOOKUP(AP$1,városok!$A$2:$C$346,2,0))^2+(VLOOKUP($A82,városok!$A$2:$C$346,3,0)-VLOOKUP(AP$1,városok!$A$2:$C$346,3,0))^2)/1000,0)</f>
        <v>261</v>
      </c>
      <c r="AQ82">
        <f ca="1">ROUND(SQRT((VLOOKUP($A82,városok!$A$2:$C$346,2,0)-VLOOKUP(AQ$1,városok!$A$2:$C$346,2,0))^2+(VLOOKUP($A82,városok!$A$2:$C$346,3,0)-VLOOKUP(AQ$1,városok!$A$2:$C$346,3,0))^2)/1000,0)</f>
        <v>259</v>
      </c>
      <c r="AR82">
        <f ca="1">ROUND(SQRT((VLOOKUP($A82,városok!$A$2:$C$346,2,0)-VLOOKUP(AR$1,városok!$A$2:$C$346,2,0))^2+(VLOOKUP($A82,városok!$A$2:$C$346,3,0)-VLOOKUP(AR$1,városok!$A$2:$C$346,3,0))^2)/1000,0)</f>
        <v>155</v>
      </c>
      <c r="AS82">
        <f ca="1">ROUND(SQRT((VLOOKUP($A82,városok!$A$2:$C$346,2,0)-VLOOKUP(AS$1,városok!$A$2:$C$346,2,0))^2+(VLOOKUP($A82,városok!$A$2:$C$346,3,0)-VLOOKUP(AS$1,városok!$A$2:$C$346,3,0))^2)/1000,0)</f>
        <v>140</v>
      </c>
      <c r="AT82">
        <f ca="1">ROUND(SQRT((VLOOKUP($A82,városok!$A$2:$C$346,2,0)-VLOOKUP(AT$1,városok!$A$2:$C$346,2,0))^2+(VLOOKUP($A82,városok!$A$2:$C$346,3,0)-VLOOKUP(AT$1,városok!$A$2:$C$346,3,0))^2)/1000,0)</f>
        <v>235</v>
      </c>
      <c r="AU82">
        <f ca="1">ROUND(SQRT((VLOOKUP($A82,városok!$A$2:$C$346,2,0)-VLOOKUP(AU$1,városok!$A$2:$C$346,2,0))^2+(VLOOKUP($A82,városok!$A$2:$C$346,3,0)-VLOOKUP(AU$1,városok!$A$2:$C$346,3,0))^2)/1000,0)</f>
        <v>226</v>
      </c>
      <c r="AV82">
        <f ca="1">ROUND(SQRT((VLOOKUP($A82,városok!$A$2:$C$346,2,0)-VLOOKUP(AV$1,városok!$A$2:$C$346,2,0))^2+(VLOOKUP($A82,városok!$A$2:$C$346,3,0)-VLOOKUP(AV$1,városok!$A$2:$C$346,3,0))^2)/1000,0)</f>
        <v>230</v>
      </c>
      <c r="AW82">
        <f ca="1">ROUND(SQRT((VLOOKUP($A82,városok!$A$2:$C$346,2,0)-VLOOKUP(AW$1,városok!$A$2:$C$346,2,0))^2+(VLOOKUP($A82,városok!$A$2:$C$346,3,0)-VLOOKUP(AW$1,városok!$A$2:$C$346,3,0))^2)/1000,0)</f>
        <v>233</v>
      </c>
      <c r="AX82">
        <f ca="1">ROUND(SQRT((VLOOKUP($A82,városok!$A$2:$C$346,2,0)-VLOOKUP(AX$1,városok!$A$2:$C$346,2,0))^2+(VLOOKUP($A82,városok!$A$2:$C$346,3,0)-VLOOKUP(AX$1,városok!$A$2:$C$346,3,0))^2)/1000,0)</f>
        <v>207</v>
      </c>
      <c r="AY82">
        <f ca="1">ROUND(SQRT((VLOOKUP($A82,városok!$A$2:$C$346,2,0)-VLOOKUP(AY$1,városok!$A$2:$C$346,2,0))^2+(VLOOKUP($A82,városok!$A$2:$C$346,3,0)-VLOOKUP(AY$1,városok!$A$2:$C$346,3,0))^2)/1000,0)</f>
        <v>209</v>
      </c>
      <c r="AZ82">
        <f ca="1">ROUND(SQRT((VLOOKUP($A82,városok!$A$2:$C$346,2,0)-VLOOKUP(AZ$1,városok!$A$2:$C$346,2,0))^2+(VLOOKUP($A82,városok!$A$2:$C$346,3,0)-VLOOKUP(AZ$1,városok!$A$2:$C$346,3,0))^2)/1000,0)</f>
        <v>211</v>
      </c>
      <c r="BA82">
        <f ca="1">ROUND(SQRT((VLOOKUP($A82,városok!$A$2:$C$346,2,0)-VLOOKUP(BA$1,városok!$A$2:$C$346,2,0))^2+(VLOOKUP($A82,városok!$A$2:$C$346,3,0)-VLOOKUP(BA$1,városok!$A$2:$C$346,3,0))^2)/1000,0)</f>
        <v>347</v>
      </c>
      <c r="BB82">
        <f ca="1">ROUND(SQRT((VLOOKUP($A82,városok!$A$2:$C$346,2,0)-VLOOKUP(BB$1,városok!$A$2:$C$346,2,0))^2+(VLOOKUP($A82,városok!$A$2:$C$346,3,0)-VLOOKUP(BB$1,városok!$A$2:$C$346,3,0))^2)/1000,0)</f>
        <v>348</v>
      </c>
      <c r="BC82">
        <f ca="1">ROUND(SQRT((VLOOKUP($A82,városok!$A$2:$C$346,2,0)-VLOOKUP(BC$1,városok!$A$2:$C$346,2,0))^2+(VLOOKUP($A82,városok!$A$2:$C$346,3,0)-VLOOKUP(BC$1,városok!$A$2:$C$346,3,0))^2)/1000,0)</f>
        <v>369</v>
      </c>
      <c r="BD82">
        <f ca="1">ROUND(SQRT((VLOOKUP($A82,városok!$A$2:$C$346,2,0)-VLOOKUP(BD$1,városok!$A$2:$C$346,2,0))^2+(VLOOKUP($A82,városok!$A$2:$C$346,3,0)-VLOOKUP(BD$1,városok!$A$2:$C$346,3,0))^2)/1000,0)</f>
        <v>316</v>
      </c>
      <c r="BE82">
        <f ca="1">ROUND(SQRT((VLOOKUP($A82,városok!$A$2:$C$346,2,0)-VLOOKUP(BE$1,városok!$A$2:$C$346,2,0))^2+(VLOOKUP($A82,városok!$A$2:$C$346,3,0)-VLOOKUP(BE$1,városok!$A$2:$C$346,3,0))^2)/1000,0)</f>
        <v>98</v>
      </c>
      <c r="BF82">
        <f ca="1">ROUND(SQRT((VLOOKUP($A82,városok!$A$2:$C$346,2,0)-VLOOKUP(BF$1,városok!$A$2:$C$346,2,0))^2+(VLOOKUP($A82,városok!$A$2:$C$346,3,0)-VLOOKUP(BF$1,városok!$A$2:$C$346,3,0))^2)/1000,0)</f>
        <v>37</v>
      </c>
      <c r="BG82">
        <f ca="1">ROUND(SQRT((VLOOKUP($A82,városok!$A$2:$C$346,2,0)-VLOOKUP(BG$1,városok!$A$2:$C$346,2,0))^2+(VLOOKUP($A82,városok!$A$2:$C$346,3,0)-VLOOKUP(BG$1,városok!$A$2:$C$346,3,0))^2)/1000,0)</f>
        <v>33</v>
      </c>
      <c r="BH82">
        <f ca="1">ROUND(SQRT((VLOOKUP($A82,városok!$A$2:$C$346,2,0)-VLOOKUP(BH$1,városok!$A$2:$C$346,2,0))^2+(VLOOKUP($A82,városok!$A$2:$C$346,3,0)-VLOOKUP(BH$1,városok!$A$2:$C$346,3,0))^2)/1000,0)</f>
        <v>33</v>
      </c>
      <c r="BI82">
        <f ca="1">ROUND(SQRT((VLOOKUP($A82,városok!$A$2:$C$346,2,0)-VLOOKUP(BI$1,városok!$A$2:$C$346,2,0))^2+(VLOOKUP($A82,városok!$A$2:$C$346,3,0)-VLOOKUP(BI$1,városok!$A$2:$C$346,3,0))^2)/1000,0)</f>
        <v>319</v>
      </c>
      <c r="BJ82">
        <f ca="1">ROUND(SQRT((VLOOKUP($A82,városok!$A$2:$C$346,2,0)-VLOOKUP(BJ$1,városok!$A$2:$C$346,2,0))^2+(VLOOKUP($A82,városok!$A$2:$C$346,3,0)-VLOOKUP(BJ$1,városok!$A$2:$C$346,3,0))^2)/1000,0)</f>
        <v>337</v>
      </c>
      <c r="BK82">
        <f ca="1">ROUND(SQRT((VLOOKUP($A82,városok!$A$2:$C$346,2,0)-VLOOKUP(BK$1,városok!$A$2:$C$346,2,0))^2+(VLOOKUP($A82,városok!$A$2:$C$346,3,0)-VLOOKUP(BK$1,városok!$A$2:$C$346,3,0))^2)/1000,0)</f>
        <v>318</v>
      </c>
      <c r="BL82">
        <f ca="1">ROUND(SQRT((VLOOKUP($A82,városok!$A$2:$C$346,2,0)-VLOOKUP(BL$1,városok!$A$2:$C$346,2,0))^2+(VLOOKUP($A82,városok!$A$2:$C$346,3,0)-VLOOKUP(BL$1,városok!$A$2:$C$346,3,0))^2)/1000,0)</f>
        <v>409</v>
      </c>
      <c r="BM82">
        <f ca="1">ROUND(SQRT((VLOOKUP($A82,városok!$A$2:$C$346,2,0)-VLOOKUP(BM$1,városok!$A$2:$C$346,2,0))^2+(VLOOKUP($A82,városok!$A$2:$C$346,3,0)-VLOOKUP(BM$1,városok!$A$2:$C$346,3,0))^2)/1000,0)</f>
        <v>375</v>
      </c>
      <c r="BN82">
        <f ca="1">ROUND(SQRT((VLOOKUP($A82,városok!$A$2:$C$346,2,0)-VLOOKUP(BN$1,városok!$A$2:$C$346,2,0))^2+(VLOOKUP($A82,városok!$A$2:$C$346,3,0)-VLOOKUP(BN$1,városok!$A$2:$C$346,3,0))^2)/1000,0)</f>
        <v>398</v>
      </c>
      <c r="BO82">
        <f ca="1">ROUND(SQRT((VLOOKUP($A82,városok!$A$2:$C$346,2,0)-VLOOKUP(BO$1,városok!$A$2:$C$346,2,0))^2+(VLOOKUP($A82,városok!$A$2:$C$346,3,0)-VLOOKUP(BO$1,városok!$A$2:$C$346,3,0))^2)/1000,0)</f>
        <v>312</v>
      </c>
      <c r="BP82">
        <f ca="1">ROUND(SQRT((VLOOKUP($A82,városok!$A$2:$C$346,2,0)-VLOOKUP(BP$1,városok!$A$2:$C$346,2,0))^2+(VLOOKUP($A82,városok!$A$2:$C$346,3,0)-VLOOKUP(BP$1,városok!$A$2:$C$346,3,0))^2)/1000,0)</f>
        <v>306</v>
      </c>
      <c r="BQ82">
        <f ca="1">ROUND(SQRT((VLOOKUP($A82,városok!$A$2:$C$346,2,0)-VLOOKUP(BQ$1,városok!$A$2:$C$346,2,0))^2+(VLOOKUP($A82,városok!$A$2:$C$346,3,0)-VLOOKUP(BQ$1,városok!$A$2:$C$346,3,0))^2)/1000,0)</f>
        <v>316</v>
      </c>
      <c r="BR82">
        <f ca="1">ROUND(SQRT((VLOOKUP($A82,városok!$A$2:$C$346,2,0)-VLOOKUP(BR$1,városok!$A$2:$C$346,2,0))^2+(VLOOKUP($A82,városok!$A$2:$C$346,3,0)-VLOOKUP(BR$1,városok!$A$2:$C$346,3,0))^2)/1000,0)</f>
        <v>377</v>
      </c>
      <c r="BS82">
        <f ca="1">ROUND(SQRT((VLOOKUP($A82,városok!$A$2:$C$346,2,0)-VLOOKUP(BS$1,városok!$A$2:$C$346,2,0))^2+(VLOOKUP($A82,városok!$A$2:$C$346,3,0)-VLOOKUP(BS$1,városok!$A$2:$C$346,3,0))^2)/1000,0)</f>
        <v>413</v>
      </c>
      <c r="BT82">
        <f ca="1">ROUND(SQRT((VLOOKUP($A82,városok!$A$2:$C$346,2,0)-VLOOKUP(BT$1,városok!$A$2:$C$346,2,0))^2+(VLOOKUP($A82,városok!$A$2:$C$346,3,0)-VLOOKUP(BT$1,városok!$A$2:$C$346,3,0))^2)/1000,0)</f>
        <v>401</v>
      </c>
    </row>
    <row r="83" spans="1:72" x14ac:dyDescent="0.2">
      <c r="A83" t="str">
        <f>városok!A83</f>
        <v>Sátoraljaújhely</v>
      </c>
      <c r="B83">
        <f ca="1">ROUND(SQRT((VLOOKUP($A83,városok!$A$2:$C$346,2,0)-VLOOKUP(B$1,városok!$A$2:$C$346,2,0))^2+(VLOOKUP($A83,városok!$A$2:$C$346,3,0)-VLOOKUP(B$1,városok!$A$2:$C$346,3,0))^2)/1000,0)</f>
        <v>319</v>
      </c>
      <c r="C83">
        <f ca="1">ROUND(SQRT((VLOOKUP($A83,városok!$A$2:$C$346,2,0)-VLOOKUP(C$1,városok!$A$2:$C$346,2,0))^2+(VLOOKUP($A83,városok!$A$2:$C$346,3,0)-VLOOKUP(C$1,városok!$A$2:$C$346,3,0))^2)/1000,0)</f>
        <v>289</v>
      </c>
      <c r="D83">
        <f ca="1">ROUND(SQRT((VLOOKUP($A83,városok!$A$2:$C$346,2,0)-VLOOKUP(D$1,városok!$A$2:$C$346,2,0))^2+(VLOOKUP($A83,városok!$A$2:$C$346,3,0)-VLOOKUP(D$1,városok!$A$2:$C$346,3,0))^2)/1000,0)</f>
        <v>222</v>
      </c>
      <c r="E83">
        <f ca="1">ROUND(SQRT((VLOOKUP($A83,városok!$A$2:$C$346,2,0)-VLOOKUP(E$1,városok!$A$2:$C$346,2,0))^2+(VLOOKUP($A83,városok!$A$2:$C$346,3,0)-VLOOKUP(E$1,városok!$A$2:$C$346,3,0))^2)/1000,0)</f>
        <v>355</v>
      </c>
      <c r="F83">
        <f ca="1">ROUND(SQRT((VLOOKUP($A83,városok!$A$2:$C$346,2,0)-VLOOKUP(F$1,városok!$A$2:$C$346,2,0))^2+(VLOOKUP($A83,városok!$A$2:$C$346,3,0)-VLOOKUP(F$1,városok!$A$2:$C$346,3,0))^2)/1000,0)</f>
        <v>349</v>
      </c>
      <c r="G83">
        <f ca="1">ROUND(SQRT((VLOOKUP($A83,városok!$A$2:$C$346,2,0)-VLOOKUP(G$1,városok!$A$2:$C$346,2,0))^2+(VLOOKUP($A83,városok!$A$2:$C$346,3,0)-VLOOKUP(G$1,városok!$A$2:$C$346,3,0))^2)/1000,0)</f>
        <v>364</v>
      </c>
      <c r="H83">
        <f ca="1">ROUND(SQRT((VLOOKUP($A83,városok!$A$2:$C$346,2,0)-VLOOKUP(H$1,városok!$A$2:$C$346,2,0))^2+(VLOOKUP($A83,városok!$A$2:$C$346,3,0)-VLOOKUP(H$1,városok!$A$2:$C$346,3,0))^2)/1000,0)</f>
        <v>392</v>
      </c>
      <c r="I83">
        <f ca="1">ROUND(SQRT((VLOOKUP($A83,városok!$A$2:$C$346,2,0)-VLOOKUP(I$1,városok!$A$2:$C$346,2,0))^2+(VLOOKUP($A83,városok!$A$2:$C$346,3,0)-VLOOKUP(I$1,városok!$A$2:$C$346,3,0))^2)/1000,0)</f>
        <v>196</v>
      </c>
      <c r="J83">
        <f ca="1">ROUND(SQRT((VLOOKUP($A83,városok!$A$2:$C$346,2,0)-VLOOKUP(J$1,városok!$A$2:$C$346,2,0))^2+(VLOOKUP($A83,városok!$A$2:$C$346,3,0)-VLOOKUP(J$1,városok!$A$2:$C$346,3,0))^2)/1000,0)</f>
        <v>197</v>
      </c>
      <c r="K83">
        <f ca="1">ROUND(SQRT((VLOOKUP($A83,városok!$A$2:$C$346,2,0)-VLOOKUP(K$1,városok!$A$2:$C$346,2,0))^2+(VLOOKUP($A83,városok!$A$2:$C$346,3,0)-VLOOKUP(K$1,városok!$A$2:$C$346,3,0))^2)/1000,0)</f>
        <v>217</v>
      </c>
      <c r="L83">
        <f ca="1">ROUND(SQRT((VLOOKUP($A83,városok!$A$2:$C$346,2,0)-VLOOKUP(L$1,városok!$A$2:$C$346,2,0))^2+(VLOOKUP($A83,városok!$A$2:$C$346,3,0)-VLOOKUP(L$1,városok!$A$2:$C$346,3,0))^2)/1000,0)</f>
        <v>77</v>
      </c>
      <c r="M83">
        <f ca="1">ROUND(SQRT((VLOOKUP($A83,városok!$A$2:$C$346,2,0)-VLOOKUP(M$1,városok!$A$2:$C$346,2,0))^2+(VLOOKUP($A83,városok!$A$2:$C$346,3,0)-VLOOKUP(M$1,városok!$A$2:$C$346,3,0))^2)/1000,0)</f>
        <v>71</v>
      </c>
      <c r="N83">
        <f ca="1">ROUND(SQRT((VLOOKUP($A83,városok!$A$2:$C$346,2,0)-VLOOKUP(N$1,városok!$A$2:$C$346,2,0))^2+(VLOOKUP($A83,városok!$A$2:$C$346,3,0)-VLOOKUP(N$1,városok!$A$2:$C$346,3,0))^2)/1000,0)</f>
        <v>103</v>
      </c>
      <c r="O83">
        <f ca="1">ROUND(SQRT((VLOOKUP($A83,városok!$A$2:$C$346,2,0)-VLOOKUP(O$1,városok!$A$2:$C$346,2,0))^2+(VLOOKUP($A83,városok!$A$2:$C$346,3,0)-VLOOKUP(O$1,városok!$A$2:$C$346,3,0))^2)/1000,0)</f>
        <v>0</v>
      </c>
      <c r="P83">
        <f ca="1">ROUND(SQRT((VLOOKUP($A83,városok!$A$2:$C$346,2,0)-VLOOKUP(P$1,városok!$A$2:$C$346,2,0))^2+(VLOOKUP($A83,városok!$A$2:$C$346,3,0)-VLOOKUP(P$1,városok!$A$2:$C$346,3,0))^2)/1000,0)</f>
        <v>0</v>
      </c>
      <c r="Q83">
        <f ca="1">ROUND(SQRT((VLOOKUP($A83,városok!$A$2:$C$346,2,0)-VLOOKUP(Q$1,városok!$A$2:$C$346,2,0))^2+(VLOOKUP($A83,városok!$A$2:$C$346,3,0)-VLOOKUP(Q$1,városok!$A$2:$C$346,3,0))^2)/1000,0)</f>
        <v>242</v>
      </c>
      <c r="R83">
        <f ca="1">ROUND(SQRT((VLOOKUP($A83,városok!$A$2:$C$346,2,0)-VLOOKUP(R$1,városok!$A$2:$C$346,2,0))^2+(VLOOKUP($A83,városok!$A$2:$C$346,3,0)-VLOOKUP(R$1,városok!$A$2:$C$346,3,0))^2)/1000,0)</f>
        <v>258</v>
      </c>
      <c r="S83">
        <f ca="1">ROUND(SQRT((VLOOKUP($A83,városok!$A$2:$C$346,2,0)-VLOOKUP(S$1,városok!$A$2:$C$346,2,0))^2+(VLOOKUP($A83,városok!$A$2:$C$346,3,0)-VLOOKUP(S$1,városok!$A$2:$C$346,3,0))^2)/1000,0)</f>
        <v>264</v>
      </c>
      <c r="T83">
        <f ca="1">ROUND(SQRT((VLOOKUP($A83,városok!$A$2:$C$346,2,0)-VLOOKUP(T$1,városok!$A$2:$C$346,2,0))^2+(VLOOKUP($A83,városok!$A$2:$C$346,3,0)-VLOOKUP(T$1,városok!$A$2:$C$346,3,0))^2)/1000,0)</f>
        <v>247</v>
      </c>
      <c r="U83">
        <f ca="1">ROUND(SQRT((VLOOKUP($A83,városok!$A$2:$C$346,2,0)-VLOOKUP(U$1,városok!$A$2:$C$346,2,0))^2+(VLOOKUP($A83,városok!$A$2:$C$346,3,0)-VLOOKUP(U$1,városok!$A$2:$C$346,3,0))^2)/1000,0)</f>
        <v>259</v>
      </c>
      <c r="V83">
        <f ca="1">ROUND(SQRT((VLOOKUP($A83,városok!$A$2:$C$346,2,0)-VLOOKUP(V$1,városok!$A$2:$C$346,2,0))^2+(VLOOKUP($A83,városok!$A$2:$C$346,3,0)-VLOOKUP(V$1,városok!$A$2:$C$346,3,0))^2)/1000,0)</f>
        <v>292</v>
      </c>
      <c r="W83">
        <f ca="1">ROUND(SQRT((VLOOKUP($A83,városok!$A$2:$C$346,2,0)-VLOOKUP(W$1,városok!$A$2:$C$346,2,0))^2+(VLOOKUP($A83,városok!$A$2:$C$346,3,0)-VLOOKUP(W$1,városok!$A$2:$C$346,3,0))^2)/1000,0)</f>
        <v>283</v>
      </c>
      <c r="X83">
        <f ca="1">ROUND(SQRT((VLOOKUP($A83,városok!$A$2:$C$346,2,0)-VLOOKUP(X$1,városok!$A$2:$C$346,2,0))^2+(VLOOKUP($A83,városok!$A$2:$C$346,3,0)-VLOOKUP(X$1,városok!$A$2:$C$346,3,0))^2)/1000,0)</f>
        <v>278</v>
      </c>
      <c r="Y83">
        <f ca="1">ROUND(SQRT((VLOOKUP($A83,városok!$A$2:$C$346,2,0)-VLOOKUP(Y$1,városok!$A$2:$C$346,2,0))^2+(VLOOKUP($A83,városok!$A$2:$C$346,3,0)-VLOOKUP(Y$1,városok!$A$2:$C$346,3,0))^2)/1000,0)</f>
        <v>310</v>
      </c>
      <c r="Z83">
        <f ca="1">ROUND(SQRT((VLOOKUP($A83,városok!$A$2:$C$346,2,0)-VLOOKUP(Z$1,városok!$A$2:$C$346,2,0))^2+(VLOOKUP($A83,városok!$A$2:$C$346,3,0)-VLOOKUP(Z$1,városok!$A$2:$C$346,3,0))^2)/1000,0)</f>
        <v>326</v>
      </c>
      <c r="AA83">
        <f ca="1">ROUND(SQRT((VLOOKUP($A83,városok!$A$2:$C$346,2,0)-VLOOKUP(AA$1,városok!$A$2:$C$346,2,0))^2+(VLOOKUP($A83,városok!$A$2:$C$346,3,0)-VLOOKUP(AA$1,városok!$A$2:$C$346,3,0))^2)/1000,0)</f>
        <v>386</v>
      </c>
      <c r="AB83">
        <f ca="1">ROUND(SQRT((VLOOKUP($A83,városok!$A$2:$C$346,2,0)-VLOOKUP(AB$1,városok!$A$2:$C$346,2,0))^2+(VLOOKUP($A83,városok!$A$2:$C$346,3,0)-VLOOKUP(AB$1,városok!$A$2:$C$346,3,0))^2)/1000,0)</f>
        <v>97</v>
      </c>
      <c r="AC83">
        <f ca="1">ROUND(SQRT((VLOOKUP($A83,városok!$A$2:$C$346,2,0)-VLOOKUP(AC$1,városok!$A$2:$C$346,2,0))^2+(VLOOKUP($A83,városok!$A$2:$C$346,3,0)-VLOOKUP(AC$1,városok!$A$2:$C$346,3,0))^2)/1000,0)</f>
        <v>108</v>
      </c>
      <c r="AD83">
        <f ca="1">ROUND(SQRT((VLOOKUP($A83,városok!$A$2:$C$346,2,0)-VLOOKUP(AD$1,városok!$A$2:$C$346,2,0))^2+(VLOOKUP($A83,városok!$A$2:$C$346,3,0)-VLOOKUP(AD$1,városok!$A$2:$C$346,3,0))^2)/1000,0)</f>
        <v>114</v>
      </c>
      <c r="AE83">
        <f ca="1">ROUND(SQRT((VLOOKUP($A83,városok!$A$2:$C$346,2,0)-VLOOKUP(AE$1,városok!$A$2:$C$346,2,0))^2+(VLOOKUP($A83,városok!$A$2:$C$346,3,0)-VLOOKUP(AE$1,városok!$A$2:$C$346,3,0))^2)/1000,0)</f>
        <v>129</v>
      </c>
      <c r="AF83">
        <f ca="1">ROUND(SQRT((VLOOKUP($A83,városok!$A$2:$C$346,2,0)-VLOOKUP(AF$1,városok!$A$2:$C$346,2,0))^2+(VLOOKUP($A83,városok!$A$2:$C$346,3,0)-VLOOKUP(AF$1,városok!$A$2:$C$346,3,0))^2)/1000,0)</f>
        <v>110</v>
      </c>
      <c r="AG83">
        <f ca="1">ROUND(SQRT((VLOOKUP($A83,városok!$A$2:$C$346,2,0)-VLOOKUP(AG$1,városok!$A$2:$C$346,2,0))^2+(VLOOKUP($A83,városok!$A$2:$C$346,3,0)-VLOOKUP(AG$1,városok!$A$2:$C$346,3,0))^2)/1000,0)</f>
        <v>146</v>
      </c>
      <c r="AH83">
        <f ca="1">ROUND(SQRT((VLOOKUP($A83,városok!$A$2:$C$346,2,0)-VLOOKUP(AH$1,városok!$A$2:$C$346,2,0))^2+(VLOOKUP($A83,városok!$A$2:$C$346,3,0)-VLOOKUP(AH$1,városok!$A$2:$C$346,3,0))^2)/1000,0)</f>
        <v>168</v>
      </c>
      <c r="AI83">
        <f ca="1">ROUND(SQRT((VLOOKUP($A83,városok!$A$2:$C$346,2,0)-VLOOKUP(AI$1,városok!$A$2:$C$346,2,0))^2+(VLOOKUP($A83,városok!$A$2:$C$346,3,0)-VLOOKUP(AI$1,városok!$A$2:$C$346,3,0))^2)/1000,0)</f>
        <v>123</v>
      </c>
      <c r="AJ83">
        <f ca="1">ROUND(SQRT((VLOOKUP($A83,városok!$A$2:$C$346,2,0)-VLOOKUP(AJ$1,városok!$A$2:$C$346,2,0))^2+(VLOOKUP($A83,városok!$A$2:$C$346,3,0)-VLOOKUP(AJ$1,városok!$A$2:$C$346,3,0))^2)/1000,0)</f>
        <v>150</v>
      </c>
      <c r="AK83">
        <f ca="1">ROUND(SQRT((VLOOKUP($A83,városok!$A$2:$C$346,2,0)-VLOOKUP(AK$1,városok!$A$2:$C$346,2,0))^2+(VLOOKUP($A83,városok!$A$2:$C$346,3,0)-VLOOKUP(AK$1,városok!$A$2:$C$346,3,0))^2)/1000,0)</f>
        <v>134</v>
      </c>
      <c r="AL83">
        <f ca="1">ROUND(SQRT((VLOOKUP($A83,városok!$A$2:$C$346,2,0)-VLOOKUP(AL$1,városok!$A$2:$C$346,2,0))^2+(VLOOKUP($A83,városok!$A$2:$C$346,3,0)-VLOOKUP(AL$1,városok!$A$2:$C$346,3,0))^2)/1000,0)</f>
        <v>138</v>
      </c>
      <c r="AM83">
        <f ca="1">ROUND(SQRT((VLOOKUP($A83,városok!$A$2:$C$346,2,0)-VLOOKUP(AM$1,városok!$A$2:$C$346,2,0))^2+(VLOOKUP($A83,városok!$A$2:$C$346,3,0)-VLOOKUP(AM$1,városok!$A$2:$C$346,3,0))^2)/1000,0)</f>
        <v>174</v>
      </c>
      <c r="AN83">
        <f ca="1">ROUND(SQRT((VLOOKUP($A83,városok!$A$2:$C$346,2,0)-VLOOKUP(AN$1,városok!$A$2:$C$346,2,0))^2+(VLOOKUP($A83,városok!$A$2:$C$346,3,0)-VLOOKUP(AN$1,városok!$A$2:$C$346,3,0))^2)/1000,0)</f>
        <v>227</v>
      </c>
      <c r="AO83">
        <f ca="1">ROUND(SQRT((VLOOKUP($A83,városok!$A$2:$C$346,2,0)-VLOOKUP(AO$1,városok!$A$2:$C$346,2,0))^2+(VLOOKUP($A83,városok!$A$2:$C$346,3,0)-VLOOKUP(AO$1,városok!$A$2:$C$346,3,0))^2)/1000,0)</f>
        <v>273</v>
      </c>
      <c r="AP83">
        <f ca="1">ROUND(SQRT((VLOOKUP($A83,városok!$A$2:$C$346,2,0)-VLOOKUP(AP$1,városok!$A$2:$C$346,2,0))^2+(VLOOKUP($A83,városok!$A$2:$C$346,3,0)-VLOOKUP(AP$1,városok!$A$2:$C$346,3,0))^2)/1000,0)</f>
        <v>261</v>
      </c>
      <c r="AQ83">
        <f ca="1">ROUND(SQRT((VLOOKUP($A83,városok!$A$2:$C$346,2,0)-VLOOKUP(AQ$1,városok!$A$2:$C$346,2,0))^2+(VLOOKUP($A83,városok!$A$2:$C$346,3,0)-VLOOKUP(AQ$1,városok!$A$2:$C$346,3,0))^2)/1000,0)</f>
        <v>259</v>
      </c>
      <c r="AR83">
        <f ca="1">ROUND(SQRT((VLOOKUP($A83,városok!$A$2:$C$346,2,0)-VLOOKUP(AR$1,városok!$A$2:$C$346,2,0))^2+(VLOOKUP($A83,városok!$A$2:$C$346,3,0)-VLOOKUP(AR$1,városok!$A$2:$C$346,3,0))^2)/1000,0)</f>
        <v>155</v>
      </c>
      <c r="AS83">
        <f ca="1">ROUND(SQRT((VLOOKUP($A83,városok!$A$2:$C$346,2,0)-VLOOKUP(AS$1,városok!$A$2:$C$346,2,0))^2+(VLOOKUP($A83,városok!$A$2:$C$346,3,0)-VLOOKUP(AS$1,városok!$A$2:$C$346,3,0))^2)/1000,0)</f>
        <v>140</v>
      </c>
      <c r="AT83">
        <f ca="1">ROUND(SQRT((VLOOKUP($A83,városok!$A$2:$C$346,2,0)-VLOOKUP(AT$1,városok!$A$2:$C$346,2,0))^2+(VLOOKUP($A83,városok!$A$2:$C$346,3,0)-VLOOKUP(AT$1,városok!$A$2:$C$346,3,0))^2)/1000,0)</f>
        <v>235</v>
      </c>
      <c r="AU83">
        <f ca="1">ROUND(SQRT((VLOOKUP($A83,városok!$A$2:$C$346,2,0)-VLOOKUP(AU$1,városok!$A$2:$C$346,2,0))^2+(VLOOKUP($A83,városok!$A$2:$C$346,3,0)-VLOOKUP(AU$1,városok!$A$2:$C$346,3,0))^2)/1000,0)</f>
        <v>226</v>
      </c>
      <c r="AV83">
        <f ca="1">ROUND(SQRT((VLOOKUP($A83,városok!$A$2:$C$346,2,0)-VLOOKUP(AV$1,városok!$A$2:$C$346,2,0))^2+(VLOOKUP($A83,városok!$A$2:$C$346,3,0)-VLOOKUP(AV$1,városok!$A$2:$C$346,3,0))^2)/1000,0)</f>
        <v>230</v>
      </c>
      <c r="AW83">
        <f ca="1">ROUND(SQRT((VLOOKUP($A83,városok!$A$2:$C$346,2,0)-VLOOKUP(AW$1,városok!$A$2:$C$346,2,0))^2+(VLOOKUP($A83,városok!$A$2:$C$346,3,0)-VLOOKUP(AW$1,városok!$A$2:$C$346,3,0))^2)/1000,0)</f>
        <v>233</v>
      </c>
      <c r="AX83">
        <f ca="1">ROUND(SQRT((VLOOKUP($A83,városok!$A$2:$C$346,2,0)-VLOOKUP(AX$1,városok!$A$2:$C$346,2,0))^2+(VLOOKUP($A83,városok!$A$2:$C$346,3,0)-VLOOKUP(AX$1,városok!$A$2:$C$346,3,0))^2)/1000,0)</f>
        <v>207</v>
      </c>
      <c r="AY83">
        <f ca="1">ROUND(SQRT((VLOOKUP($A83,városok!$A$2:$C$346,2,0)-VLOOKUP(AY$1,városok!$A$2:$C$346,2,0))^2+(VLOOKUP($A83,városok!$A$2:$C$346,3,0)-VLOOKUP(AY$1,városok!$A$2:$C$346,3,0))^2)/1000,0)</f>
        <v>209</v>
      </c>
      <c r="AZ83">
        <f ca="1">ROUND(SQRT((VLOOKUP($A83,városok!$A$2:$C$346,2,0)-VLOOKUP(AZ$1,városok!$A$2:$C$346,2,0))^2+(VLOOKUP($A83,városok!$A$2:$C$346,3,0)-VLOOKUP(AZ$1,városok!$A$2:$C$346,3,0))^2)/1000,0)</f>
        <v>211</v>
      </c>
      <c r="BA83">
        <f ca="1">ROUND(SQRT((VLOOKUP($A83,városok!$A$2:$C$346,2,0)-VLOOKUP(BA$1,városok!$A$2:$C$346,2,0))^2+(VLOOKUP($A83,városok!$A$2:$C$346,3,0)-VLOOKUP(BA$1,városok!$A$2:$C$346,3,0))^2)/1000,0)</f>
        <v>347</v>
      </c>
      <c r="BB83">
        <f ca="1">ROUND(SQRT((VLOOKUP($A83,városok!$A$2:$C$346,2,0)-VLOOKUP(BB$1,városok!$A$2:$C$346,2,0))^2+(VLOOKUP($A83,városok!$A$2:$C$346,3,0)-VLOOKUP(BB$1,városok!$A$2:$C$346,3,0))^2)/1000,0)</f>
        <v>348</v>
      </c>
      <c r="BC83">
        <f ca="1">ROUND(SQRT((VLOOKUP($A83,városok!$A$2:$C$346,2,0)-VLOOKUP(BC$1,városok!$A$2:$C$346,2,0))^2+(VLOOKUP($A83,városok!$A$2:$C$346,3,0)-VLOOKUP(BC$1,városok!$A$2:$C$346,3,0))^2)/1000,0)</f>
        <v>369</v>
      </c>
      <c r="BD83">
        <f ca="1">ROUND(SQRT((VLOOKUP($A83,városok!$A$2:$C$346,2,0)-VLOOKUP(BD$1,városok!$A$2:$C$346,2,0))^2+(VLOOKUP($A83,városok!$A$2:$C$346,3,0)-VLOOKUP(BD$1,városok!$A$2:$C$346,3,0))^2)/1000,0)</f>
        <v>316</v>
      </c>
      <c r="BE83">
        <f ca="1">ROUND(SQRT((VLOOKUP($A83,városok!$A$2:$C$346,2,0)-VLOOKUP(BE$1,városok!$A$2:$C$346,2,0))^2+(VLOOKUP($A83,városok!$A$2:$C$346,3,0)-VLOOKUP(BE$1,városok!$A$2:$C$346,3,0))^2)/1000,0)</f>
        <v>98</v>
      </c>
      <c r="BF83">
        <f ca="1">ROUND(SQRT((VLOOKUP($A83,városok!$A$2:$C$346,2,0)-VLOOKUP(BF$1,városok!$A$2:$C$346,2,0))^2+(VLOOKUP($A83,városok!$A$2:$C$346,3,0)-VLOOKUP(BF$1,városok!$A$2:$C$346,3,0))^2)/1000,0)</f>
        <v>37</v>
      </c>
      <c r="BG83">
        <f ca="1">ROUND(SQRT((VLOOKUP($A83,városok!$A$2:$C$346,2,0)-VLOOKUP(BG$1,városok!$A$2:$C$346,2,0))^2+(VLOOKUP($A83,városok!$A$2:$C$346,3,0)-VLOOKUP(BG$1,városok!$A$2:$C$346,3,0))^2)/1000,0)</f>
        <v>33</v>
      </c>
      <c r="BH83">
        <f ca="1">ROUND(SQRT((VLOOKUP($A83,városok!$A$2:$C$346,2,0)-VLOOKUP(BH$1,városok!$A$2:$C$346,2,0))^2+(VLOOKUP($A83,városok!$A$2:$C$346,3,0)-VLOOKUP(BH$1,városok!$A$2:$C$346,3,0))^2)/1000,0)</f>
        <v>33</v>
      </c>
      <c r="BI83">
        <f ca="1">ROUND(SQRT((VLOOKUP($A83,városok!$A$2:$C$346,2,0)-VLOOKUP(BI$1,városok!$A$2:$C$346,2,0))^2+(VLOOKUP($A83,városok!$A$2:$C$346,3,0)-VLOOKUP(BI$1,városok!$A$2:$C$346,3,0))^2)/1000,0)</f>
        <v>319</v>
      </c>
      <c r="BJ83">
        <f ca="1">ROUND(SQRT((VLOOKUP($A83,városok!$A$2:$C$346,2,0)-VLOOKUP(BJ$1,városok!$A$2:$C$346,2,0))^2+(VLOOKUP($A83,városok!$A$2:$C$346,3,0)-VLOOKUP(BJ$1,városok!$A$2:$C$346,3,0))^2)/1000,0)</f>
        <v>337</v>
      </c>
      <c r="BK83">
        <f ca="1">ROUND(SQRT((VLOOKUP($A83,városok!$A$2:$C$346,2,0)-VLOOKUP(BK$1,városok!$A$2:$C$346,2,0))^2+(VLOOKUP($A83,városok!$A$2:$C$346,3,0)-VLOOKUP(BK$1,városok!$A$2:$C$346,3,0))^2)/1000,0)</f>
        <v>318</v>
      </c>
      <c r="BL83">
        <f ca="1">ROUND(SQRT((VLOOKUP($A83,városok!$A$2:$C$346,2,0)-VLOOKUP(BL$1,városok!$A$2:$C$346,2,0))^2+(VLOOKUP($A83,városok!$A$2:$C$346,3,0)-VLOOKUP(BL$1,városok!$A$2:$C$346,3,0))^2)/1000,0)</f>
        <v>409</v>
      </c>
      <c r="BM83">
        <f ca="1">ROUND(SQRT((VLOOKUP($A83,városok!$A$2:$C$346,2,0)-VLOOKUP(BM$1,városok!$A$2:$C$346,2,0))^2+(VLOOKUP($A83,városok!$A$2:$C$346,3,0)-VLOOKUP(BM$1,városok!$A$2:$C$346,3,0))^2)/1000,0)</f>
        <v>375</v>
      </c>
      <c r="BN83">
        <f ca="1">ROUND(SQRT((VLOOKUP($A83,városok!$A$2:$C$346,2,0)-VLOOKUP(BN$1,városok!$A$2:$C$346,2,0))^2+(VLOOKUP($A83,városok!$A$2:$C$346,3,0)-VLOOKUP(BN$1,városok!$A$2:$C$346,3,0))^2)/1000,0)</f>
        <v>398</v>
      </c>
      <c r="BO83">
        <f ca="1">ROUND(SQRT((VLOOKUP($A83,városok!$A$2:$C$346,2,0)-VLOOKUP(BO$1,városok!$A$2:$C$346,2,0))^2+(VLOOKUP($A83,városok!$A$2:$C$346,3,0)-VLOOKUP(BO$1,városok!$A$2:$C$346,3,0))^2)/1000,0)</f>
        <v>312</v>
      </c>
      <c r="BP83">
        <f ca="1">ROUND(SQRT((VLOOKUP($A83,városok!$A$2:$C$346,2,0)-VLOOKUP(BP$1,városok!$A$2:$C$346,2,0))^2+(VLOOKUP($A83,városok!$A$2:$C$346,3,0)-VLOOKUP(BP$1,városok!$A$2:$C$346,3,0))^2)/1000,0)</f>
        <v>306</v>
      </c>
      <c r="BQ83">
        <f ca="1">ROUND(SQRT((VLOOKUP($A83,városok!$A$2:$C$346,2,0)-VLOOKUP(BQ$1,városok!$A$2:$C$346,2,0))^2+(VLOOKUP($A83,városok!$A$2:$C$346,3,0)-VLOOKUP(BQ$1,városok!$A$2:$C$346,3,0))^2)/1000,0)</f>
        <v>316</v>
      </c>
      <c r="BR83">
        <f ca="1">ROUND(SQRT((VLOOKUP($A83,városok!$A$2:$C$346,2,0)-VLOOKUP(BR$1,városok!$A$2:$C$346,2,0))^2+(VLOOKUP($A83,városok!$A$2:$C$346,3,0)-VLOOKUP(BR$1,városok!$A$2:$C$346,3,0))^2)/1000,0)</f>
        <v>377</v>
      </c>
      <c r="BS83">
        <f ca="1">ROUND(SQRT((VLOOKUP($A83,városok!$A$2:$C$346,2,0)-VLOOKUP(BS$1,városok!$A$2:$C$346,2,0))^2+(VLOOKUP($A83,városok!$A$2:$C$346,3,0)-VLOOKUP(BS$1,városok!$A$2:$C$346,3,0))^2)/1000,0)</f>
        <v>413</v>
      </c>
      <c r="BT83">
        <f ca="1">ROUND(SQRT((VLOOKUP($A83,városok!$A$2:$C$346,2,0)-VLOOKUP(BT$1,városok!$A$2:$C$346,2,0))^2+(VLOOKUP($A83,városok!$A$2:$C$346,3,0)-VLOOKUP(BT$1,városok!$A$2:$C$346,3,0))^2)/1000,0)</f>
        <v>401</v>
      </c>
    </row>
    <row r="84" spans="1:72" x14ac:dyDescent="0.2">
      <c r="A84" t="str">
        <f>városok!A84</f>
        <v>Szendrő</v>
      </c>
      <c r="B84">
        <f ca="1">ROUND(SQRT((VLOOKUP($A84,városok!$A$2:$C$346,2,0)-VLOOKUP(B$1,városok!$A$2:$C$346,2,0))^2+(VLOOKUP($A84,városok!$A$2:$C$346,3,0)-VLOOKUP(B$1,városok!$A$2:$C$346,3,0))^2)/1000,0)</f>
        <v>280</v>
      </c>
      <c r="C84">
        <f ca="1">ROUND(SQRT((VLOOKUP($A84,városok!$A$2:$C$346,2,0)-VLOOKUP(C$1,városok!$A$2:$C$346,2,0))^2+(VLOOKUP($A84,városok!$A$2:$C$346,3,0)-VLOOKUP(C$1,városok!$A$2:$C$346,3,0))^2)/1000,0)</f>
        <v>247</v>
      </c>
      <c r="D84">
        <f ca="1">ROUND(SQRT((VLOOKUP($A84,városok!$A$2:$C$346,2,0)-VLOOKUP(D$1,városok!$A$2:$C$346,2,0))^2+(VLOOKUP($A84,városok!$A$2:$C$346,3,0)-VLOOKUP(D$1,városok!$A$2:$C$346,3,0))^2)/1000,0)</f>
        <v>184</v>
      </c>
      <c r="E84">
        <f ca="1">ROUND(SQRT((VLOOKUP($A84,városok!$A$2:$C$346,2,0)-VLOOKUP(E$1,városok!$A$2:$C$346,2,0))^2+(VLOOKUP($A84,városok!$A$2:$C$346,3,0)-VLOOKUP(E$1,városok!$A$2:$C$346,3,0))^2)/1000,0)</f>
        <v>309</v>
      </c>
      <c r="F84">
        <f ca="1">ROUND(SQRT((VLOOKUP($A84,városok!$A$2:$C$346,2,0)-VLOOKUP(F$1,városok!$A$2:$C$346,2,0))^2+(VLOOKUP($A84,városok!$A$2:$C$346,3,0)-VLOOKUP(F$1,városok!$A$2:$C$346,3,0))^2)/1000,0)</f>
        <v>310</v>
      </c>
      <c r="G84">
        <f ca="1">ROUND(SQRT((VLOOKUP($A84,városok!$A$2:$C$346,2,0)-VLOOKUP(G$1,városok!$A$2:$C$346,2,0))^2+(VLOOKUP($A84,városok!$A$2:$C$346,3,0)-VLOOKUP(G$1,városok!$A$2:$C$346,3,0))^2)/1000,0)</f>
        <v>319</v>
      </c>
      <c r="H84">
        <f ca="1">ROUND(SQRT((VLOOKUP($A84,városok!$A$2:$C$346,2,0)-VLOOKUP(H$1,városok!$A$2:$C$346,2,0))^2+(VLOOKUP($A84,városok!$A$2:$C$346,3,0)-VLOOKUP(H$1,városok!$A$2:$C$346,3,0))^2)/1000,0)</f>
        <v>343</v>
      </c>
      <c r="I84">
        <f ca="1">ROUND(SQRT((VLOOKUP($A84,városok!$A$2:$C$346,2,0)-VLOOKUP(I$1,városok!$A$2:$C$346,2,0))^2+(VLOOKUP($A84,városok!$A$2:$C$346,3,0)-VLOOKUP(I$1,városok!$A$2:$C$346,3,0))^2)/1000,0)</f>
        <v>194</v>
      </c>
      <c r="J84">
        <f ca="1">ROUND(SQRT((VLOOKUP($A84,városok!$A$2:$C$346,2,0)-VLOOKUP(J$1,városok!$A$2:$C$346,2,0))^2+(VLOOKUP($A84,városok!$A$2:$C$346,3,0)-VLOOKUP(J$1,városok!$A$2:$C$346,3,0))^2)/1000,0)</f>
        <v>200</v>
      </c>
      <c r="K84">
        <f ca="1">ROUND(SQRT((VLOOKUP($A84,városok!$A$2:$C$346,2,0)-VLOOKUP(K$1,városok!$A$2:$C$346,2,0))^2+(VLOOKUP($A84,városok!$A$2:$C$346,3,0)-VLOOKUP(K$1,városok!$A$2:$C$346,3,0))^2)/1000,0)</f>
        <v>205</v>
      </c>
      <c r="L84">
        <f ca="1">ROUND(SQRT((VLOOKUP($A84,városok!$A$2:$C$346,2,0)-VLOOKUP(L$1,városok!$A$2:$C$346,2,0))^2+(VLOOKUP($A84,városok!$A$2:$C$346,3,0)-VLOOKUP(L$1,városok!$A$2:$C$346,3,0))^2)/1000,0)</f>
        <v>18</v>
      </c>
      <c r="M84">
        <f ca="1">ROUND(SQRT((VLOOKUP($A84,városok!$A$2:$C$346,2,0)-VLOOKUP(M$1,városok!$A$2:$C$346,2,0))^2+(VLOOKUP($A84,városok!$A$2:$C$346,3,0)-VLOOKUP(M$1,városok!$A$2:$C$346,3,0))^2)/1000,0)</f>
        <v>33</v>
      </c>
      <c r="N84">
        <f ca="1">ROUND(SQRT((VLOOKUP($A84,városok!$A$2:$C$346,2,0)-VLOOKUP(N$1,városok!$A$2:$C$346,2,0))^2+(VLOOKUP($A84,városok!$A$2:$C$346,3,0)-VLOOKUP(N$1,városok!$A$2:$C$346,3,0))^2)/1000,0)</f>
        <v>38</v>
      </c>
      <c r="O84">
        <f ca="1">ROUND(SQRT((VLOOKUP($A84,városok!$A$2:$C$346,2,0)-VLOOKUP(O$1,városok!$A$2:$C$346,2,0))^2+(VLOOKUP($A84,városok!$A$2:$C$346,3,0)-VLOOKUP(O$1,városok!$A$2:$C$346,3,0))^2)/1000,0)</f>
        <v>68</v>
      </c>
      <c r="P84">
        <f ca="1">ROUND(SQRT((VLOOKUP($A84,városok!$A$2:$C$346,2,0)-VLOOKUP(P$1,városok!$A$2:$C$346,2,0))^2+(VLOOKUP($A84,városok!$A$2:$C$346,3,0)-VLOOKUP(P$1,városok!$A$2:$C$346,3,0))^2)/1000,0)</f>
        <v>68</v>
      </c>
      <c r="Q84">
        <f ca="1">ROUND(SQRT((VLOOKUP($A84,városok!$A$2:$C$346,2,0)-VLOOKUP(Q$1,városok!$A$2:$C$346,2,0))^2+(VLOOKUP($A84,városok!$A$2:$C$346,3,0)-VLOOKUP(Q$1,városok!$A$2:$C$346,3,0))^2)/1000,0)</f>
        <v>223</v>
      </c>
      <c r="R84">
        <f ca="1">ROUND(SQRT((VLOOKUP($A84,városok!$A$2:$C$346,2,0)-VLOOKUP(R$1,városok!$A$2:$C$346,2,0))^2+(VLOOKUP($A84,városok!$A$2:$C$346,3,0)-VLOOKUP(R$1,városok!$A$2:$C$346,3,0))^2)/1000,0)</f>
        <v>243</v>
      </c>
      <c r="S84">
        <f ca="1">ROUND(SQRT((VLOOKUP($A84,városok!$A$2:$C$346,2,0)-VLOOKUP(S$1,városok!$A$2:$C$346,2,0))^2+(VLOOKUP($A84,városok!$A$2:$C$346,3,0)-VLOOKUP(S$1,városok!$A$2:$C$346,3,0))^2)/1000,0)</f>
        <v>243</v>
      </c>
      <c r="T84">
        <f ca="1">ROUND(SQRT((VLOOKUP($A84,városok!$A$2:$C$346,2,0)-VLOOKUP(T$1,városok!$A$2:$C$346,2,0))^2+(VLOOKUP($A84,városok!$A$2:$C$346,3,0)-VLOOKUP(T$1,városok!$A$2:$C$346,3,0))^2)/1000,0)</f>
        <v>187</v>
      </c>
      <c r="U84">
        <f ca="1">ROUND(SQRT((VLOOKUP($A84,városok!$A$2:$C$346,2,0)-VLOOKUP(U$1,városok!$A$2:$C$346,2,0))^2+(VLOOKUP($A84,városok!$A$2:$C$346,3,0)-VLOOKUP(U$1,városok!$A$2:$C$346,3,0))^2)/1000,0)</f>
        <v>209</v>
      </c>
      <c r="V84">
        <f ca="1">ROUND(SQRT((VLOOKUP($A84,városok!$A$2:$C$346,2,0)-VLOOKUP(V$1,városok!$A$2:$C$346,2,0))^2+(VLOOKUP($A84,városok!$A$2:$C$346,3,0)-VLOOKUP(V$1,városok!$A$2:$C$346,3,0))^2)/1000,0)</f>
        <v>235</v>
      </c>
      <c r="W84">
        <f ca="1">ROUND(SQRT((VLOOKUP($A84,városok!$A$2:$C$346,2,0)-VLOOKUP(W$1,városok!$A$2:$C$346,2,0))^2+(VLOOKUP($A84,városok!$A$2:$C$346,3,0)-VLOOKUP(W$1,városok!$A$2:$C$346,3,0))^2)/1000,0)</f>
        <v>231</v>
      </c>
      <c r="X84">
        <f ca="1">ROUND(SQRT((VLOOKUP($A84,városok!$A$2:$C$346,2,0)-VLOOKUP(X$1,városok!$A$2:$C$346,2,0))^2+(VLOOKUP($A84,városok!$A$2:$C$346,3,0)-VLOOKUP(X$1,városok!$A$2:$C$346,3,0))^2)/1000,0)</f>
        <v>218</v>
      </c>
      <c r="Y84">
        <f ca="1">ROUND(SQRT((VLOOKUP($A84,városok!$A$2:$C$346,2,0)-VLOOKUP(Y$1,városok!$A$2:$C$346,2,0))^2+(VLOOKUP($A84,városok!$A$2:$C$346,3,0)-VLOOKUP(Y$1,városok!$A$2:$C$346,3,0))^2)/1000,0)</f>
        <v>244</v>
      </c>
      <c r="Z84">
        <f ca="1">ROUND(SQRT((VLOOKUP($A84,városok!$A$2:$C$346,2,0)-VLOOKUP(Z$1,városok!$A$2:$C$346,2,0))^2+(VLOOKUP($A84,városok!$A$2:$C$346,3,0)-VLOOKUP(Z$1,városok!$A$2:$C$346,3,0))^2)/1000,0)</f>
        <v>260</v>
      </c>
      <c r="AA84">
        <f ca="1">ROUND(SQRT((VLOOKUP($A84,városok!$A$2:$C$346,2,0)-VLOOKUP(AA$1,városok!$A$2:$C$346,2,0))^2+(VLOOKUP($A84,városok!$A$2:$C$346,3,0)-VLOOKUP(AA$1,városok!$A$2:$C$346,3,0))^2)/1000,0)</f>
        <v>319</v>
      </c>
      <c r="AB84">
        <f ca="1">ROUND(SQRT((VLOOKUP($A84,városok!$A$2:$C$346,2,0)-VLOOKUP(AB$1,városok!$A$2:$C$346,2,0))^2+(VLOOKUP($A84,városok!$A$2:$C$346,3,0)-VLOOKUP(AB$1,városok!$A$2:$C$346,3,0))^2)/1000,0)</f>
        <v>118</v>
      </c>
      <c r="AC84">
        <f ca="1">ROUND(SQRT((VLOOKUP($A84,városok!$A$2:$C$346,2,0)-VLOOKUP(AC$1,városok!$A$2:$C$346,2,0))^2+(VLOOKUP($A84,városok!$A$2:$C$346,3,0)-VLOOKUP(AC$1,városok!$A$2:$C$346,3,0))^2)/1000,0)</f>
        <v>118</v>
      </c>
      <c r="AD84">
        <f ca="1">ROUND(SQRT((VLOOKUP($A84,városok!$A$2:$C$346,2,0)-VLOOKUP(AD$1,városok!$A$2:$C$346,2,0))^2+(VLOOKUP($A84,városok!$A$2:$C$346,3,0)-VLOOKUP(AD$1,városok!$A$2:$C$346,3,0))^2)/1000,0)</f>
        <v>113</v>
      </c>
      <c r="AE84">
        <f ca="1">ROUND(SQRT((VLOOKUP($A84,városok!$A$2:$C$346,2,0)-VLOOKUP(AE$1,városok!$A$2:$C$346,2,0))^2+(VLOOKUP($A84,városok!$A$2:$C$346,3,0)-VLOOKUP(AE$1,városok!$A$2:$C$346,3,0))^2)/1000,0)</f>
        <v>129</v>
      </c>
      <c r="AF84">
        <f ca="1">ROUND(SQRT((VLOOKUP($A84,városok!$A$2:$C$346,2,0)-VLOOKUP(AF$1,városok!$A$2:$C$346,2,0))^2+(VLOOKUP($A84,városok!$A$2:$C$346,3,0)-VLOOKUP(AF$1,városok!$A$2:$C$346,3,0))^2)/1000,0)</f>
        <v>62</v>
      </c>
      <c r="AG84">
        <f ca="1">ROUND(SQRT((VLOOKUP($A84,városok!$A$2:$C$346,2,0)-VLOOKUP(AG$1,városok!$A$2:$C$346,2,0))^2+(VLOOKUP($A84,városok!$A$2:$C$346,3,0)-VLOOKUP(AG$1,városok!$A$2:$C$346,3,0))^2)/1000,0)</f>
        <v>91</v>
      </c>
      <c r="AH84">
        <f ca="1">ROUND(SQRT((VLOOKUP($A84,városok!$A$2:$C$346,2,0)-VLOOKUP(AH$1,városok!$A$2:$C$346,2,0))^2+(VLOOKUP($A84,városok!$A$2:$C$346,3,0)-VLOOKUP(AH$1,városok!$A$2:$C$346,3,0))^2)/1000,0)</f>
        <v>113</v>
      </c>
      <c r="AI84">
        <f ca="1">ROUND(SQRT((VLOOKUP($A84,városok!$A$2:$C$346,2,0)-VLOOKUP(AI$1,városok!$A$2:$C$346,2,0))^2+(VLOOKUP($A84,városok!$A$2:$C$346,3,0)-VLOOKUP(AI$1,városok!$A$2:$C$346,3,0))^2)/1000,0)</f>
        <v>63</v>
      </c>
      <c r="AJ84">
        <f ca="1">ROUND(SQRT((VLOOKUP($A84,városok!$A$2:$C$346,2,0)-VLOOKUP(AJ$1,városok!$A$2:$C$346,2,0))^2+(VLOOKUP($A84,városok!$A$2:$C$346,3,0)-VLOOKUP(AJ$1,városok!$A$2:$C$346,3,0))^2)/1000,0)</f>
        <v>101</v>
      </c>
      <c r="AK84">
        <f ca="1">ROUND(SQRT((VLOOKUP($A84,városok!$A$2:$C$346,2,0)-VLOOKUP(AK$1,városok!$A$2:$C$346,2,0))^2+(VLOOKUP($A84,városok!$A$2:$C$346,3,0)-VLOOKUP(AK$1,városok!$A$2:$C$346,3,0))^2)/1000,0)</f>
        <v>126</v>
      </c>
      <c r="AL84">
        <f ca="1">ROUND(SQRT((VLOOKUP($A84,városok!$A$2:$C$346,2,0)-VLOOKUP(AL$1,városok!$A$2:$C$346,2,0))^2+(VLOOKUP($A84,városok!$A$2:$C$346,3,0)-VLOOKUP(AL$1,városok!$A$2:$C$346,3,0))^2)/1000,0)</f>
        <v>115</v>
      </c>
      <c r="AM84">
        <f ca="1">ROUND(SQRT((VLOOKUP($A84,városok!$A$2:$C$346,2,0)-VLOOKUP(AM$1,városok!$A$2:$C$346,2,0))^2+(VLOOKUP($A84,városok!$A$2:$C$346,3,0)-VLOOKUP(AM$1,városok!$A$2:$C$346,3,0))^2)/1000,0)</f>
        <v>142</v>
      </c>
      <c r="AN84">
        <f ca="1">ROUND(SQRT((VLOOKUP($A84,városok!$A$2:$C$346,2,0)-VLOOKUP(AN$1,városok!$A$2:$C$346,2,0))^2+(VLOOKUP($A84,városok!$A$2:$C$346,3,0)-VLOOKUP(AN$1,városok!$A$2:$C$346,3,0))^2)/1000,0)</f>
        <v>163</v>
      </c>
      <c r="AO84">
        <f ca="1">ROUND(SQRT((VLOOKUP($A84,városok!$A$2:$C$346,2,0)-VLOOKUP(AO$1,városok!$A$2:$C$346,2,0))^2+(VLOOKUP($A84,városok!$A$2:$C$346,3,0)-VLOOKUP(AO$1,városok!$A$2:$C$346,3,0))^2)/1000,0)</f>
        <v>208</v>
      </c>
      <c r="AP84">
        <f ca="1">ROUND(SQRT((VLOOKUP($A84,városok!$A$2:$C$346,2,0)-VLOOKUP(AP$1,városok!$A$2:$C$346,2,0))^2+(VLOOKUP($A84,városok!$A$2:$C$346,3,0)-VLOOKUP(AP$1,városok!$A$2:$C$346,3,0))^2)/1000,0)</f>
        <v>198</v>
      </c>
      <c r="AQ84">
        <f ca="1">ROUND(SQRT((VLOOKUP($A84,városok!$A$2:$C$346,2,0)-VLOOKUP(AQ$1,városok!$A$2:$C$346,2,0))^2+(VLOOKUP($A84,városok!$A$2:$C$346,3,0)-VLOOKUP(AQ$1,városok!$A$2:$C$346,3,0))^2)/1000,0)</f>
        <v>196</v>
      </c>
      <c r="AR84">
        <f ca="1">ROUND(SQRT((VLOOKUP($A84,városok!$A$2:$C$346,2,0)-VLOOKUP(AR$1,városok!$A$2:$C$346,2,0))^2+(VLOOKUP($A84,városok!$A$2:$C$346,3,0)-VLOOKUP(AR$1,városok!$A$2:$C$346,3,0))^2)/1000,0)</f>
        <v>94</v>
      </c>
      <c r="AS84">
        <f ca="1">ROUND(SQRT((VLOOKUP($A84,városok!$A$2:$C$346,2,0)-VLOOKUP(AS$1,városok!$A$2:$C$346,2,0))^2+(VLOOKUP($A84,városok!$A$2:$C$346,3,0)-VLOOKUP(AS$1,városok!$A$2:$C$346,3,0))^2)/1000,0)</f>
        <v>75</v>
      </c>
      <c r="AT84">
        <f ca="1">ROUND(SQRT((VLOOKUP($A84,városok!$A$2:$C$346,2,0)-VLOOKUP(AT$1,városok!$A$2:$C$346,2,0))^2+(VLOOKUP($A84,városok!$A$2:$C$346,3,0)-VLOOKUP(AT$1,városok!$A$2:$C$346,3,0))^2)/1000,0)</f>
        <v>176</v>
      </c>
      <c r="AU84">
        <f ca="1">ROUND(SQRT((VLOOKUP($A84,városok!$A$2:$C$346,2,0)-VLOOKUP(AU$1,városok!$A$2:$C$346,2,0))^2+(VLOOKUP($A84,városok!$A$2:$C$346,3,0)-VLOOKUP(AU$1,városok!$A$2:$C$346,3,0))^2)/1000,0)</f>
        <v>169</v>
      </c>
      <c r="AV84">
        <f ca="1">ROUND(SQRT((VLOOKUP($A84,városok!$A$2:$C$346,2,0)-VLOOKUP(AV$1,városok!$A$2:$C$346,2,0))^2+(VLOOKUP($A84,városok!$A$2:$C$346,3,0)-VLOOKUP(AV$1,városok!$A$2:$C$346,3,0))^2)/1000,0)</f>
        <v>173</v>
      </c>
      <c r="AW84">
        <f ca="1">ROUND(SQRT((VLOOKUP($A84,városok!$A$2:$C$346,2,0)-VLOOKUP(AW$1,városok!$A$2:$C$346,2,0))^2+(VLOOKUP($A84,városok!$A$2:$C$346,3,0)-VLOOKUP(AW$1,városok!$A$2:$C$346,3,0))^2)/1000,0)</f>
        <v>176</v>
      </c>
      <c r="AX84">
        <f ca="1">ROUND(SQRT((VLOOKUP($A84,városok!$A$2:$C$346,2,0)-VLOOKUP(AX$1,városok!$A$2:$C$346,2,0))^2+(VLOOKUP($A84,városok!$A$2:$C$346,3,0)-VLOOKUP(AX$1,városok!$A$2:$C$346,3,0))^2)/1000,0)</f>
        <v>168</v>
      </c>
      <c r="AY84">
        <f ca="1">ROUND(SQRT((VLOOKUP($A84,városok!$A$2:$C$346,2,0)-VLOOKUP(AY$1,városok!$A$2:$C$346,2,0))^2+(VLOOKUP($A84,városok!$A$2:$C$346,3,0)-VLOOKUP(AY$1,városok!$A$2:$C$346,3,0))^2)/1000,0)</f>
        <v>148</v>
      </c>
      <c r="AZ84">
        <f ca="1">ROUND(SQRT((VLOOKUP($A84,városok!$A$2:$C$346,2,0)-VLOOKUP(AZ$1,városok!$A$2:$C$346,2,0))^2+(VLOOKUP($A84,városok!$A$2:$C$346,3,0)-VLOOKUP(AZ$1,városok!$A$2:$C$346,3,0))^2)/1000,0)</f>
        <v>148</v>
      </c>
      <c r="BA84">
        <f ca="1">ROUND(SQRT((VLOOKUP($A84,városok!$A$2:$C$346,2,0)-VLOOKUP(BA$1,városok!$A$2:$C$346,2,0))^2+(VLOOKUP($A84,városok!$A$2:$C$346,3,0)-VLOOKUP(BA$1,városok!$A$2:$C$346,3,0))^2)/1000,0)</f>
        <v>290</v>
      </c>
      <c r="BB84">
        <f ca="1">ROUND(SQRT((VLOOKUP($A84,városok!$A$2:$C$346,2,0)-VLOOKUP(BB$1,városok!$A$2:$C$346,2,0))^2+(VLOOKUP($A84,városok!$A$2:$C$346,3,0)-VLOOKUP(BB$1,városok!$A$2:$C$346,3,0))^2)/1000,0)</f>
        <v>295</v>
      </c>
      <c r="BC84">
        <f ca="1">ROUND(SQRT((VLOOKUP($A84,városok!$A$2:$C$346,2,0)-VLOOKUP(BC$1,városok!$A$2:$C$346,2,0))^2+(VLOOKUP($A84,városok!$A$2:$C$346,3,0)-VLOOKUP(BC$1,városok!$A$2:$C$346,3,0))^2)/1000,0)</f>
        <v>317</v>
      </c>
      <c r="BD84">
        <f ca="1">ROUND(SQRT((VLOOKUP($A84,városok!$A$2:$C$346,2,0)-VLOOKUP(BD$1,városok!$A$2:$C$346,2,0))^2+(VLOOKUP($A84,városok!$A$2:$C$346,3,0)-VLOOKUP(BD$1,városok!$A$2:$C$346,3,0))^2)/1000,0)</f>
        <v>260</v>
      </c>
      <c r="BE84">
        <f ca="1">ROUND(SQRT((VLOOKUP($A84,városok!$A$2:$C$346,2,0)-VLOOKUP(BE$1,városok!$A$2:$C$346,2,0))^2+(VLOOKUP($A84,városok!$A$2:$C$346,3,0)-VLOOKUP(BE$1,városok!$A$2:$C$346,3,0))^2)/1000,0)</f>
        <v>157</v>
      </c>
      <c r="BF84">
        <f ca="1">ROUND(SQRT((VLOOKUP($A84,városok!$A$2:$C$346,2,0)-VLOOKUP(BF$1,városok!$A$2:$C$346,2,0))^2+(VLOOKUP($A84,városok!$A$2:$C$346,3,0)-VLOOKUP(BF$1,városok!$A$2:$C$346,3,0))^2)/1000,0)</f>
        <v>102</v>
      </c>
      <c r="BG84">
        <f ca="1">ROUND(SQRT((VLOOKUP($A84,városok!$A$2:$C$346,2,0)-VLOOKUP(BG$1,városok!$A$2:$C$346,2,0))^2+(VLOOKUP($A84,városok!$A$2:$C$346,3,0)-VLOOKUP(BG$1,városok!$A$2:$C$346,3,0))^2)/1000,0)</f>
        <v>63</v>
      </c>
      <c r="BH84">
        <f ca="1">ROUND(SQRT((VLOOKUP($A84,városok!$A$2:$C$346,2,0)-VLOOKUP(BH$1,városok!$A$2:$C$346,2,0))^2+(VLOOKUP($A84,városok!$A$2:$C$346,3,0)-VLOOKUP(BH$1,városok!$A$2:$C$346,3,0))^2)/1000,0)</f>
        <v>63</v>
      </c>
      <c r="BI84">
        <f ca="1">ROUND(SQRT((VLOOKUP($A84,városok!$A$2:$C$346,2,0)-VLOOKUP(BI$1,városok!$A$2:$C$346,2,0))^2+(VLOOKUP($A84,városok!$A$2:$C$346,3,0)-VLOOKUP(BI$1,városok!$A$2:$C$346,3,0))^2)/1000,0)</f>
        <v>274</v>
      </c>
      <c r="BJ84">
        <f ca="1">ROUND(SQRT((VLOOKUP($A84,városok!$A$2:$C$346,2,0)-VLOOKUP(BJ$1,városok!$A$2:$C$346,2,0))^2+(VLOOKUP($A84,városok!$A$2:$C$346,3,0)-VLOOKUP(BJ$1,városok!$A$2:$C$346,3,0))^2)/1000,0)</f>
        <v>291</v>
      </c>
      <c r="BK84">
        <f ca="1">ROUND(SQRT((VLOOKUP($A84,városok!$A$2:$C$346,2,0)-VLOOKUP(BK$1,városok!$A$2:$C$346,2,0))^2+(VLOOKUP($A84,városok!$A$2:$C$346,3,0)-VLOOKUP(BK$1,városok!$A$2:$C$346,3,0))^2)/1000,0)</f>
        <v>275</v>
      </c>
      <c r="BL84">
        <f ca="1">ROUND(SQRT((VLOOKUP($A84,városok!$A$2:$C$346,2,0)-VLOOKUP(BL$1,városok!$A$2:$C$346,2,0))^2+(VLOOKUP($A84,városok!$A$2:$C$346,3,0)-VLOOKUP(BL$1,városok!$A$2:$C$346,3,0))^2)/1000,0)</f>
        <v>346</v>
      </c>
      <c r="BM84">
        <f ca="1">ROUND(SQRT((VLOOKUP($A84,városok!$A$2:$C$346,2,0)-VLOOKUP(BM$1,városok!$A$2:$C$346,2,0))^2+(VLOOKUP($A84,városok!$A$2:$C$346,3,0)-VLOOKUP(BM$1,városok!$A$2:$C$346,3,0))^2)/1000,0)</f>
        <v>312</v>
      </c>
      <c r="BN84">
        <f ca="1">ROUND(SQRT((VLOOKUP($A84,városok!$A$2:$C$346,2,0)-VLOOKUP(BN$1,városok!$A$2:$C$346,2,0))^2+(VLOOKUP($A84,városok!$A$2:$C$346,3,0)-VLOOKUP(BN$1,városok!$A$2:$C$346,3,0))^2)/1000,0)</f>
        <v>334</v>
      </c>
      <c r="BO84">
        <f ca="1">ROUND(SQRT((VLOOKUP($A84,városok!$A$2:$C$346,2,0)-VLOOKUP(BO$1,városok!$A$2:$C$346,2,0))^2+(VLOOKUP($A84,városok!$A$2:$C$346,3,0)-VLOOKUP(BO$1,városok!$A$2:$C$346,3,0))^2)/1000,0)</f>
        <v>255</v>
      </c>
      <c r="BP84">
        <f ca="1">ROUND(SQRT((VLOOKUP($A84,városok!$A$2:$C$346,2,0)-VLOOKUP(BP$1,városok!$A$2:$C$346,2,0))^2+(VLOOKUP($A84,városok!$A$2:$C$346,3,0)-VLOOKUP(BP$1,városok!$A$2:$C$346,3,0))^2)/1000,0)</f>
        <v>248</v>
      </c>
      <c r="BQ84">
        <f ca="1">ROUND(SQRT((VLOOKUP($A84,városok!$A$2:$C$346,2,0)-VLOOKUP(BQ$1,városok!$A$2:$C$346,2,0))^2+(VLOOKUP($A84,városok!$A$2:$C$346,3,0)-VLOOKUP(BQ$1,városok!$A$2:$C$346,3,0))^2)/1000,0)</f>
        <v>257</v>
      </c>
      <c r="BR84">
        <f ca="1">ROUND(SQRT((VLOOKUP($A84,városok!$A$2:$C$346,2,0)-VLOOKUP(BR$1,városok!$A$2:$C$346,2,0))^2+(VLOOKUP($A84,városok!$A$2:$C$346,3,0)-VLOOKUP(BR$1,városok!$A$2:$C$346,3,0))^2)/1000,0)</f>
        <v>318</v>
      </c>
      <c r="BS84">
        <f ca="1">ROUND(SQRT((VLOOKUP($A84,városok!$A$2:$C$346,2,0)-VLOOKUP(BS$1,városok!$A$2:$C$346,2,0))^2+(VLOOKUP($A84,városok!$A$2:$C$346,3,0)-VLOOKUP(BS$1,városok!$A$2:$C$346,3,0))^2)/1000,0)</f>
        <v>356</v>
      </c>
      <c r="BT84">
        <f ca="1">ROUND(SQRT((VLOOKUP($A84,városok!$A$2:$C$346,2,0)-VLOOKUP(BT$1,városok!$A$2:$C$346,2,0))^2+(VLOOKUP($A84,városok!$A$2:$C$346,3,0)-VLOOKUP(BT$1,városok!$A$2:$C$346,3,0))^2)/1000,0)</f>
        <v>340</v>
      </c>
    </row>
    <row r="85" spans="1:72" x14ac:dyDescent="0.2">
      <c r="A85" t="str">
        <f>városok!A85</f>
        <v>Szerencs</v>
      </c>
      <c r="B85">
        <f ca="1">ROUND(SQRT((VLOOKUP($A85,városok!$A$2:$C$346,2,0)-VLOOKUP(B$1,városok!$A$2:$C$346,2,0))^2+(VLOOKUP($A85,városok!$A$2:$C$346,3,0)-VLOOKUP(B$1,városok!$A$2:$C$346,3,0))^2)/1000,0)</f>
        <v>278</v>
      </c>
      <c r="C85">
        <f ca="1">ROUND(SQRT((VLOOKUP($A85,városok!$A$2:$C$346,2,0)-VLOOKUP(C$1,városok!$A$2:$C$346,2,0))^2+(VLOOKUP($A85,városok!$A$2:$C$346,3,0)-VLOOKUP(C$1,városok!$A$2:$C$346,3,0))^2)/1000,0)</f>
        <v>247</v>
      </c>
      <c r="D85">
        <f ca="1">ROUND(SQRT((VLOOKUP($A85,városok!$A$2:$C$346,2,0)-VLOOKUP(D$1,városok!$A$2:$C$346,2,0))^2+(VLOOKUP($A85,városok!$A$2:$C$346,3,0)-VLOOKUP(D$1,városok!$A$2:$C$346,3,0))^2)/1000,0)</f>
        <v>180</v>
      </c>
      <c r="E85">
        <f ca="1">ROUND(SQRT((VLOOKUP($A85,városok!$A$2:$C$346,2,0)-VLOOKUP(E$1,városok!$A$2:$C$346,2,0))^2+(VLOOKUP($A85,városok!$A$2:$C$346,3,0)-VLOOKUP(E$1,városok!$A$2:$C$346,3,0))^2)/1000,0)</f>
        <v>312</v>
      </c>
      <c r="F85">
        <f ca="1">ROUND(SQRT((VLOOKUP($A85,városok!$A$2:$C$346,2,0)-VLOOKUP(F$1,városok!$A$2:$C$346,2,0))^2+(VLOOKUP($A85,városok!$A$2:$C$346,3,0)-VLOOKUP(F$1,városok!$A$2:$C$346,3,0))^2)/1000,0)</f>
        <v>308</v>
      </c>
      <c r="G85">
        <f ca="1">ROUND(SQRT((VLOOKUP($A85,városok!$A$2:$C$346,2,0)-VLOOKUP(G$1,városok!$A$2:$C$346,2,0))^2+(VLOOKUP($A85,városok!$A$2:$C$346,3,0)-VLOOKUP(G$1,városok!$A$2:$C$346,3,0))^2)/1000,0)</f>
        <v>322</v>
      </c>
      <c r="H85">
        <f ca="1">ROUND(SQRT((VLOOKUP($A85,városok!$A$2:$C$346,2,0)-VLOOKUP(H$1,városok!$A$2:$C$346,2,0))^2+(VLOOKUP($A85,városok!$A$2:$C$346,3,0)-VLOOKUP(H$1,városok!$A$2:$C$346,3,0))^2)/1000,0)</f>
        <v>349</v>
      </c>
      <c r="I85">
        <f ca="1">ROUND(SQRT((VLOOKUP($A85,városok!$A$2:$C$346,2,0)-VLOOKUP(I$1,városok!$A$2:$C$346,2,0))^2+(VLOOKUP($A85,városok!$A$2:$C$346,3,0)-VLOOKUP(I$1,városok!$A$2:$C$346,3,0))^2)/1000,0)</f>
        <v>166</v>
      </c>
      <c r="J85">
        <f ca="1">ROUND(SQRT((VLOOKUP($A85,városok!$A$2:$C$346,2,0)-VLOOKUP(J$1,városok!$A$2:$C$346,2,0))^2+(VLOOKUP($A85,városok!$A$2:$C$346,3,0)-VLOOKUP(J$1,városok!$A$2:$C$346,3,0))^2)/1000,0)</f>
        <v>169</v>
      </c>
      <c r="K85">
        <f ca="1">ROUND(SQRT((VLOOKUP($A85,városok!$A$2:$C$346,2,0)-VLOOKUP(K$1,városok!$A$2:$C$346,2,0))^2+(VLOOKUP($A85,városok!$A$2:$C$346,3,0)-VLOOKUP(K$1,városok!$A$2:$C$346,3,0))^2)/1000,0)</f>
        <v>182</v>
      </c>
      <c r="L85">
        <f ca="1">ROUND(SQRT((VLOOKUP($A85,városok!$A$2:$C$346,2,0)-VLOOKUP(L$1,városok!$A$2:$C$346,2,0))^2+(VLOOKUP($A85,városok!$A$2:$C$346,3,0)-VLOOKUP(L$1,városok!$A$2:$C$346,3,0))^2)/1000,0)</f>
        <v>43</v>
      </c>
      <c r="M85">
        <f ca="1">ROUND(SQRT((VLOOKUP($A85,városok!$A$2:$C$346,2,0)-VLOOKUP(M$1,városok!$A$2:$C$346,2,0))^2+(VLOOKUP($A85,városok!$A$2:$C$346,3,0)-VLOOKUP(M$1,városok!$A$2:$C$346,3,0))^2)/1000,0)</f>
        <v>30</v>
      </c>
      <c r="N85">
        <f ca="1">ROUND(SQRT((VLOOKUP($A85,városok!$A$2:$C$346,2,0)-VLOOKUP(N$1,városok!$A$2:$C$346,2,0))^2+(VLOOKUP($A85,városok!$A$2:$C$346,3,0)-VLOOKUP(N$1,városok!$A$2:$C$346,3,0))^2)/1000,0)</f>
        <v>67</v>
      </c>
      <c r="O85">
        <f ca="1">ROUND(SQRT((VLOOKUP($A85,városok!$A$2:$C$346,2,0)-VLOOKUP(O$1,városok!$A$2:$C$346,2,0))^2+(VLOOKUP($A85,városok!$A$2:$C$346,3,0)-VLOOKUP(O$1,városok!$A$2:$C$346,3,0))^2)/1000,0)</f>
        <v>43</v>
      </c>
      <c r="P85">
        <f ca="1">ROUND(SQRT((VLOOKUP($A85,városok!$A$2:$C$346,2,0)-VLOOKUP(P$1,városok!$A$2:$C$346,2,0))^2+(VLOOKUP($A85,városok!$A$2:$C$346,3,0)-VLOOKUP(P$1,városok!$A$2:$C$346,3,0))^2)/1000,0)</f>
        <v>43</v>
      </c>
      <c r="Q85">
        <f ca="1">ROUND(SQRT((VLOOKUP($A85,városok!$A$2:$C$346,2,0)-VLOOKUP(Q$1,városok!$A$2:$C$346,2,0))^2+(VLOOKUP($A85,városok!$A$2:$C$346,3,0)-VLOOKUP(Q$1,városok!$A$2:$C$346,3,0))^2)/1000,0)</f>
        <v>205</v>
      </c>
      <c r="R85">
        <f ca="1">ROUND(SQRT((VLOOKUP($A85,városok!$A$2:$C$346,2,0)-VLOOKUP(R$1,városok!$A$2:$C$346,2,0))^2+(VLOOKUP($A85,városok!$A$2:$C$346,3,0)-VLOOKUP(R$1,városok!$A$2:$C$346,3,0))^2)/1000,0)</f>
        <v>223</v>
      </c>
      <c r="S85">
        <f ca="1">ROUND(SQRT((VLOOKUP($A85,városok!$A$2:$C$346,2,0)-VLOOKUP(S$1,városok!$A$2:$C$346,2,0))^2+(VLOOKUP($A85,városok!$A$2:$C$346,3,0)-VLOOKUP(S$1,városok!$A$2:$C$346,3,0))^2)/1000,0)</f>
        <v>227</v>
      </c>
      <c r="T85">
        <f ca="1">ROUND(SQRT((VLOOKUP($A85,városok!$A$2:$C$346,2,0)-VLOOKUP(T$1,városok!$A$2:$C$346,2,0))^2+(VLOOKUP($A85,városok!$A$2:$C$346,3,0)-VLOOKUP(T$1,városok!$A$2:$C$346,3,0))^2)/1000,0)</f>
        <v>206</v>
      </c>
      <c r="U85">
        <f ca="1">ROUND(SQRT((VLOOKUP($A85,városok!$A$2:$C$346,2,0)-VLOOKUP(U$1,városok!$A$2:$C$346,2,0))^2+(VLOOKUP($A85,városok!$A$2:$C$346,3,0)-VLOOKUP(U$1,városok!$A$2:$C$346,3,0))^2)/1000,0)</f>
        <v>216</v>
      </c>
      <c r="V85">
        <f ca="1">ROUND(SQRT((VLOOKUP($A85,városok!$A$2:$C$346,2,0)-VLOOKUP(V$1,városok!$A$2:$C$346,2,0))^2+(VLOOKUP($A85,városok!$A$2:$C$346,3,0)-VLOOKUP(V$1,városok!$A$2:$C$346,3,0))^2)/1000,0)</f>
        <v>250</v>
      </c>
      <c r="W85">
        <f ca="1">ROUND(SQRT((VLOOKUP($A85,városok!$A$2:$C$346,2,0)-VLOOKUP(W$1,városok!$A$2:$C$346,2,0))^2+(VLOOKUP($A85,városok!$A$2:$C$346,3,0)-VLOOKUP(W$1,városok!$A$2:$C$346,3,0))^2)/1000,0)</f>
        <v>240</v>
      </c>
      <c r="X85">
        <f ca="1">ROUND(SQRT((VLOOKUP($A85,városok!$A$2:$C$346,2,0)-VLOOKUP(X$1,városok!$A$2:$C$346,2,0))^2+(VLOOKUP($A85,városok!$A$2:$C$346,3,0)-VLOOKUP(X$1,városok!$A$2:$C$346,3,0))^2)/1000,0)</f>
        <v>236</v>
      </c>
      <c r="Y85">
        <f ca="1">ROUND(SQRT((VLOOKUP($A85,városok!$A$2:$C$346,2,0)-VLOOKUP(Y$1,városok!$A$2:$C$346,2,0))^2+(VLOOKUP($A85,városok!$A$2:$C$346,3,0)-VLOOKUP(Y$1,városok!$A$2:$C$346,3,0))^2)/1000,0)</f>
        <v>271</v>
      </c>
      <c r="Z85">
        <f ca="1">ROUND(SQRT((VLOOKUP($A85,városok!$A$2:$C$346,2,0)-VLOOKUP(Z$1,városok!$A$2:$C$346,2,0))^2+(VLOOKUP($A85,városok!$A$2:$C$346,3,0)-VLOOKUP(Z$1,városok!$A$2:$C$346,3,0))^2)/1000,0)</f>
        <v>288</v>
      </c>
      <c r="AA85">
        <f ca="1">ROUND(SQRT((VLOOKUP($A85,városok!$A$2:$C$346,2,0)-VLOOKUP(AA$1,városok!$A$2:$C$346,2,0))^2+(VLOOKUP($A85,városok!$A$2:$C$346,3,0)-VLOOKUP(AA$1,városok!$A$2:$C$346,3,0))^2)/1000,0)</f>
        <v>349</v>
      </c>
      <c r="AB85">
        <f ca="1">ROUND(SQRT((VLOOKUP($A85,városok!$A$2:$C$346,2,0)-VLOOKUP(AB$1,városok!$A$2:$C$346,2,0))^2+(VLOOKUP($A85,városok!$A$2:$C$346,3,0)-VLOOKUP(AB$1,városok!$A$2:$C$346,3,0))^2)/1000,0)</f>
        <v>78</v>
      </c>
      <c r="AC85">
        <f ca="1">ROUND(SQRT((VLOOKUP($A85,városok!$A$2:$C$346,2,0)-VLOOKUP(AC$1,városok!$A$2:$C$346,2,0))^2+(VLOOKUP($A85,városok!$A$2:$C$346,3,0)-VLOOKUP(AC$1,városok!$A$2:$C$346,3,0))^2)/1000,0)</f>
        <v>81</v>
      </c>
      <c r="AD85">
        <f ca="1">ROUND(SQRT((VLOOKUP($A85,városok!$A$2:$C$346,2,0)-VLOOKUP(AD$1,városok!$A$2:$C$346,2,0))^2+(VLOOKUP($A85,városok!$A$2:$C$346,3,0)-VLOOKUP(AD$1,városok!$A$2:$C$346,3,0))^2)/1000,0)</f>
        <v>82</v>
      </c>
      <c r="AE85">
        <f ca="1">ROUND(SQRT((VLOOKUP($A85,városok!$A$2:$C$346,2,0)-VLOOKUP(AE$1,városok!$A$2:$C$346,2,0))^2+(VLOOKUP($A85,városok!$A$2:$C$346,3,0)-VLOOKUP(AE$1,városok!$A$2:$C$346,3,0))^2)/1000,0)</f>
        <v>98</v>
      </c>
      <c r="AF85">
        <f ca="1">ROUND(SQRT((VLOOKUP($A85,városok!$A$2:$C$346,2,0)-VLOOKUP(AF$1,városok!$A$2:$C$346,2,0))^2+(VLOOKUP($A85,városok!$A$2:$C$346,3,0)-VLOOKUP(AF$1,városok!$A$2:$C$346,3,0))^2)/1000,0)</f>
        <v>68</v>
      </c>
      <c r="AG85">
        <f ca="1">ROUND(SQRT((VLOOKUP($A85,városok!$A$2:$C$346,2,0)-VLOOKUP(AG$1,városok!$A$2:$C$346,2,0))^2+(VLOOKUP($A85,városok!$A$2:$C$346,3,0)-VLOOKUP(AG$1,városok!$A$2:$C$346,3,0))^2)/1000,0)</f>
        <v>104</v>
      </c>
      <c r="AH85">
        <f ca="1">ROUND(SQRT((VLOOKUP($A85,városok!$A$2:$C$346,2,0)-VLOOKUP(AH$1,városok!$A$2:$C$346,2,0))^2+(VLOOKUP($A85,városok!$A$2:$C$346,3,0)-VLOOKUP(AH$1,városok!$A$2:$C$346,3,0))^2)/1000,0)</f>
        <v>126</v>
      </c>
      <c r="AI85">
        <f ca="1">ROUND(SQRT((VLOOKUP($A85,városok!$A$2:$C$346,2,0)-VLOOKUP(AI$1,városok!$A$2:$C$346,2,0))^2+(VLOOKUP($A85,városok!$A$2:$C$346,3,0)-VLOOKUP(AI$1,városok!$A$2:$C$346,3,0))^2)/1000,0)</f>
        <v>83</v>
      </c>
      <c r="AJ85">
        <f ca="1">ROUND(SQRT((VLOOKUP($A85,városok!$A$2:$C$346,2,0)-VLOOKUP(AJ$1,városok!$A$2:$C$346,2,0))^2+(VLOOKUP($A85,városok!$A$2:$C$346,3,0)-VLOOKUP(AJ$1,városok!$A$2:$C$346,3,0))^2)/1000,0)</f>
        <v>108</v>
      </c>
      <c r="AK85">
        <f ca="1">ROUND(SQRT((VLOOKUP($A85,városok!$A$2:$C$346,2,0)-VLOOKUP(AK$1,városok!$A$2:$C$346,2,0))^2+(VLOOKUP($A85,városok!$A$2:$C$346,3,0)-VLOOKUP(AK$1,városok!$A$2:$C$346,3,0))^2)/1000,0)</f>
        <v>99</v>
      </c>
      <c r="AL85">
        <f ca="1">ROUND(SQRT((VLOOKUP($A85,városok!$A$2:$C$346,2,0)-VLOOKUP(AL$1,városok!$A$2:$C$346,2,0))^2+(VLOOKUP($A85,városok!$A$2:$C$346,3,0)-VLOOKUP(AL$1,városok!$A$2:$C$346,3,0))^2)/1000,0)</f>
        <v>98</v>
      </c>
      <c r="AM85">
        <f ca="1">ROUND(SQRT((VLOOKUP($A85,városok!$A$2:$C$346,2,0)-VLOOKUP(AM$1,városok!$A$2:$C$346,2,0))^2+(VLOOKUP($A85,városok!$A$2:$C$346,3,0)-VLOOKUP(AM$1,városok!$A$2:$C$346,3,0))^2)/1000,0)</f>
        <v>133</v>
      </c>
      <c r="AN85">
        <f ca="1">ROUND(SQRT((VLOOKUP($A85,városok!$A$2:$C$346,2,0)-VLOOKUP(AN$1,városok!$A$2:$C$346,2,0))^2+(VLOOKUP($A85,városok!$A$2:$C$346,3,0)-VLOOKUP(AN$1,városok!$A$2:$C$346,3,0))^2)/1000,0)</f>
        <v>188</v>
      </c>
      <c r="AO85">
        <f ca="1">ROUND(SQRT((VLOOKUP($A85,városok!$A$2:$C$346,2,0)-VLOOKUP(AO$1,városok!$A$2:$C$346,2,0))^2+(VLOOKUP($A85,városok!$A$2:$C$346,3,0)-VLOOKUP(AO$1,városok!$A$2:$C$346,3,0))^2)/1000,0)</f>
        <v>234</v>
      </c>
      <c r="AP85">
        <f ca="1">ROUND(SQRT((VLOOKUP($A85,városok!$A$2:$C$346,2,0)-VLOOKUP(AP$1,városok!$A$2:$C$346,2,0))^2+(VLOOKUP($A85,városok!$A$2:$C$346,3,0)-VLOOKUP(AP$1,városok!$A$2:$C$346,3,0))^2)/1000,0)</f>
        <v>222</v>
      </c>
      <c r="AQ85">
        <f ca="1">ROUND(SQRT((VLOOKUP($A85,városok!$A$2:$C$346,2,0)-VLOOKUP(AQ$1,városok!$A$2:$C$346,2,0))^2+(VLOOKUP($A85,városok!$A$2:$C$346,3,0)-VLOOKUP(AQ$1,városok!$A$2:$C$346,3,0))^2)/1000,0)</f>
        <v>219</v>
      </c>
      <c r="AR85">
        <f ca="1">ROUND(SQRT((VLOOKUP($A85,városok!$A$2:$C$346,2,0)-VLOOKUP(AR$1,városok!$A$2:$C$346,2,0))^2+(VLOOKUP($A85,városok!$A$2:$C$346,3,0)-VLOOKUP(AR$1,városok!$A$2:$C$346,3,0))^2)/1000,0)</f>
        <v>115</v>
      </c>
      <c r="AS85">
        <f ca="1">ROUND(SQRT((VLOOKUP($A85,városok!$A$2:$C$346,2,0)-VLOOKUP(AS$1,városok!$A$2:$C$346,2,0))^2+(VLOOKUP($A85,városok!$A$2:$C$346,3,0)-VLOOKUP(AS$1,városok!$A$2:$C$346,3,0))^2)/1000,0)</f>
        <v>103</v>
      </c>
      <c r="AT85">
        <f ca="1">ROUND(SQRT((VLOOKUP($A85,városok!$A$2:$C$346,2,0)-VLOOKUP(AT$1,városok!$A$2:$C$346,2,0))^2+(VLOOKUP($A85,városok!$A$2:$C$346,3,0)-VLOOKUP(AT$1,városok!$A$2:$C$346,3,0))^2)/1000,0)</f>
        <v>194</v>
      </c>
      <c r="AU85">
        <f ca="1">ROUND(SQRT((VLOOKUP($A85,városok!$A$2:$C$346,2,0)-VLOOKUP(AU$1,városok!$A$2:$C$346,2,0))^2+(VLOOKUP($A85,városok!$A$2:$C$346,3,0)-VLOOKUP(AU$1,városok!$A$2:$C$346,3,0))^2)/1000,0)</f>
        <v>185</v>
      </c>
      <c r="AV85">
        <f ca="1">ROUND(SQRT((VLOOKUP($A85,városok!$A$2:$C$346,2,0)-VLOOKUP(AV$1,városok!$A$2:$C$346,2,0))^2+(VLOOKUP($A85,városok!$A$2:$C$346,3,0)-VLOOKUP(AV$1,városok!$A$2:$C$346,3,0))^2)/1000,0)</f>
        <v>188</v>
      </c>
      <c r="AW85">
        <f ca="1">ROUND(SQRT((VLOOKUP($A85,városok!$A$2:$C$346,2,0)-VLOOKUP(AW$1,városok!$A$2:$C$346,2,0))^2+(VLOOKUP($A85,városok!$A$2:$C$346,3,0)-VLOOKUP(AW$1,városok!$A$2:$C$346,3,0))^2)/1000,0)</f>
        <v>191</v>
      </c>
      <c r="AX85">
        <f ca="1">ROUND(SQRT((VLOOKUP($A85,városok!$A$2:$C$346,2,0)-VLOOKUP(AX$1,városok!$A$2:$C$346,2,0))^2+(VLOOKUP($A85,városok!$A$2:$C$346,3,0)-VLOOKUP(AX$1,városok!$A$2:$C$346,3,0))^2)/1000,0)</f>
        <v>165</v>
      </c>
      <c r="AY85">
        <f ca="1">ROUND(SQRT((VLOOKUP($A85,városok!$A$2:$C$346,2,0)-VLOOKUP(AY$1,városok!$A$2:$C$346,2,0))^2+(VLOOKUP($A85,városok!$A$2:$C$346,3,0)-VLOOKUP(AY$1,városok!$A$2:$C$346,3,0))^2)/1000,0)</f>
        <v>168</v>
      </c>
      <c r="AZ85">
        <f ca="1">ROUND(SQRT((VLOOKUP($A85,városok!$A$2:$C$346,2,0)-VLOOKUP(AZ$1,városok!$A$2:$C$346,2,0))^2+(VLOOKUP($A85,városok!$A$2:$C$346,3,0)-VLOOKUP(AZ$1,városok!$A$2:$C$346,3,0))^2)/1000,0)</f>
        <v>171</v>
      </c>
      <c r="BA85">
        <f ca="1">ROUND(SQRT((VLOOKUP($A85,városok!$A$2:$C$346,2,0)-VLOOKUP(BA$1,városok!$A$2:$C$346,2,0))^2+(VLOOKUP($A85,városok!$A$2:$C$346,3,0)-VLOOKUP(BA$1,városok!$A$2:$C$346,3,0))^2)/1000,0)</f>
        <v>305</v>
      </c>
      <c r="BB85">
        <f ca="1">ROUND(SQRT((VLOOKUP($A85,városok!$A$2:$C$346,2,0)-VLOOKUP(BB$1,városok!$A$2:$C$346,2,0))^2+(VLOOKUP($A85,városok!$A$2:$C$346,3,0)-VLOOKUP(BB$1,városok!$A$2:$C$346,3,0))^2)/1000,0)</f>
        <v>305</v>
      </c>
      <c r="BC85">
        <f ca="1">ROUND(SQRT((VLOOKUP($A85,városok!$A$2:$C$346,2,0)-VLOOKUP(BC$1,városok!$A$2:$C$346,2,0))^2+(VLOOKUP($A85,városok!$A$2:$C$346,3,0)-VLOOKUP(BC$1,városok!$A$2:$C$346,3,0))^2)/1000,0)</f>
        <v>326</v>
      </c>
      <c r="BD85">
        <f ca="1">ROUND(SQRT((VLOOKUP($A85,városok!$A$2:$C$346,2,0)-VLOOKUP(BD$1,városok!$A$2:$C$346,2,0))^2+(VLOOKUP($A85,városok!$A$2:$C$346,3,0)-VLOOKUP(BD$1,városok!$A$2:$C$346,3,0))^2)/1000,0)</f>
        <v>274</v>
      </c>
      <c r="BE85">
        <f ca="1">ROUND(SQRT((VLOOKUP($A85,városok!$A$2:$C$346,2,0)-VLOOKUP(BE$1,városok!$A$2:$C$346,2,0))^2+(VLOOKUP($A85,városok!$A$2:$C$346,3,0)-VLOOKUP(BE$1,városok!$A$2:$C$346,3,0))^2)/1000,0)</f>
        <v>116</v>
      </c>
      <c r="BF85">
        <f ca="1">ROUND(SQRT((VLOOKUP($A85,városok!$A$2:$C$346,2,0)-VLOOKUP(BF$1,városok!$A$2:$C$346,2,0))^2+(VLOOKUP($A85,városok!$A$2:$C$346,3,0)-VLOOKUP(BF$1,városok!$A$2:$C$346,3,0))^2)/1000,0)</f>
        <v>66</v>
      </c>
      <c r="BG85">
        <f ca="1">ROUND(SQRT((VLOOKUP($A85,városok!$A$2:$C$346,2,0)-VLOOKUP(BG$1,városok!$A$2:$C$346,2,0))^2+(VLOOKUP($A85,városok!$A$2:$C$346,3,0)-VLOOKUP(BG$1,városok!$A$2:$C$346,3,0))^2)/1000,0)</f>
        <v>21</v>
      </c>
      <c r="BH85">
        <f ca="1">ROUND(SQRT((VLOOKUP($A85,városok!$A$2:$C$346,2,0)-VLOOKUP(BH$1,városok!$A$2:$C$346,2,0))^2+(VLOOKUP($A85,városok!$A$2:$C$346,3,0)-VLOOKUP(BH$1,városok!$A$2:$C$346,3,0))^2)/1000,0)</f>
        <v>20</v>
      </c>
      <c r="BI85">
        <f ca="1">ROUND(SQRT((VLOOKUP($A85,városok!$A$2:$C$346,2,0)-VLOOKUP(BI$1,városok!$A$2:$C$346,2,0))^2+(VLOOKUP($A85,városok!$A$2:$C$346,3,0)-VLOOKUP(BI$1,városok!$A$2:$C$346,3,0))^2)/1000,0)</f>
        <v>276</v>
      </c>
      <c r="BJ85">
        <f ca="1">ROUND(SQRT((VLOOKUP($A85,városok!$A$2:$C$346,2,0)-VLOOKUP(BJ$1,városok!$A$2:$C$346,2,0))^2+(VLOOKUP($A85,városok!$A$2:$C$346,3,0)-VLOOKUP(BJ$1,városok!$A$2:$C$346,3,0))^2)/1000,0)</f>
        <v>294</v>
      </c>
      <c r="BK85">
        <f ca="1">ROUND(SQRT((VLOOKUP($A85,városok!$A$2:$C$346,2,0)-VLOOKUP(BK$1,városok!$A$2:$C$346,2,0))^2+(VLOOKUP($A85,városok!$A$2:$C$346,3,0)-VLOOKUP(BK$1,városok!$A$2:$C$346,3,0))^2)/1000,0)</f>
        <v>276</v>
      </c>
      <c r="BL85">
        <f ca="1">ROUND(SQRT((VLOOKUP($A85,városok!$A$2:$C$346,2,0)-VLOOKUP(BL$1,városok!$A$2:$C$346,2,0))^2+(VLOOKUP($A85,városok!$A$2:$C$346,3,0)-VLOOKUP(BL$1,városok!$A$2:$C$346,3,0))^2)/1000,0)</f>
        <v>368</v>
      </c>
      <c r="BM85">
        <f ca="1">ROUND(SQRT((VLOOKUP($A85,városok!$A$2:$C$346,2,0)-VLOOKUP(BM$1,városok!$A$2:$C$346,2,0))^2+(VLOOKUP($A85,városok!$A$2:$C$346,3,0)-VLOOKUP(BM$1,városok!$A$2:$C$346,3,0))^2)/1000,0)</f>
        <v>335</v>
      </c>
      <c r="BN85">
        <f ca="1">ROUND(SQRT((VLOOKUP($A85,városok!$A$2:$C$346,2,0)-VLOOKUP(BN$1,városok!$A$2:$C$346,2,0))^2+(VLOOKUP($A85,városok!$A$2:$C$346,3,0)-VLOOKUP(BN$1,városok!$A$2:$C$346,3,0))^2)/1000,0)</f>
        <v>358</v>
      </c>
      <c r="BO85">
        <f ca="1">ROUND(SQRT((VLOOKUP($A85,városok!$A$2:$C$346,2,0)-VLOOKUP(BO$1,városok!$A$2:$C$346,2,0))^2+(VLOOKUP($A85,városok!$A$2:$C$346,3,0)-VLOOKUP(BO$1,városok!$A$2:$C$346,3,0))^2)/1000,0)</f>
        <v>270</v>
      </c>
      <c r="BP85">
        <f ca="1">ROUND(SQRT((VLOOKUP($A85,városok!$A$2:$C$346,2,0)-VLOOKUP(BP$1,városok!$A$2:$C$346,2,0))^2+(VLOOKUP($A85,városok!$A$2:$C$346,3,0)-VLOOKUP(BP$1,városok!$A$2:$C$346,3,0))^2)/1000,0)</f>
        <v>264</v>
      </c>
      <c r="BQ85">
        <f ca="1">ROUND(SQRT((VLOOKUP($A85,városok!$A$2:$C$346,2,0)-VLOOKUP(BQ$1,városok!$A$2:$C$346,2,0))^2+(VLOOKUP($A85,városok!$A$2:$C$346,3,0)-VLOOKUP(BQ$1,városok!$A$2:$C$346,3,0))^2)/1000,0)</f>
        <v>274</v>
      </c>
      <c r="BR85">
        <f ca="1">ROUND(SQRT((VLOOKUP($A85,városok!$A$2:$C$346,2,0)-VLOOKUP(BR$1,városok!$A$2:$C$346,2,0))^2+(VLOOKUP($A85,városok!$A$2:$C$346,3,0)-VLOOKUP(BR$1,városok!$A$2:$C$346,3,0))^2)/1000,0)</f>
        <v>335</v>
      </c>
      <c r="BS85">
        <f ca="1">ROUND(SQRT((VLOOKUP($A85,városok!$A$2:$C$346,2,0)-VLOOKUP(BS$1,városok!$A$2:$C$346,2,0))^2+(VLOOKUP($A85,városok!$A$2:$C$346,3,0)-VLOOKUP(BS$1,városok!$A$2:$C$346,3,0))^2)/1000,0)</f>
        <v>370</v>
      </c>
      <c r="BT85">
        <f ca="1">ROUND(SQRT((VLOOKUP($A85,városok!$A$2:$C$346,2,0)-VLOOKUP(BT$1,városok!$A$2:$C$346,2,0))^2+(VLOOKUP($A85,városok!$A$2:$C$346,3,0)-VLOOKUP(BT$1,városok!$A$2:$C$346,3,0))^2)/1000,0)</f>
        <v>360</v>
      </c>
    </row>
    <row r="86" spans="1:72" x14ac:dyDescent="0.2">
      <c r="A86" t="str">
        <f>városok!A86</f>
        <v>Szikszó</v>
      </c>
      <c r="B86">
        <f ca="1">ROUND(SQRT((VLOOKUP($A86,városok!$A$2:$C$346,2,0)-VLOOKUP(B$1,városok!$A$2:$C$346,2,0))^2+(VLOOKUP($A86,városok!$A$2:$C$346,3,0)-VLOOKUP(B$1,városok!$A$2:$C$346,3,0))^2)/1000,0)</f>
        <v>269</v>
      </c>
      <c r="C86">
        <f ca="1">ROUND(SQRT((VLOOKUP($A86,városok!$A$2:$C$346,2,0)-VLOOKUP(C$1,városok!$A$2:$C$346,2,0))^2+(VLOOKUP($A86,városok!$A$2:$C$346,3,0)-VLOOKUP(C$1,városok!$A$2:$C$346,3,0))^2)/1000,0)</f>
        <v>237</v>
      </c>
      <c r="D86">
        <f ca="1">ROUND(SQRT((VLOOKUP($A86,városok!$A$2:$C$346,2,0)-VLOOKUP(D$1,városok!$A$2:$C$346,2,0))^2+(VLOOKUP($A86,városok!$A$2:$C$346,3,0)-VLOOKUP(D$1,városok!$A$2:$C$346,3,0))^2)/1000,0)</f>
        <v>171</v>
      </c>
      <c r="E86">
        <f ca="1">ROUND(SQRT((VLOOKUP($A86,városok!$A$2:$C$346,2,0)-VLOOKUP(E$1,városok!$A$2:$C$346,2,0))^2+(VLOOKUP($A86,városok!$A$2:$C$346,3,0)-VLOOKUP(E$1,városok!$A$2:$C$346,3,0))^2)/1000,0)</f>
        <v>301</v>
      </c>
      <c r="F86">
        <f ca="1">ROUND(SQRT((VLOOKUP($A86,városok!$A$2:$C$346,2,0)-VLOOKUP(F$1,városok!$A$2:$C$346,2,0))^2+(VLOOKUP($A86,városok!$A$2:$C$346,3,0)-VLOOKUP(F$1,városok!$A$2:$C$346,3,0))^2)/1000,0)</f>
        <v>298</v>
      </c>
      <c r="G86">
        <f ca="1">ROUND(SQRT((VLOOKUP($A86,városok!$A$2:$C$346,2,0)-VLOOKUP(G$1,városok!$A$2:$C$346,2,0))^2+(VLOOKUP($A86,városok!$A$2:$C$346,3,0)-VLOOKUP(G$1,városok!$A$2:$C$346,3,0))^2)/1000,0)</f>
        <v>311</v>
      </c>
      <c r="H86">
        <f ca="1">ROUND(SQRT((VLOOKUP($A86,városok!$A$2:$C$346,2,0)-VLOOKUP(H$1,városok!$A$2:$C$346,2,0))^2+(VLOOKUP($A86,városok!$A$2:$C$346,3,0)-VLOOKUP(H$1,városok!$A$2:$C$346,3,0))^2)/1000,0)</f>
        <v>337</v>
      </c>
      <c r="I86">
        <f ca="1">ROUND(SQRT((VLOOKUP($A86,városok!$A$2:$C$346,2,0)-VLOOKUP(I$1,városok!$A$2:$C$346,2,0))^2+(VLOOKUP($A86,városok!$A$2:$C$346,3,0)-VLOOKUP(I$1,városok!$A$2:$C$346,3,0))^2)/1000,0)</f>
        <v>169</v>
      </c>
      <c r="J86">
        <f ca="1">ROUND(SQRT((VLOOKUP($A86,városok!$A$2:$C$346,2,0)-VLOOKUP(J$1,városok!$A$2:$C$346,2,0))^2+(VLOOKUP($A86,városok!$A$2:$C$346,3,0)-VLOOKUP(J$1,városok!$A$2:$C$346,3,0))^2)/1000,0)</f>
        <v>175</v>
      </c>
      <c r="K86">
        <f ca="1">ROUND(SQRT((VLOOKUP($A86,városok!$A$2:$C$346,2,0)-VLOOKUP(K$1,városok!$A$2:$C$346,2,0))^2+(VLOOKUP($A86,városok!$A$2:$C$346,3,0)-VLOOKUP(K$1,városok!$A$2:$C$346,3,0))^2)/1000,0)</f>
        <v>183</v>
      </c>
      <c r="L86">
        <f ca="1">ROUND(SQRT((VLOOKUP($A86,városok!$A$2:$C$346,2,0)-VLOOKUP(L$1,városok!$A$2:$C$346,2,0))^2+(VLOOKUP($A86,városok!$A$2:$C$346,3,0)-VLOOKUP(L$1,városok!$A$2:$C$346,3,0))^2)/1000,0)</f>
        <v>23</v>
      </c>
      <c r="M86">
        <f ca="1">ROUND(SQRT((VLOOKUP($A86,városok!$A$2:$C$346,2,0)-VLOOKUP(M$1,városok!$A$2:$C$346,2,0))^2+(VLOOKUP($A86,városok!$A$2:$C$346,3,0)-VLOOKUP(M$1,városok!$A$2:$C$346,3,0))^2)/1000,0)</f>
        <v>14</v>
      </c>
      <c r="N86">
        <f ca="1">ROUND(SQRT((VLOOKUP($A86,városok!$A$2:$C$346,2,0)-VLOOKUP(N$1,városok!$A$2:$C$346,2,0))^2+(VLOOKUP($A86,városok!$A$2:$C$346,3,0)-VLOOKUP(N$1,városok!$A$2:$C$346,3,0))^2)/1000,0)</f>
        <v>47</v>
      </c>
      <c r="O86">
        <f ca="1">ROUND(SQRT((VLOOKUP($A86,városok!$A$2:$C$346,2,0)-VLOOKUP(O$1,városok!$A$2:$C$346,2,0))^2+(VLOOKUP($A86,városok!$A$2:$C$346,3,0)-VLOOKUP(O$1,városok!$A$2:$C$346,3,0))^2)/1000,0)</f>
        <v>58</v>
      </c>
      <c r="P86">
        <f ca="1">ROUND(SQRT((VLOOKUP($A86,városok!$A$2:$C$346,2,0)-VLOOKUP(P$1,városok!$A$2:$C$346,2,0))^2+(VLOOKUP($A86,városok!$A$2:$C$346,3,0)-VLOOKUP(P$1,városok!$A$2:$C$346,3,0))^2)/1000,0)</f>
        <v>58</v>
      </c>
      <c r="Q86">
        <f ca="1">ROUND(SQRT((VLOOKUP($A86,városok!$A$2:$C$346,2,0)-VLOOKUP(Q$1,városok!$A$2:$C$346,2,0))^2+(VLOOKUP($A86,városok!$A$2:$C$346,3,0)-VLOOKUP(Q$1,városok!$A$2:$C$346,3,0))^2)/1000,0)</f>
        <v>203</v>
      </c>
      <c r="R86">
        <f ca="1">ROUND(SQRT((VLOOKUP($A86,városok!$A$2:$C$346,2,0)-VLOOKUP(R$1,városok!$A$2:$C$346,2,0))^2+(VLOOKUP($A86,városok!$A$2:$C$346,3,0)-VLOOKUP(R$1,városok!$A$2:$C$346,3,0))^2)/1000,0)</f>
        <v>223</v>
      </c>
      <c r="S86">
        <f ca="1">ROUND(SQRT((VLOOKUP($A86,városok!$A$2:$C$346,2,0)-VLOOKUP(S$1,városok!$A$2:$C$346,2,0))^2+(VLOOKUP($A86,városok!$A$2:$C$346,3,0)-VLOOKUP(S$1,városok!$A$2:$C$346,3,0))^2)/1000,0)</f>
        <v>224</v>
      </c>
      <c r="T86">
        <f ca="1">ROUND(SQRT((VLOOKUP($A86,városok!$A$2:$C$346,2,0)-VLOOKUP(T$1,városok!$A$2:$C$346,2,0))^2+(VLOOKUP($A86,városok!$A$2:$C$346,3,0)-VLOOKUP(T$1,városok!$A$2:$C$346,3,0))^2)/1000,0)</f>
        <v>189</v>
      </c>
      <c r="U86">
        <f ca="1">ROUND(SQRT((VLOOKUP($A86,városok!$A$2:$C$346,2,0)-VLOOKUP(U$1,városok!$A$2:$C$346,2,0))^2+(VLOOKUP($A86,városok!$A$2:$C$346,3,0)-VLOOKUP(U$1,városok!$A$2:$C$346,3,0))^2)/1000,0)</f>
        <v>203</v>
      </c>
      <c r="V86">
        <f ca="1">ROUND(SQRT((VLOOKUP($A86,városok!$A$2:$C$346,2,0)-VLOOKUP(V$1,városok!$A$2:$C$346,2,0))^2+(VLOOKUP($A86,városok!$A$2:$C$346,3,0)-VLOOKUP(V$1,városok!$A$2:$C$346,3,0))^2)/1000,0)</f>
        <v>234</v>
      </c>
      <c r="W86">
        <f ca="1">ROUND(SQRT((VLOOKUP($A86,városok!$A$2:$C$346,2,0)-VLOOKUP(W$1,városok!$A$2:$C$346,2,0))^2+(VLOOKUP($A86,városok!$A$2:$C$346,3,0)-VLOOKUP(W$1,városok!$A$2:$C$346,3,0))^2)/1000,0)</f>
        <v>226</v>
      </c>
      <c r="X86">
        <f ca="1">ROUND(SQRT((VLOOKUP($A86,városok!$A$2:$C$346,2,0)-VLOOKUP(X$1,városok!$A$2:$C$346,2,0))^2+(VLOOKUP($A86,városok!$A$2:$C$346,3,0)-VLOOKUP(X$1,városok!$A$2:$C$346,3,0))^2)/1000,0)</f>
        <v>219</v>
      </c>
      <c r="Y86">
        <f ca="1">ROUND(SQRT((VLOOKUP($A86,városok!$A$2:$C$346,2,0)-VLOOKUP(Y$1,városok!$A$2:$C$346,2,0))^2+(VLOOKUP($A86,városok!$A$2:$C$346,3,0)-VLOOKUP(Y$1,városok!$A$2:$C$346,3,0))^2)/1000,0)</f>
        <v>252</v>
      </c>
      <c r="Z86">
        <f ca="1">ROUND(SQRT((VLOOKUP($A86,városok!$A$2:$C$346,2,0)-VLOOKUP(Z$1,városok!$A$2:$C$346,2,0))^2+(VLOOKUP($A86,városok!$A$2:$C$346,3,0)-VLOOKUP(Z$1,városok!$A$2:$C$346,3,0))^2)/1000,0)</f>
        <v>269</v>
      </c>
      <c r="AA86">
        <f ca="1">ROUND(SQRT((VLOOKUP($A86,városok!$A$2:$C$346,2,0)-VLOOKUP(AA$1,városok!$A$2:$C$346,2,0))^2+(VLOOKUP($A86,városok!$A$2:$C$346,3,0)-VLOOKUP(AA$1,városok!$A$2:$C$346,3,0))^2)/1000,0)</f>
        <v>329</v>
      </c>
      <c r="AB86">
        <f ca="1">ROUND(SQRT((VLOOKUP($A86,városok!$A$2:$C$346,2,0)-VLOOKUP(AB$1,városok!$A$2:$C$346,2,0))^2+(VLOOKUP($A86,városok!$A$2:$C$346,3,0)-VLOOKUP(AB$1,városok!$A$2:$C$346,3,0))^2)/1000,0)</f>
        <v>91</v>
      </c>
      <c r="AC86">
        <f ca="1">ROUND(SQRT((VLOOKUP($A86,városok!$A$2:$C$346,2,0)-VLOOKUP(AC$1,városok!$A$2:$C$346,2,0))^2+(VLOOKUP($A86,városok!$A$2:$C$346,3,0)-VLOOKUP(AC$1,városok!$A$2:$C$346,3,0))^2)/1000,0)</f>
        <v>91</v>
      </c>
      <c r="AD86">
        <f ca="1">ROUND(SQRT((VLOOKUP($A86,városok!$A$2:$C$346,2,0)-VLOOKUP(AD$1,városok!$A$2:$C$346,2,0))^2+(VLOOKUP($A86,városok!$A$2:$C$346,3,0)-VLOOKUP(AD$1,városok!$A$2:$C$346,3,0))^2)/1000,0)</f>
        <v>87</v>
      </c>
      <c r="AE86">
        <f ca="1">ROUND(SQRT((VLOOKUP($A86,városok!$A$2:$C$346,2,0)-VLOOKUP(AE$1,városok!$A$2:$C$346,2,0))^2+(VLOOKUP($A86,városok!$A$2:$C$346,3,0)-VLOOKUP(AE$1,városok!$A$2:$C$346,3,0))^2)/1000,0)</f>
        <v>103</v>
      </c>
      <c r="AF86">
        <f ca="1">ROUND(SQRT((VLOOKUP($A86,városok!$A$2:$C$346,2,0)-VLOOKUP(AF$1,városok!$A$2:$C$346,2,0))^2+(VLOOKUP($A86,városok!$A$2:$C$346,3,0)-VLOOKUP(AF$1,városok!$A$2:$C$346,3,0))^2)/1000,0)</f>
        <v>53</v>
      </c>
      <c r="AG86">
        <f ca="1">ROUND(SQRT((VLOOKUP($A86,városok!$A$2:$C$346,2,0)-VLOOKUP(AG$1,városok!$A$2:$C$346,2,0))^2+(VLOOKUP($A86,városok!$A$2:$C$346,3,0)-VLOOKUP(AG$1,városok!$A$2:$C$346,3,0))^2)/1000,0)</f>
        <v>88</v>
      </c>
      <c r="AH86">
        <f ca="1">ROUND(SQRT((VLOOKUP($A86,városok!$A$2:$C$346,2,0)-VLOOKUP(AH$1,városok!$A$2:$C$346,2,0))^2+(VLOOKUP($A86,városok!$A$2:$C$346,3,0)-VLOOKUP(AH$1,városok!$A$2:$C$346,3,0))^2)/1000,0)</f>
        <v>110</v>
      </c>
      <c r="AI86">
        <f ca="1">ROUND(SQRT((VLOOKUP($A86,városok!$A$2:$C$346,2,0)-VLOOKUP(AI$1,városok!$A$2:$C$346,2,0))^2+(VLOOKUP($A86,városok!$A$2:$C$346,3,0)-VLOOKUP(AI$1,városok!$A$2:$C$346,3,0))^2)/1000,0)</f>
        <v>65</v>
      </c>
      <c r="AJ86">
        <f ca="1">ROUND(SQRT((VLOOKUP($A86,városok!$A$2:$C$346,2,0)-VLOOKUP(AJ$1,városok!$A$2:$C$346,2,0))^2+(VLOOKUP($A86,városok!$A$2:$C$346,3,0)-VLOOKUP(AJ$1,városok!$A$2:$C$346,3,0))^2)/1000,0)</f>
        <v>94</v>
      </c>
      <c r="AK86">
        <f ca="1">ROUND(SQRT((VLOOKUP($A86,városok!$A$2:$C$346,2,0)-VLOOKUP(AK$1,városok!$A$2:$C$346,2,0))^2+(VLOOKUP($A86,városok!$A$2:$C$346,3,0)-VLOOKUP(AK$1,városok!$A$2:$C$346,3,0))^2)/1000,0)</f>
        <v>102</v>
      </c>
      <c r="AL86">
        <f ca="1">ROUND(SQRT((VLOOKUP($A86,városok!$A$2:$C$346,2,0)-VLOOKUP(AL$1,városok!$A$2:$C$346,2,0))^2+(VLOOKUP($A86,városok!$A$2:$C$346,3,0)-VLOOKUP(AL$1,városok!$A$2:$C$346,3,0))^2)/1000,0)</f>
        <v>95</v>
      </c>
      <c r="AM86">
        <f ca="1">ROUND(SQRT((VLOOKUP($A86,városok!$A$2:$C$346,2,0)-VLOOKUP(AM$1,városok!$A$2:$C$346,2,0))^2+(VLOOKUP($A86,városok!$A$2:$C$346,3,0)-VLOOKUP(AM$1,városok!$A$2:$C$346,3,0))^2)/1000,0)</f>
        <v>126</v>
      </c>
      <c r="AN86">
        <f ca="1">ROUND(SQRT((VLOOKUP($A86,városok!$A$2:$C$346,2,0)-VLOOKUP(AN$1,városok!$A$2:$C$346,2,0))^2+(VLOOKUP($A86,városok!$A$2:$C$346,3,0)-VLOOKUP(AN$1,városok!$A$2:$C$346,3,0))^2)/1000,0)</f>
        <v>169</v>
      </c>
      <c r="AO86">
        <f ca="1">ROUND(SQRT((VLOOKUP($A86,városok!$A$2:$C$346,2,0)-VLOOKUP(AO$1,városok!$A$2:$C$346,2,0))^2+(VLOOKUP($A86,városok!$A$2:$C$346,3,0)-VLOOKUP(AO$1,városok!$A$2:$C$346,3,0))^2)/1000,0)</f>
        <v>215</v>
      </c>
      <c r="AP86">
        <f ca="1">ROUND(SQRT((VLOOKUP($A86,városok!$A$2:$C$346,2,0)-VLOOKUP(AP$1,városok!$A$2:$C$346,2,0))^2+(VLOOKUP($A86,városok!$A$2:$C$346,3,0)-VLOOKUP(AP$1,városok!$A$2:$C$346,3,0))^2)/1000,0)</f>
        <v>203</v>
      </c>
      <c r="AQ86">
        <f ca="1">ROUND(SQRT((VLOOKUP($A86,városok!$A$2:$C$346,2,0)-VLOOKUP(AQ$1,városok!$A$2:$C$346,2,0))^2+(VLOOKUP($A86,városok!$A$2:$C$346,3,0)-VLOOKUP(AQ$1,városok!$A$2:$C$346,3,0))^2)/1000,0)</f>
        <v>201</v>
      </c>
      <c r="AR86">
        <f ca="1">ROUND(SQRT((VLOOKUP($A86,városok!$A$2:$C$346,2,0)-VLOOKUP(AR$1,városok!$A$2:$C$346,2,0))^2+(VLOOKUP($A86,városok!$A$2:$C$346,3,0)-VLOOKUP(AR$1,városok!$A$2:$C$346,3,0))^2)/1000,0)</f>
        <v>97</v>
      </c>
      <c r="AS86">
        <f ca="1">ROUND(SQRT((VLOOKUP($A86,városok!$A$2:$C$346,2,0)-VLOOKUP(AS$1,városok!$A$2:$C$346,2,0))^2+(VLOOKUP($A86,városok!$A$2:$C$346,3,0)-VLOOKUP(AS$1,városok!$A$2:$C$346,3,0))^2)/1000,0)</f>
        <v>83</v>
      </c>
      <c r="AT86">
        <f ca="1">ROUND(SQRT((VLOOKUP($A86,városok!$A$2:$C$346,2,0)-VLOOKUP(AT$1,városok!$A$2:$C$346,2,0))^2+(VLOOKUP($A86,városok!$A$2:$C$346,3,0)-VLOOKUP(AT$1,városok!$A$2:$C$346,3,0))^2)/1000,0)</f>
        <v>177</v>
      </c>
      <c r="AU86">
        <f ca="1">ROUND(SQRT((VLOOKUP($A86,városok!$A$2:$C$346,2,0)-VLOOKUP(AU$1,városok!$A$2:$C$346,2,0))^2+(VLOOKUP($A86,városok!$A$2:$C$346,3,0)-VLOOKUP(AU$1,városok!$A$2:$C$346,3,0))^2)/1000,0)</f>
        <v>168</v>
      </c>
      <c r="AV86">
        <f ca="1">ROUND(SQRT((VLOOKUP($A86,városok!$A$2:$C$346,2,0)-VLOOKUP(AV$1,városok!$A$2:$C$346,2,0))^2+(VLOOKUP($A86,városok!$A$2:$C$346,3,0)-VLOOKUP(AV$1,városok!$A$2:$C$346,3,0))^2)/1000,0)</f>
        <v>172</v>
      </c>
      <c r="AW86">
        <f ca="1">ROUND(SQRT((VLOOKUP($A86,városok!$A$2:$C$346,2,0)-VLOOKUP(AW$1,városok!$A$2:$C$346,2,0))^2+(VLOOKUP($A86,városok!$A$2:$C$346,3,0)-VLOOKUP(AW$1,városok!$A$2:$C$346,3,0))^2)/1000,0)</f>
        <v>175</v>
      </c>
      <c r="AX86">
        <f ca="1">ROUND(SQRT((VLOOKUP($A86,városok!$A$2:$C$346,2,0)-VLOOKUP(AX$1,városok!$A$2:$C$346,2,0))^2+(VLOOKUP($A86,városok!$A$2:$C$346,3,0)-VLOOKUP(AX$1,városok!$A$2:$C$346,3,0))^2)/1000,0)</f>
        <v>156</v>
      </c>
      <c r="AY86">
        <f ca="1">ROUND(SQRT((VLOOKUP($A86,városok!$A$2:$C$346,2,0)-VLOOKUP(AY$1,városok!$A$2:$C$346,2,0))^2+(VLOOKUP($A86,városok!$A$2:$C$346,3,0)-VLOOKUP(AY$1,városok!$A$2:$C$346,3,0))^2)/1000,0)</f>
        <v>150</v>
      </c>
      <c r="AZ86">
        <f ca="1">ROUND(SQRT((VLOOKUP($A86,városok!$A$2:$C$346,2,0)-VLOOKUP(AZ$1,városok!$A$2:$C$346,2,0))^2+(VLOOKUP($A86,városok!$A$2:$C$346,3,0)-VLOOKUP(AZ$1,városok!$A$2:$C$346,3,0))^2)/1000,0)</f>
        <v>153</v>
      </c>
      <c r="BA86">
        <f ca="1">ROUND(SQRT((VLOOKUP($A86,városok!$A$2:$C$346,2,0)-VLOOKUP(BA$1,városok!$A$2:$C$346,2,0))^2+(VLOOKUP($A86,városok!$A$2:$C$346,3,0)-VLOOKUP(BA$1,városok!$A$2:$C$346,3,0))^2)/1000,0)</f>
        <v>289</v>
      </c>
      <c r="BB86">
        <f ca="1">ROUND(SQRT((VLOOKUP($A86,városok!$A$2:$C$346,2,0)-VLOOKUP(BB$1,városok!$A$2:$C$346,2,0))^2+(VLOOKUP($A86,városok!$A$2:$C$346,3,0)-VLOOKUP(BB$1,városok!$A$2:$C$346,3,0))^2)/1000,0)</f>
        <v>291</v>
      </c>
      <c r="BC86">
        <f ca="1">ROUND(SQRT((VLOOKUP($A86,városok!$A$2:$C$346,2,0)-VLOOKUP(BC$1,városok!$A$2:$C$346,2,0))^2+(VLOOKUP($A86,városok!$A$2:$C$346,3,0)-VLOOKUP(BC$1,városok!$A$2:$C$346,3,0))^2)/1000,0)</f>
        <v>313</v>
      </c>
      <c r="BD86">
        <f ca="1">ROUND(SQRT((VLOOKUP($A86,városok!$A$2:$C$346,2,0)-VLOOKUP(BD$1,városok!$A$2:$C$346,2,0))^2+(VLOOKUP($A86,városok!$A$2:$C$346,3,0)-VLOOKUP(BD$1,városok!$A$2:$C$346,3,0))^2)/1000,0)</f>
        <v>259</v>
      </c>
      <c r="BE86">
        <f ca="1">ROUND(SQRT((VLOOKUP($A86,városok!$A$2:$C$346,2,0)-VLOOKUP(BE$1,városok!$A$2:$C$346,2,0))^2+(VLOOKUP($A86,városok!$A$2:$C$346,3,0)-VLOOKUP(BE$1,városok!$A$2:$C$346,3,0))^2)/1000,0)</f>
        <v>136</v>
      </c>
      <c r="BF86">
        <f ca="1">ROUND(SQRT((VLOOKUP($A86,városok!$A$2:$C$346,2,0)-VLOOKUP(BF$1,városok!$A$2:$C$346,2,0))^2+(VLOOKUP($A86,városok!$A$2:$C$346,3,0)-VLOOKUP(BF$1,városok!$A$2:$C$346,3,0))^2)/1000,0)</f>
        <v>85</v>
      </c>
      <c r="BG86">
        <f ca="1">ROUND(SQRT((VLOOKUP($A86,városok!$A$2:$C$346,2,0)-VLOOKUP(BG$1,városok!$A$2:$C$346,2,0))^2+(VLOOKUP($A86,városok!$A$2:$C$346,3,0)-VLOOKUP(BG$1,városok!$A$2:$C$346,3,0))^2)/1000,0)</f>
        <v>41</v>
      </c>
      <c r="BH86">
        <f ca="1">ROUND(SQRT((VLOOKUP($A86,városok!$A$2:$C$346,2,0)-VLOOKUP(BH$1,városok!$A$2:$C$346,2,0))^2+(VLOOKUP($A86,városok!$A$2:$C$346,3,0)-VLOOKUP(BH$1,városok!$A$2:$C$346,3,0))^2)/1000,0)</f>
        <v>41</v>
      </c>
      <c r="BI86">
        <f ca="1">ROUND(SQRT((VLOOKUP($A86,városok!$A$2:$C$346,2,0)-VLOOKUP(BI$1,városok!$A$2:$C$346,2,0))^2+(VLOOKUP($A86,városok!$A$2:$C$346,3,0)-VLOOKUP(BI$1,városok!$A$2:$C$346,3,0))^2)/1000,0)</f>
        <v>265</v>
      </c>
      <c r="BJ86">
        <f ca="1">ROUND(SQRT((VLOOKUP($A86,városok!$A$2:$C$346,2,0)-VLOOKUP(BJ$1,városok!$A$2:$C$346,2,0))^2+(VLOOKUP($A86,városok!$A$2:$C$346,3,0)-VLOOKUP(BJ$1,városok!$A$2:$C$346,3,0))^2)/1000,0)</f>
        <v>283</v>
      </c>
      <c r="BK86">
        <f ca="1">ROUND(SQRT((VLOOKUP($A86,városok!$A$2:$C$346,2,0)-VLOOKUP(BK$1,városok!$A$2:$C$346,2,0))^2+(VLOOKUP($A86,városok!$A$2:$C$346,3,0)-VLOOKUP(BK$1,városok!$A$2:$C$346,3,0))^2)/1000,0)</f>
        <v>265</v>
      </c>
      <c r="BL86">
        <f ca="1">ROUND(SQRT((VLOOKUP($A86,városok!$A$2:$C$346,2,0)-VLOOKUP(BL$1,városok!$A$2:$C$346,2,0))^2+(VLOOKUP($A86,városok!$A$2:$C$346,3,0)-VLOOKUP(BL$1,városok!$A$2:$C$346,3,0))^2)/1000,0)</f>
        <v>350</v>
      </c>
      <c r="BM86">
        <f ca="1">ROUND(SQRT((VLOOKUP($A86,városok!$A$2:$C$346,2,0)-VLOOKUP(BM$1,városok!$A$2:$C$346,2,0))^2+(VLOOKUP($A86,városok!$A$2:$C$346,3,0)-VLOOKUP(BM$1,városok!$A$2:$C$346,3,0))^2)/1000,0)</f>
        <v>317</v>
      </c>
      <c r="BN86">
        <f ca="1">ROUND(SQRT((VLOOKUP($A86,városok!$A$2:$C$346,2,0)-VLOOKUP(BN$1,városok!$A$2:$C$346,2,0))^2+(VLOOKUP($A86,városok!$A$2:$C$346,3,0)-VLOOKUP(BN$1,városok!$A$2:$C$346,3,0))^2)/1000,0)</f>
        <v>340</v>
      </c>
      <c r="BO86">
        <f ca="1">ROUND(SQRT((VLOOKUP($A86,városok!$A$2:$C$346,2,0)-VLOOKUP(BO$1,városok!$A$2:$C$346,2,0))^2+(VLOOKUP($A86,városok!$A$2:$C$346,3,0)-VLOOKUP(BO$1,városok!$A$2:$C$346,3,0))^2)/1000,0)</f>
        <v>254</v>
      </c>
      <c r="BP86">
        <f ca="1">ROUND(SQRT((VLOOKUP($A86,városok!$A$2:$C$346,2,0)-VLOOKUP(BP$1,városok!$A$2:$C$346,2,0))^2+(VLOOKUP($A86,városok!$A$2:$C$346,3,0)-VLOOKUP(BP$1,városok!$A$2:$C$346,3,0))^2)/1000,0)</f>
        <v>248</v>
      </c>
      <c r="BQ86">
        <f ca="1">ROUND(SQRT((VLOOKUP($A86,városok!$A$2:$C$346,2,0)-VLOOKUP(BQ$1,városok!$A$2:$C$346,2,0))^2+(VLOOKUP($A86,városok!$A$2:$C$346,3,0)-VLOOKUP(BQ$1,városok!$A$2:$C$346,3,0))^2)/1000,0)</f>
        <v>258</v>
      </c>
      <c r="BR86">
        <f ca="1">ROUND(SQRT((VLOOKUP($A86,városok!$A$2:$C$346,2,0)-VLOOKUP(BR$1,városok!$A$2:$C$346,2,0))^2+(VLOOKUP($A86,városok!$A$2:$C$346,3,0)-VLOOKUP(BR$1,városok!$A$2:$C$346,3,0))^2)/1000,0)</f>
        <v>319</v>
      </c>
      <c r="BS86">
        <f ca="1">ROUND(SQRT((VLOOKUP($A86,városok!$A$2:$C$346,2,0)-VLOOKUP(BS$1,városok!$A$2:$C$346,2,0))^2+(VLOOKUP($A86,városok!$A$2:$C$346,3,0)-VLOOKUP(BS$1,városok!$A$2:$C$346,3,0))^2)/1000,0)</f>
        <v>355</v>
      </c>
      <c r="BT86">
        <f ca="1">ROUND(SQRT((VLOOKUP($A86,városok!$A$2:$C$346,2,0)-VLOOKUP(BT$1,városok!$A$2:$C$346,2,0))^2+(VLOOKUP($A86,városok!$A$2:$C$346,3,0)-VLOOKUP(BT$1,városok!$A$2:$C$346,3,0))^2)/1000,0)</f>
        <v>343</v>
      </c>
    </row>
    <row r="87" spans="1:72" x14ac:dyDescent="0.2">
      <c r="A87" t="str">
        <f>városok!A87</f>
        <v>Tiszaújváros</v>
      </c>
      <c r="B87">
        <f ca="1">ROUND(SQRT((VLOOKUP($A87,városok!$A$2:$C$346,2,0)-VLOOKUP(B$1,városok!$A$2:$C$346,2,0))^2+(VLOOKUP($A87,városok!$A$2:$C$346,3,0)-VLOOKUP(B$1,városok!$A$2:$C$346,3,0))^2)/1000,0)</f>
        <v>251</v>
      </c>
      <c r="C87">
        <f ca="1">ROUND(SQRT((VLOOKUP($A87,városok!$A$2:$C$346,2,0)-VLOOKUP(C$1,városok!$A$2:$C$346,2,0))^2+(VLOOKUP($A87,városok!$A$2:$C$346,3,0)-VLOOKUP(C$1,városok!$A$2:$C$346,3,0))^2)/1000,0)</f>
        <v>221</v>
      </c>
      <c r="D87">
        <f ca="1">ROUND(SQRT((VLOOKUP($A87,városok!$A$2:$C$346,2,0)-VLOOKUP(D$1,városok!$A$2:$C$346,2,0))^2+(VLOOKUP($A87,városok!$A$2:$C$346,3,0)-VLOOKUP(D$1,városok!$A$2:$C$346,3,0))^2)/1000,0)</f>
        <v>153</v>
      </c>
      <c r="E87">
        <f ca="1">ROUND(SQRT((VLOOKUP($A87,városok!$A$2:$C$346,2,0)-VLOOKUP(E$1,városok!$A$2:$C$346,2,0))^2+(VLOOKUP($A87,városok!$A$2:$C$346,3,0)-VLOOKUP(E$1,városok!$A$2:$C$346,3,0))^2)/1000,0)</f>
        <v>287</v>
      </c>
      <c r="F87">
        <f ca="1">ROUND(SQRT((VLOOKUP($A87,városok!$A$2:$C$346,2,0)-VLOOKUP(F$1,városok!$A$2:$C$346,2,0))^2+(VLOOKUP($A87,városok!$A$2:$C$346,3,0)-VLOOKUP(F$1,városok!$A$2:$C$346,3,0))^2)/1000,0)</f>
        <v>281</v>
      </c>
      <c r="G87">
        <f ca="1">ROUND(SQRT((VLOOKUP($A87,városok!$A$2:$C$346,2,0)-VLOOKUP(G$1,városok!$A$2:$C$346,2,0))^2+(VLOOKUP($A87,városok!$A$2:$C$346,3,0)-VLOOKUP(G$1,városok!$A$2:$C$346,3,0))^2)/1000,0)</f>
        <v>296</v>
      </c>
      <c r="H87">
        <f ca="1">ROUND(SQRT((VLOOKUP($A87,városok!$A$2:$C$346,2,0)-VLOOKUP(H$1,városok!$A$2:$C$346,2,0))^2+(VLOOKUP($A87,városok!$A$2:$C$346,3,0)-VLOOKUP(H$1,városok!$A$2:$C$346,3,0))^2)/1000,0)</f>
        <v>324</v>
      </c>
      <c r="I87">
        <f ca="1">ROUND(SQRT((VLOOKUP($A87,városok!$A$2:$C$346,2,0)-VLOOKUP(I$1,városok!$A$2:$C$346,2,0))^2+(VLOOKUP($A87,városok!$A$2:$C$346,3,0)-VLOOKUP(I$1,városok!$A$2:$C$346,3,0))^2)/1000,0)</f>
        <v>140</v>
      </c>
      <c r="J87">
        <f ca="1">ROUND(SQRT((VLOOKUP($A87,városok!$A$2:$C$346,2,0)-VLOOKUP(J$1,városok!$A$2:$C$346,2,0))^2+(VLOOKUP($A87,városok!$A$2:$C$346,3,0)-VLOOKUP(J$1,városok!$A$2:$C$346,3,0))^2)/1000,0)</f>
        <v>144</v>
      </c>
      <c r="K87">
        <f ca="1">ROUND(SQRT((VLOOKUP($A87,városok!$A$2:$C$346,2,0)-VLOOKUP(K$1,városok!$A$2:$C$346,2,0))^2+(VLOOKUP($A87,városok!$A$2:$C$346,3,0)-VLOOKUP(K$1,városok!$A$2:$C$346,3,0))^2)/1000,0)</f>
        <v>155</v>
      </c>
      <c r="L87">
        <f ca="1">ROUND(SQRT((VLOOKUP($A87,városok!$A$2:$C$346,2,0)-VLOOKUP(L$1,városok!$A$2:$C$346,2,0))^2+(VLOOKUP($A87,városok!$A$2:$C$346,3,0)-VLOOKUP(L$1,városok!$A$2:$C$346,3,0))^2)/1000,0)</f>
        <v>47</v>
      </c>
      <c r="M87">
        <f ca="1">ROUND(SQRT((VLOOKUP($A87,városok!$A$2:$C$346,2,0)-VLOOKUP(M$1,városok!$A$2:$C$346,2,0))^2+(VLOOKUP($A87,városok!$A$2:$C$346,3,0)-VLOOKUP(M$1,városok!$A$2:$C$346,3,0))^2)/1000,0)</f>
        <v>27</v>
      </c>
      <c r="N87">
        <f ca="1">ROUND(SQRT((VLOOKUP($A87,városok!$A$2:$C$346,2,0)-VLOOKUP(N$1,városok!$A$2:$C$346,2,0))^2+(VLOOKUP($A87,városok!$A$2:$C$346,3,0)-VLOOKUP(N$1,városok!$A$2:$C$346,3,0))^2)/1000,0)</f>
        <v>65</v>
      </c>
      <c r="O87">
        <f ca="1">ROUND(SQRT((VLOOKUP($A87,városok!$A$2:$C$346,2,0)-VLOOKUP(O$1,városok!$A$2:$C$346,2,0))^2+(VLOOKUP($A87,városok!$A$2:$C$346,3,0)-VLOOKUP(O$1,városok!$A$2:$C$346,3,0))^2)/1000,0)</f>
        <v>69</v>
      </c>
      <c r="P87">
        <f ca="1">ROUND(SQRT((VLOOKUP($A87,városok!$A$2:$C$346,2,0)-VLOOKUP(P$1,városok!$A$2:$C$346,2,0))^2+(VLOOKUP($A87,városok!$A$2:$C$346,3,0)-VLOOKUP(P$1,városok!$A$2:$C$346,3,0))^2)/1000,0)</f>
        <v>69</v>
      </c>
      <c r="Q87">
        <f ca="1">ROUND(SQRT((VLOOKUP($A87,városok!$A$2:$C$346,2,0)-VLOOKUP(Q$1,városok!$A$2:$C$346,2,0))^2+(VLOOKUP($A87,városok!$A$2:$C$346,3,0)-VLOOKUP(Q$1,városok!$A$2:$C$346,3,0))^2)/1000,0)</f>
        <v>177</v>
      </c>
      <c r="R87">
        <f ca="1">ROUND(SQRT((VLOOKUP($A87,városok!$A$2:$C$346,2,0)-VLOOKUP(R$1,városok!$A$2:$C$346,2,0))^2+(VLOOKUP($A87,városok!$A$2:$C$346,3,0)-VLOOKUP(R$1,városok!$A$2:$C$346,3,0))^2)/1000,0)</f>
        <v>195</v>
      </c>
      <c r="S87">
        <f ca="1">ROUND(SQRT((VLOOKUP($A87,városok!$A$2:$C$346,2,0)-VLOOKUP(S$1,városok!$A$2:$C$346,2,0))^2+(VLOOKUP($A87,városok!$A$2:$C$346,3,0)-VLOOKUP(S$1,városok!$A$2:$C$346,3,0))^2)/1000,0)</f>
        <v>199</v>
      </c>
      <c r="T87">
        <f ca="1">ROUND(SQRT((VLOOKUP($A87,városok!$A$2:$C$346,2,0)-VLOOKUP(T$1,városok!$A$2:$C$346,2,0))^2+(VLOOKUP($A87,városok!$A$2:$C$346,3,0)-VLOOKUP(T$1,városok!$A$2:$C$346,3,0))^2)/1000,0)</f>
        <v>188</v>
      </c>
      <c r="U87">
        <f ca="1">ROUND(SQRT((VLOOKUP($A87,városok!$A$2:$C$346,2,0)-VLOOKUP(U$1,városok!$A$2:$C$346,2,0))^2+(VLOOKUP($A87,városok!$A$2:$C$346,3,0)-VLOOKUP(U$1,városok!$A$2:$C$346,3,0))^2)/1000,0)</f>
        <v>192</v>
      </c>
      <c r="V87">
        <f ca="1">ROUND(SQRT((VLOOKUP($A87,városok!$A$2:$C$346,2,0)-VLOOKUP(V$1,városok!$A$2:$C$346,2,0))^2+(VLOOKUP($A87,városok!$A$2:$C$346,3,0)-VLOOKUP(V$1,városok!$A$2:$C$346,3,0))^2)/1000,0)</f>
        <v>228</v>
      </c>
      <c r="W87">
        <f ca="1">ROUND(SQRT((VLOOKUP($A87,városok!$A$2:$C$346,2,0)-VLOOKUP(W$1,városok!$A$2:$C$346,2,0))^2+(VLOOKUP($A87,városok!$A$2:$C$346,3,0)-VLOOKUP(W$1,városok!$A$2:$C$346,3,0))^2)/1000,0)</f>
        <v>217</v>
      </c>
      <c r="X87">
        <f ca="1">ROUND(SQRT((VLOOKUP($A87,városok!$A$2:$C$346,2,0)-VLOOKUP(X$1,városok!$A$2:$C$346,2,0))^2+(VLOOKUP($A87,városok!$A$2:$C$346,3,0)-VLOOKUP(X$1,városok!$A$2:$C$346,3,0))^2)/1000,0)</f>
        <v>217</v>
      </c>
      <c r="Y87">
        <f ca="1">ROUND(SQRT((VLOOKUP($A87,városok!$A$2:$C$346,2,0)-VLOOKUP(Y$1,városok!$A$2:$C$346,2,0))^2+(VLOOKUP($A87,városok!$A$2:$C$346,3,0)-VLOOKUP(Y$1,városok!$A$2:$C$346,3,0))^2)/1000,0)</f>
        <v>257</v>
      </c>
      <c r="Z87">
        <f ca="1">ROUND(SQRT((VLOOKUP($A87,városok!$A$2:$C$346,2,0)-VLOOKUP(Z$1,városok!$A$2:$C$346,2,0))^2+(VLOOKUP($A87,városok!$A$2:$C$346,3,0)-VLOOKUP(Z$1,városok!$A$2:$C$346,3,0))^2)/1000,0)</f>
        <v>275</v>
      </c>
      <c r="AA87">
        <f ca="1">ROUND(SQRT((VLOOKUP($A87,városok!$A$2:$C$346,2,0)-VLOOKUP(AA$1,városok!$A$2:$C$346,2,0))^2+(VLOOKUP($A87,városok!$A$2:$C$346,3,0)-VLOOKUP(AA$1,városok!$A$2:$C$346,3,0))^2)/1000,0)</f>
        <v>335</v>
      </c>
      <c r="AB87">
        <f ca="1">ROUND(SQRT((VLOOKUP($A87,városok!$A$2:$C$346,2,0)-VLOOKUP(AB$1,városok!$A$2:$C$346,2,0))^2+(VLOOKUP($A87,városok!$A$2:$C$346,3,0)-VLOOKUP(AB$1,városok!$A$2:$C$346,3,0))^2)/1000,0)</f>
        <v>63</v>
      </c>
      <c r="AC87">
        <f ca="1">ROUND(SQRT((VLOOKUP($A87,városok!$A$2:$C$346,2,0)-VLOOKUP(AC$1,városok!$A$2:$C$346,2,0))^2+(VLOOKUP($A87,városok!$A$2:$C$346,3,0)-VLOOKUP(AC$1,városok!$A$2:$C$346,3,0))^2)/1000,0)</f>
        <v>60</v>
      </c>
      <c r="AD87">
        <f ca="1">ROUND(SQRT((VLOOKUP($A87,városok!$A$2:$C$346,2,0)-VLOOKUP(AD$1,városok!$A$2:$C$346,2,0))^2+(VLOOKUP($A87,városok!$A$2:$C$346,3,0)-VLOOKUP(AD$1,városok!$A$2:$C$346,3,0))^2)/1000,0)</f>
        <v>57</v>
      </c>
      <c r="AE87">
        <f ca="1">ROUND(SQRT((VLOOKUP($A87,városok!$A$2:$C$346,2,0)-VLOOKUP(AE$1,városok!$A$2:$C$346,2,0))^2+(VLOOKUP($A87,városok!$A$2:$C$346,3,0)-VLOOKUP(AE$1,városok!$A$2:$C$346,3,0))^2)/1000,0)</f>
        <v>73</v>
      </c>
      <c r="AF87">
        <f ca="1">ROUND(SQRT((VLOOKUP($A87,városok!$A$2:$C$346,2,0)-VLOOKUP(AF$1,városok!$A$2:$C$346,2,0))^2+(VLOOKUP($A87,városok!$A$2:$C$346,3,0)-VLOOKUP(AF$1,városok!$A$2:$C$346,3,0))^2)/1000,0)</f>
        <v>50</v>
      </c>
      <c r="AG87">
        <f ca="1">ROUND(SQRT((VLOOKUP($A87,városok!$A$2:$C$346,2,0)-VLOOKUP(AG$1,városok!$A$2:$C$346,2,0))^2+(VLOOKUP($A87,városok!$A$2:$C$346,3,0)-VLOOKUP(AG$1,városok!$A$2:$C$346,3,0))^2)/1000,0)</f>
        <v>86</v>
      </c>
      <c r="AH87">
        <f ca="1">ROUND(SQRT((VLOOKUP($A87,városok!$A$2:$C$346,2,0)-VLOOKUP(AH$1,városok!$A$2:$C$346,2,0))^2+(VLOOKUP($A87,városok!$A$2:$C$346,3,0)-VLOOKUP(AH$1,városok!$A$2:$C$346,3,0))^2)/1000,0)</f>
        <v>107</v>
      </c>
      <c r="AI87">
        <f ca="1">ROUND(SQRT((VLOOKUP($A87,városok!$A$2:$C$346,2,0)-VLOOKUP(AI$1,városok!$A$2:$C$346,2,0))^2+(VLOOKUP($A87,városok!$A$2:$C$346,3,0)-VLOOKUP(AI$1,városok!$A$2:$C$346,3,0))^2)/1000,0)</f>
        <v>72</v>
      </c>
      <c r="AJ87">
        <f ca="1">ROUND(SQRT((VLOOKUP($A87,városok!$A$2:$C$346,2,0)-VLOOKUP(AJ$1,városok!$A$2:$C$346,2,0))^2+(VLOOKUP($A87,városok!$A$2:$C$346,3,0)-VLOOKUP(AJ$1,városok!$A$2:$C$346,3,0))^2)/1000,0)</f>
        <v>86</v>
      </c>
      <c r="AK87">
        <f ca="1">ROUND(SQRT((VLOOKUP($A87,városok!$A$2:$C$346,2,0)-VLOOKUP(AK$1,városok!$A$2:$C$346,2,0))^2+(VLOOKUP($A87,városok!$A$2:$C$346,3,0)-VLOOKUP(AK$1,városok!$A$2:$C$346,3,0))^2)/1000,0)</f>
        <v>72</v>
      </c>
      <c r="AL87">
        <f ca="1">ROUND(SQRT((VLOOKUP($A87,városok!$A$2:$C$346,2,0)-VLOOKUP(AL$1,városok!$A$2:$C$346,2,0))^2+(VLOOKUP($A87,városok!$A$2:$C$346,3,0)-VLOOKUP(AL$1,városok!$A$2:$C$346,3,0))^2)/1000,0)</f>
        <v>70</v>
      </c>
      <c r="AM87">
        <f ca="1">ROUND(SQRT((VLOOKUP($A87,városok!$A$2:$C$346,2,0)-VLOOKUP(AM$1,városok!$A$2:$C$346,2,0))^2+(VLOOKUP($A87,városok!$A$2:$C$346,3,0)-VLOOKUP(AM$1,városok!$A$2:$C$346,3,0))^2)/1000,0)</f>
        <v>106</v>
      </c>
      <c r="AN87">
        <f ca="1">ROUND(SQRT((VLOOKUP($A87,városok!$A$2:$C$346,2,0)-VLOOKUP(AN$1,városok!$A$2:$C$346,2,0))^2+(VLOOKUP($A87,városok!$A$2:$C$346,3,0)-VLOOKUP(AN$1,városok!$A$2:$C$346,3,0))^2)/1000,0)</f>
        <v>173</v>
      </c>
      <c r="AO87">
        <f ca="1">ROUND(SQRT((VLOOKUP($A87,városok!$A$2:$C$346,2,0)-VLOOKUP(AO$1,városok!$A$2:$C$346,2,0))^2+(VLOOKUP($A87,városok!$A$2:$C$346,3,0)-VLOOKUP(AO$1,városok!$A$2:$C$346,3,0))^2)/1000,0)</f>
        <v>220</v>
      </c>
      <c r="AP87">
        <f ca="1">ROUND(SQRT((VLOOKUP($A87,városok!$A$2:$C$346,2,0)-VLOOKUP(AP$1,városok!$A$2:$C$346,2,0))^2+(VLOOKUP($A87,városok!$A$2:$C$346,3,0)-VLOOKUP(AP$1,városok!$A$2:$C$346,3,0))^2)/1000,0)</f>
        <v>206</v>
      </c>
      <c r="AQ87">
        <f ca="1">ROUND(SQRT((VLOOKUP($A87,városok!$A$2:$C$346,2,0)-VLOOKUP(AQ$1,városok!$A$2:$C$346,2,0))^2+(VLOOKUP($A87,városok!$A$2:$C$346,3,0)-VLOOKUP(AQ$1,városok!$A$2:$C$346,3,0))^2)/1000,0)</f>
        <v>202</v>
      </c>
      <c r="AR87">
        <f ca="1">ROUND(SQRT((VLOOKUP($A87,városok!$A$2:$C$346,2,0)-VLOOKUP(AR$1,városok!$A$2:$C$346,2,0))^2+(VLOOKUP($A87,városok!$A$2:$C$346,3,0)-VLOOKUP(AR$1,városok!$A$2:$C$346,3,0))^2)/1000,0)</f>
        <v>101</v>
      </c>
      <c r="AS87">
        <f ca="1">ROUND(SQRT((VLOOKUP($A87,városok!$A$2:$C$346,2,0)-VLOOKUP(AS$1,városok!$A$2:$C$346,2,0))^2+(VLOOKUP($A87,városok!$A$2:$C$346,3,0)-VLOOKUP(AS$1,városok!$A$2:$C$346,3,0))^2)/1000,0)</f>
        <v>94</v>
      </c>
      <c r="AT87">
        <f ca="1">ROUND(SQRT((VLOOKUP($A87,városok!$A$2:$C$346,2,0)-VLOOKUP(AT$1,városok!$A$2:$C$346,2,0))^2+(VLOOKUP($A87,városok!$A$2:$C$346,3,0)-VLOOKUP(AT$1,városok!$A$2:$C$346,3,0))^2)/1000,0)</f>
        <v>175</v>
      </c>
      <c r="AU87">
        <f ca="1">ROUND(SQRT((VLOOKUP($A87,városok!$A$2:$C$346,2,0)-VLOOKUP(AU$1,városok!$A$2:$C$346,2,0))^2+(VLOOKUP($A87,városok!$A$2:$C$346,3,0)-VLOOKUP(AU$1,városok!$A$2:$C$346,3,0))^2)/1000,0)</f>
        <v>165</v>
      </c>
      <c r="AV87">
        <f ca="1">ROUND(SQRT((VLOOKUP($A87,városok!$A$2:$C$346,2,0)-VLOOKUP(AV$1,városok!$A$2:$C$346,2,0))^2+(VLOOKUP($A87,városok!$A$2:$C$346,3,0)-VLOOKUP(AV$1,városok!$A$2:$C$346,3,0))^2)/1000,0)</f>
        <v>168</v>
      </c>
      <c r="AW87">
        <f ca="1">ROUND(SQRT((VLOOKUP($A87,városok!$A$2:$C$346,2,0)-VLOOKUP(AW$1,városok!$A$2:$C$346,2,0))^2+(VLOOKUP($A87,városok!$A$2:$C$346,3,0)-VLOOKUP(AW$1,városok!$A$2:$C$346,3,0))^2)/1000,0)</f>
        <v>171</v>
      </c>
      <c r="AX87">
        <f ca="1">ROUND(SQRT((VLOOKUP($A87,városok!$A$2:$C$346,2,0)-VLOOKUP(AX$1,városok!$A$2:$C$346,2,0))^2+(VLOOKUP($A87,városok!$A$2:$C$346,3,0)-VLOOKUP(AX$1,városok!$A$2:$C$346,3,0))^2)/1000,0)</f>
        <v>138</v>
      </c>
      <c r="AY87">
        <f ca="1">ROUND(SQRT((VLOOKUP($A87,városok!$A$2:$C$346,2,0)-VLOOKUP(AY$1,városok!$A$2:$C$346,2,0))^2+(VLOOKUP($A87,városok!$A$2:$C$346,3,0)-VLOOKUP(AY$1,városok!$A$2:$C$346,3,0))^2)/1000,0)</f>
        <v>151</v>
      </c>
      <c r="AZ87">
        <f ca="1">ROUND(SQRT((VLOOKUP($A87,városok!$A$2:$C$346,2,0)-VLOOKUP(AZ$1,városok!$A$2:$C$346,2,0))^2+(VLOOKUP($A87,városok!$A$2:$C$346,3,0)-VLOOKUP(AZ$1,városok!$A$2:$C$346,3,0))^2)/1000,0)</f>
        <v>156</v>
      </c>
      <c r="BA87">
        <f ca="1">ROUND(SQRT((VLOOKUP($A87,városok!$A$2:$C$346,2,0)-VLOOKUP(BA$1,városok!$A$2:$C$346,2,0))^2+(VLOOKUP($A87,városok!$A$2:$C$346,3,0)-VLOOKUP(BA$1,városok!$A$2:$C$346,3,0))^2)/1000,0)</f>
        <v>283</v>
      </c>
      <c r="BB87">
        <f ca="1">ROUND(SQRT((VLOOKUP($A87,városok!$A$2:$C$346,2,0)-VLOOKUP(BB$1,városok!$A$2:$C$346,2,0))^2+(VLOOKUP($A87,városok!$A$2:$C$346,3,0)-VLOOKUP(BB$1,városok!$A$2:$C$346,3,0))^2)/1000,0)</f>
        <v>281</v>
      </c>
      <c r="BC87">
        <f ca="1">ROUND(SQRT((VLOOKUP($A87,városok!$A$2:$C$346,2,0)-VLOOKUP(BC$1,városok!$A$2:$C$346,2,0))^2+(VLOOKUP($A87,városok!$A$2:$C$346,3,0)-VLOOKUP(BC$1,városok!$A$2:$C$346,3,0))^2)/1000,0)</f>
        <v>302</v>
      </c>
      <c r="BD87">
        <f ca="1">ROUND(SQRT((VLOOKUP($A87,városok!$A$2:$C$346,2,0)-VLOOKUP(BD$1,városok!$A$2:$C$346,2,0))^2+(VLOOKUP($A87,városok!$A$2:$C$346,3,0)-VLOOKUP(BD$1,városok!$A$2:$C$346,3,0))^2)/1000,0)</f>
        <v>252</v>
      </c>
      <c r="BE87">
        <f ca="1">ROUND(SQRT((VLOOKUP($A87,városok!$A$2:$C$346,2,0)-VLOOKUP(BE$1,városok!$A$2:$C$346,2,0))^2+(VLOOKUP($A87,városok!$A$2:$C$346,3,0)-VLOOKUP(BE$1,városok!$A$2:$C$346,3,0))^2)/1000,0)</f>
        <v>122</v>
      </c>
      <c r="BF87">
        <f ca="1">ROUND(SQRT((VLOOKUP($A87,városok!$A$2:$C$346,2,0)-VLOOKUP(BF$1,városok!$A$2:$C$346,2,0))^2+(VLOOKUP($A87,városok!$A$2:$C$346,3,0)-VLOOKUP(BF$1,városok!$A$2:$C$346,3,0))^2)/1000,0)</f>
        <v>83</v>
      </c>
      <c r="BG87">
        <f ca="1">ROUND(SQRT((VLOOKUP($A87,városok!$A$2:$C$346,2,0)-VLOOKUP(BG$1,városok!$A$2:$C$346,2,0))^2+(VLOOKUP($A87,városok!$A$2:$C$346,3,0)-VLOOKUP(BG$1,városok!$A$2:$C$346,3,0))^2)/1000,0)</f>
        <v>38</v>
      </c>
      <c r="BH87">
        <f ca="1">ROUND(SQRT((VLOOKUP($A87,városok!$A$2:$C$346,2,0)-VLOOKUP(BH$1,városok!$A$2:$C$346,2,0))^2+(VLOOKUP($A87,városok!$A$2:$C$346,3,0)-VLOOKUP(BH$1,városok!$A$2:$C$346,3,0))^2)/1000,0)</f>
        <v>38</v>
      </c>
      <c r="BI87">
        <f ca="1">ROUND(SQRT((VLOOKUP($A87,városok!$A$2:$C$346,2,0)-VLOOKUP(BI$1,városok!$A$2:$C$346,2,0))^2+(VLOOKUP($A87,városok!$A$2:$C$346,3,0)-VLOOKUP(BI$1,városok!$A$2:$C$346,3,0))^2)/1000,0)</f>
        <v>251</v>
      </c>
      <c r="BJ87">
        <f ca="1">ROUND(SQRT((VLOOKUP($A87,városok!$A$2:$C$346,2,0)-VLOOKUP(BJ$1,városok!$A$2:$C$346,2,0))^2+(VLOOKUP($A87,városok!$A$2:$C$346,3,0)-VLOOKUP(BJ$1,városok!$A$2:$C$346,3,0))^2)/1000,0)</f>
        <v>269</v>
      </c>
      <c r="BK87">
        <f ca="1">ROUND(SQRT((VLOOKUP($A87,városok!$A$2:$C$346,2,0)-VLOOKUP(BK$1,városok!$A$2:$C$346,2,0))^2+(VLOOKUP($A87,városok!$A$2:$C$346,3,0)-VLOOKUP(BK$1,városok!$A$2:$C$346,3,0))^2)/1000,0)</f>
        <v>250</v>
      </c>
      <c r="BL87">
        <f ca="1">ROUND(SQRT((VLOOKUP($A87,városok!$A$2:$C$346,2,0)-VLOOKUP(BL$1,városok!$A$2:$C$346,2,0))^2+(VLOOKUP($A87,városok!$A$2:$C$346,3,0)-VLOOKUP(BL$1,városok!$A$2:$C$346,3,0))^2)/1000,0)</f>
        <v>350</v>
      </c>
      <c r="BM87">
        <f ca="1">ROUND(SQRT((VLOOKUP($A87,városok!$A$2:$C$346,2,0)-VLOOKUP(BM$1,városok!$A$2:$C$346,2,0))^2+(VLOOKUP($A87,városok!$A$2:$C$346,3,0)-VLOOKUP(BM$1,városok!$A$2:$C$346,3,0))^2)/1000,0)</f>
        <v>318</v>
      </c>
      <c r="BN87">
        <f ca="1">ROUND(SQRT((VLOOKUP($A87,városok!$A$2:$C$346,2,0)-VLOOKUP(BN$1,városok!$A$2:$C$346,2,0))^2+(VLOOKUP($A87,városok!$A$2:$C$346,3,0)-VLOOKUP(BN$1,városok!$A$2:$C$346,3,0))^2)/1000,0)</f>
        <v>342</v>
      </c>
      <c r="BO87">
        <f ca="1">ROUND(SQRT((VLOOKUP($A87,városok!$A$2:$C$346,2,0)-VLOOKUP(BO$1,városok!$A$2:$C$346,2,0))^2+(VLOOKUP($A87,városok!$A$2:$C$346,3,0)-VLOOKUP(BO$1,városok!$A$2:$C$346,3,0))^2)/1000,0)</f>
        <v>250</v>
      </c>
      <c r="BP87">
        <f ca="1">ROUND(SQRT((VLOOKUP($A87,városok!$A$2:$C$346,2,0)-VLOOKUP(BP$1,városok!$A$2:$C$346,2,0))^2+(VLOOKUP($A87,városok!$A$2:$C$346,3,0)-VLOOKUP(BP$1,városok!$A$2:$C$346,3,0))^2)/1000,0)</f>
        <v>243</v>
      </c>
      <c r="BQ87">
        <f ca="1">ROUND(SQRT((VLOOKUP($A87,városok!$A$2:$C$346,2,0)-VLOOKUP(BQ$1,városok!$A$2:$C$346,2,0))^2+(VLOOKUP($A87,városok!$A$2:$C$346,3,0)-VLOOKUP(BQ$1,városok!$A$2:$C$346,3,0))^2)/1000,0)</f>
        <v>254</v>
      </c>
      <c r="BR87">
        <f ca="1">ROUND(SQRT((VLOOKUP($A87,városok!$A$2:$C$346,2,0)-VLOOKUP(BR$1,városok!$A$2:$C$346,2,0))^2+(VLOOKUP($A87,városok!$A$2:$C$346,3,0)-VLOOKUP(BR$1,városok!$A$2:$C$346,3,0))^2)/1000,0)</f>
        <v>314</v>
      </c>
      <c r="BS87">
        <f ca="1">ROUND(SQRT((VLOOKUP($A87,városok!$A$2:$C$346,2,0)-VLOOKUP(BS$1,városok!$A$2:$C$346,2,0))^2+(VLOOKUP($A87,városok!$A$2:$C$346,3,0)-VLOOKUP(BS$1,városok!$A$2:$C$346,3,0))^2)/1000,0)</f>
        <v>348</v>
      </c>
      <c r="BT87">
        <f ca="1">ROUND(SQRT((VLOOKUP($A87,városok!$A$2:$C$346,2,0)-VLOOKUP(BT$1,városok!$A$2:$C$346,2,0))^2+(VLOOKUP($A87,városok!$A$2:$C$346,3,0)-VLOOKUP(BT$1,városok!$A$2:$C$346,3,0))^2)/1000,0)</f>
        <v>340</v>
      </c>
    </row>
    <row r="88" spans="1:72" x14ac:dyDescent="0.2">
      <c r="A88" t="str">
        <f>városok!A88</f>
        <v>Tokaj</v>
      </c>
      <c r="B88">
        <f ca="1">ROUND(SQRT((VLOOKUP($A88,városok!$A$2:$C$346,2,0)-VLOOKUP(B$1,városok!$A$2:$C$346,2,0))^2+(VLOOKUP($A88,városok!$A$2:$C$346,3,0)-VLOOKUP(B$1,városok!$A$2:$C$346,3,0))^2)/1000,0)</f>
        <v>284</v>
      </c>
      <c r="C88">
        <f ca="1">ROUND(SQRT((VLOOKUP($A88,városok!$A$2:$C$346,2,0)-VLOOKUP(C$1,városok!$A$2:$C$346,2,0))^2+(VLOOKUP($A88,városok!$A$2:$C$346,3,0)-VLOOKUP(C$1,városok!$A$2:$C$346,3,0))^2)/1000,0)</f>
        <v>255</v>
      </c>
      <c r="D88">
        <f ca="1">ROUND(SQRT((VLOOKUP($A88,városok!$A$2:$C$346,2,0)-VLOOKUP(D$1,városok!$A$2:$C$346,2,0))^2+(VLOOKUP($A88,városok!$A$2:$C$346,3,0)-VLOOKUP(D$1,városok!$A$2:$C$346,3,0))^2)/1000,0)</f>
        <v>186</v>
      </c>
      <c r="E88">
        <f ca="1">ROUND(SQRT((VLOOKUP($A88,városok!$A$2:$C$346,2,0)-VLOOKUP(E$1,városok!$A$2:$C$346,2,0))^2+(VLOOKUP($A88,városok!$A$2:$C$346,3,0)-VLOOKUP(E$1,városok!$A$2:$C$346,3,0))^2)/1000,0)</f>
        <v>320</v>
      </c>
      <c r="F88">
        <f ca="1">ROUND(SQRT((VLOOKUP($A88,városok!$A$2:$C$346,2,0)-VLOOKUP(F$1,városok!$A$2:$C$346,2,0))^2+(VLOOKUP($A88,városok!$A$2:$C$346,3,0)-VLOOKUP(F$1,városok!$A$2:$C$346,3,0))^2)/1000,0)</f>
        <v>314</v>
      </c>
      <c r="G88">
        <f ca="1">ROUND(SQRT((VLOOKUP($A88,városok!$A$2:$C$346,2,0)-VLOOKUP(G$1,városok!$A$2:$C$346,2,0))^2+(VLOOKUP($A88,városok!$A$2:$C$346,3,0)-VLOOKUP(G$1,városok!$A$2:$C$346,3,0))^2)/1000,0)</f>
        <v>330</v>
      </c>
      <c r="H88">
        <f ca="1">ROUND(SQRT((VLOOKUP($A88,városok!$A$2:$C$346,2,0)-VLOOKUP(H$1,városok!$A$2:$C$346,2,0))^2+(VLOOKUP($A88,városok!$A$2:$C$346,3,0)-VLOOKUP(H$1,városok!$A$2:$C$346,3,0))^2)/1000,0)</f>
        <v>358</v>
      </c>
      <c r="I88">
        <f ca="1">ROUND(SQRT((VLOOKUP($A88,városok!$A$2:$C$346,2,0)-VLOOKUP(I$1,városok!$A$2:$C$346,2,0))^2+(VLOOKUP($A88,városok!$A$2:$C$346,3,0)-VLOOKUP(I$1,városok!$A$2:$C$346,3,0))^2)/1000,0)</f>
        <v>162</v>
      </c>
      <c r="J88">
        <f ca="1">ROUND(SQRT((VLOOKUP($A88,városok!$A$2:$C$346,2,0)-VLOOKUP(J$1,városok!$A$2:$C$346,2,0))^2+(VLOOKUP($A88,városok!$A$2:$C$346,3,0)-VLOOKUP(J$1,városok!$A$2:$C$346,3,0))^2)/1000,0)</f>
        <v>164</v>
      </c>
      <c r="K88">
        <f ca="1">ROUND(SQRT((VLOOKUP($A88,városok!$A$2:$C$346,2,0)-VLOOKUP(K$1,városok!$A$2:$C$346,2,0))^2+(VLOOKUP($A88,városok!$A$2:$C$346,3,0)-VLOOKUP(K$1,városok!$A$2:$C$346,3,0))^2)/1000,0)</f>
        <v>181</v>
      </c>
      <c r="L88">
        <f ca="1">ROUND(SQRT((VLOOKUP($A88,városok!$A$2:$C$346,2,0)-VLOOKUP(L$1,városok!$A$2:$C$346,2,0))^2+(VLOOKUP($A88,városok!$A$2:$C$346,3,0)-VLOOKUP(L$1,városok!$A$2:$C$346,3,0))^2)/1000,0)</f>
        <v>60</v>
      </c>
      <c r="M88">
        <f ca="1">ROUND(SQRT((VLOOKUP($A88,városok!$A$2:$C$346,2,0)-VLOOKUP(M$1,városok!$A$2:$C$346,2,0))^2+(VLOOKUP($A88,városok!$A$2:$C$346,3,0)-VLOOKUP(M$1,városok!$A$2:$C$346,3,0))^2)/1000,0)</f>
        <v>46</v>
      </c>
      <c r="N88">
        <f ca="1">ROUND(SQRT((VLOOKUP($A88,városok!$A$2:$C$346,2,0)-VLOOKUP(N$1,városok!$A$2:$C$346,2,0))^2+(VLOOKUP($A88,városok!$A$2:$C$346,3,0)-VLOOKUP(N$1,városok!$A$2:$C$346,3,0))^2)/1000,0)</f>
        <v>84</v>
      </c>
      <c r="O88">
        <f ca="1">ROUND(SQRT((VLOOKUP($A88,városok!$A$2:$C$346,2,0)-VLOOKUP(O$1,városok!$A$2:$C$346,2,0))^2+(VLOOKUP($A88,városok!$A$2:$C$346,3,0)-VLOOKUP(O$1,városok!$A$2:$C$346,3,0))^2)/1000,0)</f>
        <v>36</v>
      </c>
      <c r="P88">
        <f ca="1">ROUND(SQRT((VLOOKUP($A88,városok!$A$2:$C$346,2,0)-VLOOKUP(P$1,városok!$A$2:$C$346,2,0))^2+(VLOOKUP($A88,városok!$A$2:$C$346,3,0)-VLOOKUP(P$1,városok!$A$2:$C$346,3,0))^2)/1000,0)</f>
        <v>36</v>
      </c>
      <c r="Q88">
        <f ca="1">ROUND(SQRT((VLOOKUP($A88,városok!$A$2:$C$346,2,0)-VLOOKUP(Q$1,városok!$A$2:$C$346,2,0))^2+(VLOOKUP($A88,városok!$A$2:$C$346,3,0)-VLOOKUP(Q$1,városok!$A$2:$C$346,3,0))^2)/1000,0)</f>
        <v>205</v>
      </c>
      <c r="R88">
        <f ca="1">ROUND(SQRT((VLOOKUP($A88,városok!$A$2:$C$346,2,0)-VLOOKUP(R$1,városok!$A$2:$C$346,2,0))^2+(VLOOKUP($A88,városok!$A$2:$C$346,3,0)-VLOOKUP(R$1,városok!$A$2:$C$346,3,0))^2)/1000,0)</f>
        <v>222</v>
      </c>
      <c r="S88">
        <f ca="1">ROUND(SQRT((VLOOKUP($A88,városok!$A$2:$C$346,2,0)-VLOOKUP(S$1,városok!$A$2:$C$346,2,0))^2+(VLOOKUP($A88,városok!$A$2:$C$346,3,0)-VLOOKUP(S$1,városok!$A$2:$C$346,3,0))^2)/1000,0)</f>
        <v>228</v>
      </c>
      <c r="T88">
        <f ca="1">ROUND(SQRT((VLOOKUP($A88,városok!$A$2:$C$346,2,0)-VLOOKUP(T$1,városok!$A$2:$C$346,2,0))^2+(VLOOKUP($A88,városok!$A$2:$C$346,3,0)-VLOOKUP(T$1,városok!$A$2:$C$346,3,0))^2)/1000,0)</f>
        <v>219</v>
      </c>
      <c r="U88">
        <f ca="1">ROUND(SQRT((VLOOKUP($A88,városok!$A$2:$C$346,2,0)-VLOOKUP(U$1,városok!$A$2:$C$346,2,0))^2+(VLOOKUP($A88,városok!$A$2:$C$346,3,0)-VLOOKUP(U$1,városok!$A$2:$C$346,3,0))^2)/1000,0)</f>
        <v>226</v>
      </c>
      <c r="V88">
        <f ca="1">ROUND(SQRT((VLOOKUP($A88,városok!$A$2:$C$346,2,0)-VLOOKUP(V$1,városok!$A$2:$C$346,2,0))^2+(VLOOKUP($A88,városok!$A$2:$C$346,3,0)-VLOOKUP(V$1,városok!$A$2:$C$346,3,0))^2)/1000,0)</f>
        <v>261</v>
      </c>
      <c r="W88">
        <f ca="1">ROUND(SQRT((VLOOKUP($A88,városok!$A$2:$C$346,2,0)-VLOOKUP(W$1,városok!$A$2:$C$346,2,0))^2+(VLOOKUP($A88,városok!$A$2:$C$346,3,0)-VLOOKUP(W$1,városok!$A$2:$C$346,3,0))^2)/1000,0)</f>
        <v>250</v>
      </c>
      <c r="X88">
        <f ca="1">ROUND(SQRT((VLOOKUP($A88,városok!$A$2:$C$346,2,0)-VLOOKUP(X$1,városok!$A$2:$C$346,2,0))^2+(VLOOKUP($A88,városok!$A$2:$C$346,3,0)-VLOOKUP(X$1,városok!$A$2:$C$346,3,0))^2)/1000,0)</f>
        <v>249</v>
      </c>
      <c r="Y88">
        <f ca="1">ROUND(SQRT((VLOOKUP($A88,városok!$A$2:$C$346,2,0)-VLOOKUP(Y$1,városok!$A$2:$C$346,2,0))^2+(VLOOKUP($A88,városok!$A$2:$C$346,3,0)-VLOOKUP(Y$1,városok!$A$2:$C$346,3,0))^2)/1000,0)</f>
        <v>286</v>
      </c>
      <c r="Z88">
        <f ca="1">ROUND(SQRT((VLOOKUP($A88,városok!$A$2:$C$346,2,0)-VLOOKUP(Z$1,városok!$A$2:$C$346,2,0))^2+(VLOOKUP($A88,városok!$A$2:$C$346,3,0)-VLOOKUP(Z$1,városok!$A$2:$C$346,3,0))^2)/1000,0)</f>
        <v>303</v>
      </c>
      <c r="AA88">
        <f ca="1">ROUND(SQRT((VLOOKUP($A88,városok!$A$2:$C$346,2,0)-VLOOKUP(AA$1,városok!$A$2:$C$346,2,0))^2+(VLOOKUP($A88,városok!$A$2:$C$346,3,0)-VLOOKUP(AA$1,városok!$A$2:$C$346,3,0))^2)/1000,0)</f>
        <v>364</v>
      </c>
      <c r="AB88">
        <f ca="1">ROUND(SQRT((VLOOKUP($A88,városok!$A$2:$C$346,2,0)-VLOOKUP(AB$1,városok!$A$2:$C$346,2,0))^2+(VLOOKUP($A88,városok!$A$2:$C$346,3,0)-VLOOKUP(AB$1,városok!$A$2:$C$346,3,0))^2)/1000,0)</f>
        <v>67</v>
      </c>
      <c r="AC88">
        <f ca="1">ROUND(SQRT((VLOOKUP($A88,városok!$A$2:$C$346,2,0)-VLOOKUP(AC$1,városok!$A$2:$C$346,2,0))^2+(VLOOKUP($A88,városok!$A$2:$C$346,3,0)-VLOOKUP(AC$1,városok!$A$2:$C$346,3,0))^2)/1000,0)</f>
        <v>74</v>
      </c>
      <c r="AD88">
        <f ca="1">ROUND(SQRT((VLOOKUP($A88,városok!$A$2:$C$346,2,0)-VLOOKUP(AD$1,városok!$A$2:$C$346,2,0))^2+(VLOOKUP($A88,városok!$A$2:$C$346,3,0)-VLOOKUP(AD$1,városok!$A$2:$C$346,3,0))^2)/1000,0)</f>
        <v>79</v>
      </c>
      <c r="AE88">
        <f ca="1">ROUND(SQRT((VLOOKUP($A88,városok!$A$2:$C$346,2,0)-VLOOKUP(AE$1,városok!$A$2:$C$346,2,0))^2+(VLOOKUP($A88,városok!$A$2:$C$346,3,0)-VLOOKUP(AE$1,városok!$A$2:$C$346,3,0))^2)/1000,0)</f>
        <v>94</v>
      </c>
      <c r="AF88">
        <f ca="1">ROUND(SQRT((VLOOKUP($A88,városok!$A$2:$C$346,2,0)-VLOOKUP(AF$1,városok!$A$2:$C$346,2,0))^2+(VLOOKUP($A88,városok!$A$2:$C$346,3,0)-VLOOKUP(AF$1,városok!$A$2:$C$346,3,0))^2)/1000,0)</f>
        <v>81</v>
      </c>
      <c r="AG88">
        <f ca="1">ROUND(SQRT((VLOOKUP($A88,városok!$A$2:$C$346,2,0)-VLOOKUP(AG$1,városok!$A$2:$C$346,2,0))^2+(VLOOKUP($A88,városok!$A$2:$C$346,3,0)-VLOOKUP(AG$1,városok!$A$2:$C$346,3,0))^2)/1000,0)</f>
        <v>117</v>
      </c>
      <c r="AH88">
        <f ca="1">ROUND(SQRT((VLOOKUP($A88,városok!$A$2:$C$346,2,0)-VLOOKUP(AH$1,városok!$A$2:$C$346,2,0))^2+(VLOOKUP($A88,városok!$A$2:$C$346,3,0)-VLOOKUP(AH$1,városok!$A$2:$C$346,3,0))^2)/1000,0)</f>
        <v>139</v>
      </c>
      <c r="AI88">
        <f ca="1">ROUND(SQRT((VLOOKUP($A88,városok!$A$2:$C$346,2,0)-VLOOKUP(AI$1,városok!$A$2:$C$346,2,0))^2+(VLOOKUP($A88,városok!$A$2:$C$346,3,0)-VLOOKUP(AI$1,városok!$A$2:$C$346,3,0))^2)/1000,0)</f>
        <v>98</v>
      </c>
      <c r="AJ88">
        <f ca="1">ROUND(SQRT((VLOOKUP($A88,városok!$A$2:$C$346,2,0)-VLOOKUP(AJ$1,városok!$A$2:$C$346,2,0))^2+(VLOOKUP($A88,városok!$A$2:$C$346,3,0)-VLOOKUP(AJ$1,városok!$A$2:$C$346,3,0))^2)/1000,0)</f>
        <v>119</v>
      </c>
      <c r="AK88">
        <f ca="1">ROUND(SQRT((VLOOKUP($A88,városok!$A$2:$C$346,2,0)-VLOOKUP(AK$1,városok!$A$2:$C$346,2,0))^2+(VLOOKUP($A88,városok!$A$2:$C$346,3,0)-VLOOKUP(AK$1,városok!$A$2:$C$346,3,0))^2)/1000,0)</f>
        <v>98</v>
      </c>
      <c r="AL88">
        <f ca="1">ROUND(SQRT((VLOOKUP($A88,városok!$A$2:$C$346,2,0)-VLOOKUP(AL$1,városok!$A$2:$C$346,2,0))^2+(VLOOKUP($A88,városok!$A$2:$C$346,3,0)-VLOOKUP(AL$1,városok!$A$2:$C$346,3,0))^2)/1000,0)</f>
        <v>101</v>
      </c>
      <c r="AM88">
        <f ca="1">ROUND(SQRT((VLOOKUP($A88,városok!$A$2:$C$346,2,0)-VLOOKUP(AM$1,városok!$A$2:$C$346,2,0))^2+(VLOOKUP($A88,városok!$A$2:$C$346,3,0)-VLOOKUP(AM$1,városok!$A$2:$C$346,3,0))^2)/1000,0)</f>
        <v>139</v>
      </c>
      <c r="AN88">
        <f ca="1">ROUND(SQRT((VLOOKUP($A88,városok!$A$2:$C$346,2,0)-VLOOKUP(AN$1,városok!$A$2:$C$346,2,0))^2+(VLOOKUP($A88,városok!$A$2:$C$346,3,0)-VLOOKUP(AN$1,városok!$A$2:$C$346,3,0))^2)/1000,0)</f>
        <v>202</v>
      </c>
      <c r="AO88">
        <f ca="1">ROUND(SQRT((VLOOKUP($A88,városok!$A$2:$C$346,2,0)-VLOOKUP(AO$1,városok!$A$2:$C$346,2,0))^2+(VLOOKUP($A88,városok!$A$2:$C$346,3,0)-VLOOKUP(AO$1,városok!$A$2:$C$346,3,0))^2)/1000,0)</f>
        <v>249</v>
      </c>
      <c r="AP88">
        <f ca="1">ROUND(SQRT((VLOOKUP($A88,városok!$A$2:$C$346,2,0)-VLOOKUP(AP$1,városok!$A$2:$C$346,2,0))^2+(VLOOKUP($A88,városok!$A$2:$C$346,3,0)-VLOOKUP(AP$1,városok!$A$2:$C$346,3,0))^2)/1000,0)</f>
        <v>236</v>
      </c>
      <c r="AQ88">
        <f ca="1">ROUND(SQRT((VLOOKUP($A88,városok!$A$2:$C$346,2,0)-VLOOKUP(AQ$1,városok!$A$2:$C$346,2,0))^2+(VLOOKUP($A88,városok!$A$2:$C$346,3,0)-VLOOKUP(AQ$1,városok!$A$2:$C$346,3,0))^2)/1000,0)</f>
        <v>233</v>
      </c>
      <c r="AR88">
        <f ca="1">ROUND(SQRT((VLOOKUP($A88,városok!$A$2:$C$346,2,0)-VLOOKUP(AR$1,városok!$A$2:$C$346,2,0))^2+(VLOOKUP($A88,városok!$A$2:$C$346,3,0)-VLOOKUP(AR$1,városok!$A$2:$C$346,3,0))^2)/1000,0)</f>
        <v>130</v>
      </c>
      <c r="AS88">
        <f ca="1">ROUND(SQRT((VLOOKUP($A88,városok!$A$2:$C$346,2,0)-VLOOKUP(AS$1,városok!$A$2:$C$346,2,0))^2+(VLOOKUP($A88,városok!$A$2:$C$346,3,0)-VLOOKUP(AS$1,városok!$A$2:$C$346,3,0))^2)/1000,0)</f>
        <v>119</v>
      </c>
      <c r="AT88">
        <f ca="1">ROUND(SQRT((VLOOKUP($A88,városok!$A$2:$C$346,2,0)-VLOOKUP(AT$1,városok!$A$2:$C$346,2,0))^2+(VLOOKUP($A88,városok!$A$2:$C$346,3,0)-VLOOKUP(AT$1,városok!$A$2:$C$346,3,0))^2)/1000,0)</f>
        <v>207</v>
      </c>
      <c r="AU88">
        <f ca="1">ROUND(SQRT((VLOOKUP($A88,városok!$A$2:$C$346,2,0)-VLOOKUP(AU$1,városok!$A$2:$C$346,2,0))^2+(VLOOKUP($A88,városok!$A$2:$C$346,3,0)-VLOOKUP(AU$1,városok!$A$2:$C$346,3,0))^2)/1000,0)</f>
        <v>197</v>
      </c>
      <c r="AV88">
        <f ca="1">ROUND(SQRT((VLOOKUP($A88,városok!$A$2:$C$346,2,0)-VLOOKUP(AV$1,városok!$A$2:$C$346,2,0))^2+(VLOOKUP($A88,városok!$A$2:$C$346,3,0)-VLOOKUP(AV$1,városok!$A$2:$C$346,3,0))^2)/1000,0)</f>
        <v>200</v>
      </c>
      <c r="AW88">
        <f ca="1">ROUND(SQRT((VLOOKUP($A88,városok!$A$2:$C$346,2,0)-VLOOKUP(AW$1,városok!$A$2:$C$346,2,0))^2+(VLOOKUP($A88,városok!$A$2:$C$346,3,0)-VLOOKUP(AW$1,városok!$A$2:$C$346,3,0))^2)/1000,0)</f>
        <v>204</v>
      </c>
      <c r="AX88">
        <f ca="1">ROUND(SQRT((VLOOKUP($A88,városok!$A$2:$C$346,2,0)-VLOOKUP(AX$1,városok!$A$2:$C$346,2,0))^2+(VLOOKUP($A88,városok!$A$2:$C$346,3,0)-VLOOKUP(AX$1,városok!$A$2:$C$346,3,0))^2)/1000,0)</f>
        <v>172</v>
      </c>
      <c r="AY88">
        <f ca="1">ROUND(SQRT((VLOOKUP($A88,városok!$A$2:$C$346,2,0)-VLOOKUP(AY$1,városok!$A$2:$C$346,2,0))^2+(VLOOKUP($A88,városok!$A$2:$C$346,3,0)-VLOOKUP(AY$1,városok!$A$2:$C$346,3,0))^2)/1000,0)</f>
        <v>182</v>
      </c>
      <c r="AZ88">
        <f ca="1">ROUND(SQRT((VLOOKUP($A88,városok!$A$2:$C$346,2,0)-VLOOKUP(AZ$1,városok!$A$2:$C$346,2,0))^2+(VLOOKUP($A88,városok!$A$2:$C$346,3,0)-VLOOKUP(AZ$1,városok!$A$2:$C$346,3,0))^2)/1000,0)</f>
        <v>186</v>
      </c>
      <c r="BA88">
        <f ca="1">ROUND(SQRT((VLOOKUP($A88,városok!$A$2:$C$346,2,0)-VLOOKUP(BA$1,városok!$A$2:$C$346,2,0))^2+(VLOOKUP($A88,városok!$A$2:$C$346,3,0)-VLOOKUP(BA$1,városok!$A$2:$C$346,3,0))^2)/1000,0)</f>
        <v>316</v>
      </c>
      <c r="BB88">
        <f ca="1">ROUND(SQRT((VLOOKUP($A88,városok!$A$2:$C$346,2,0)-VLOOKUP(BB$1,városok!$A$2:$C$346,2,0))^2+(VLOOKUP($A88,városok!$A$2:$C$346,3,0)-VLOOKUP(BB$1,városok!$A$2:$C$346,3,0))^2)/1000,0)</f>
        <v>315</v>
      </c>
      <c r="BC88">
        <f ca="1">ROUND(SQRT((VLOOKUP($A88,városok!$A$2:$C$346,2,0)-VLOOKUP(BC$1,városok!$A$2:$C$346,2,0))^2+(VLOOKUP($A88,városok!$A$2:$C$346,3,0)-VLOOKUP(BC$1,városok!$A$2:$C$346,3,0))^2)/1000,0)</f>
        <v>336</v>
      </c>
      <c r="BD88">
        <f ca="1">ROUND(SQRT((VLOOKUP($A88,városok!$A$2:$C$346,2,0)-VLOOKUP(BD$1,városok!$A$2:$C$346,2,0))^2+(VLOOKUP($A88,városok!$A$2:$C$346,3,0)-VLOOKUP(BD$1,városok!$A$2:$C$346,3,0))^2)/1000,0)</f>
        <v>285</v>
      </c>
      <c r="BE88">
        <f ca="1">ROUND(SQRT((VLOOKUP($A88,városok!$A$2:$C$346,2,0)-VLOOKUP(BE$1,városok!$A$2:$C$346,2,0))^2+(VLOOKUP($A88,városok!$A$2:$C$346,3,0)-VLOOKUP(BE$1,városok!$A$2:$C$346,3,0))^2)/1000,0)</f>
        <v>99</v>
      </c>
      <c r="BF88">
        <f ca="1">ROUND(SQRT((VLOOKUP($A88,városok!$A$2:$C$346,2,0)-VLOOKUP(BF$1,városok!$A$2:$C$346,2,0))^2+(VLOOKUP($A88,városok!$A$2:$C$346,3,0)-VLOOKUP(BF$1,városok!$A$2:$C$346,3,0))^2)/1000,0)</f>
        <v>51</v>
      </c>
      <c r="BG88">
        <f ca="1">ROUND(SQRT((VLOOKUP($A88,városok!$A$2:$C$346,2,0)-VLOOKUP(BG$1,városok!$A$2:$C$346,2,0))^2+(VLOOKUP($A88,városok!$A$2:$C$346,3,0)-VLOOKUP(BG$1,városok!$A$2:$C$346,3,0))^2)/1000,0)</f>
        <v>5</v>
      </c>
      <c r="BH88">
        <f ca="1">ROUND(SQRT((VLOOKUP($A88,városok!$A$2:$C$346,2,0)-VLOOKUP(BH$1,városok!$A$2:$C$346,2,0))^2+(VLOOKUP($A88,városok!$A$2:$C$346,3,0)-VLOOKUP(BH$1,városok!$A$2:$C$346,3,0))^2)/1000,0)</f>
        <v>4</v>
      </c>
      <c r="BI88">
        <f ca="1">ROUND(SQRT((VLOOKUP($A88,városok!$A$2:$C$346,2,0)-VLOOKUP(BI$1,városok!$A$2:$C$346,2,0))^2+(VLOOKUP($A88,városok!$A$2:$C$346,3,0)-VLOOKUP(BI$1,városok!$A$2:$C$346,3,0))^2)/1000,0)</f>
        <v>284</v>
      </c>
      <c r="BJ88">
        <f ca="1">ROUND(SQRT((VLOOKUP($A88,városok!$A$2:$C$346,2,0)-VLOOKUP(BJ$1,városok!$A$2:$C$346,2,0))^2+(VLOOKUP($A88,városok!$A$2:$C$346,3,0)-VLOOKUP(BJ$1,városok!$A$2:$C$346,3,0))^2)/1000,0)</f>
        <v>302</v>
      </c>
      <c r="BK88">
        <f ca="1">ROUND(SQRT((VLOOKUP($A88,városok!$A$2:$C$346,2,0)-VLOOKUP(BK$1,városok!$A$2:$C$346,2,0))^2+(VLOOKUP($A88,városok!$A$2:$C$346,3,0)-VLOOKUP(BK$1,városok!$A$2:$C$346,3,0))^2)/1000,0)</f>
        <v>283</v>
      </c>
      <c r="BL88">
        <f ca="1">ROUND(SQRT((VLOOKUP($A88,városok!$A$2:$C$346,2,0)-VLOOKUP(BL$1,városok!$A$2:$C$346,2,0))^2+(VLOOKUP($A88,városok!$A$2:$C$346,3,0)-VLOOKUP(BL$1,városok!$A$2:$C$346,3,0))^2)/1000,0)</f>
        <v>381</v>
      </c>
      <c r="BM88">
        <f ca="1">ROUND(SQRT((VLOOKUP($A88,városok!$A$2:$C$346,2,0)-VLOOKUP(BM$1,városok!$A$2:$C$346,2,0))^2+(VLOOKUP($A88,városok!$A$2:$C$346,3,0)-VLOOKUP(BM$1,városok!$A$2:$C$346,3,0))^2)/1000,0)</f>
        <v>349</v>
      </c>
      <c r="BN88">
        <f ca="1">ROUND(SQRT((VLOOKUP($A88,városok!$A$2:$C$346,2,0)-VLOOKUP(BN$1,városok!$A$2:$C$346,2,0))^2+(VLOOKUP($A88,városok!$A$2:$C$346,3,0)-VLOOKUP(BN$1,városok!$A$2:$C$346,3,0))^2)/1000,0)</f>
        <v>372</v>
      </c>
      <c r="BO88">
        <f ca="1">ROUND(SQRT((VLOOKUP($A88,városok!$A$2:$C$346,2,0)-VLOOKUP(BO$1,városok!$A$2:$C$346,2,0))^2+(VLOOKUP($A88,városok!$A$2:$C$346,3,0)-VLOOKUP(BO$1,városok!$A$2:$C$346,3,0))^2)/1000,0)</f>
        <v>282</v>
      </c>
      <c r="BP88">
        <f ca="1">ROUND(SQRT((VLOOKUP($A88,városok!$A$2:$C$346,2,0)-VLOOKUP(BP$1,városok!$A$2:$C$346,2,0))^2+(VLOOKUP($A88,városok!$A$2:$C$346,3,0)-VLOOKUP(BP$1,városok!$A$2:$C$346,3,0))^2)/1000,0)</f>
        <v>275</v>
      </c>
      <c r="BQ88">
        <f ca="1">ROUND(SQRT((VLOOKUP($A88,városok!$A$2:$C$346,2,0)-VLOOKUP(BQ$1,városok!$A$2:$C$346,2,0))^2+(VLOOKUP($A88,városok!$A$2:$C$346,3,0)-VLOOKUP(BQ$1,városok!$A$2:$C$346,3,0))^2)/1000,0)</f>
        <v>286</v>
      </c>
      <c r="BR88">
        <f ca="1">ROUND(SQRT((VLOOKUP($A88,városok!$A$2:$C$346,2,0)-VLOOKUP(BR$1,városok!$A$2:$C$346,2,0))^2+(VLOOKUP($A88,városok!$A$2:$C$346,3,0)-VLOOKUP(BR$1,városok!$A$2:$C$346,3,0))^2)/1000,0)</f>
        <v>347</v>
      </c>
      <c r="BS88">
        <f ca="1">ROUND(SQRT((VLOOKUP($A88,városok!$A$2:$C$346,2,0)-VLOOKUP(BS$1,városok!$A$2:$C$346,2,0))^2+(VLOOKUP($A88,városok!$A$2:$C$346,3,0)-VLOOKUP(BS$1,városok!$A$2:$C$346,3,0))^2)/1000,0)</f>
        <v>382</v>
      </c>
      <c r="BT88">
        <f ca="1">ROUND(SQRT((VLOOKUP($A88,városok!$A$2:$C$346,2,0)-VLOOKUP(BT$1,városok!$A$2:$C$346,2,0))^2+(VLOOKUP($A88,városok!$A$2:$C$346,3,0)-VLOOKUP(BT$1,városok!$A$2:$C$346,3,0))^2)/1000,0)</f>
        <v>372</v>
      </c>
    </row>
    <row r="89" spans="1:72" x14ac:dyDescent="0.2">
      <c r="A89" t="str">
        <f>városok!A89</f>
        <v>Csanádpalota</v>
      </c>
      <c r="B89">
        <f ca="1">ROUND(SQRT((VLOOKUP($A89,városok!$A$2:$C$346,2,0)-VLOOKUP(B$1,városok!$A$2:$C$346,2,0))^2+(VLOOKUP($A89,városok!$A$2:$C$346,3,0)-VLOOKUP(B$1,városok!$A$2:$C$346,3,0))^2)/1000,0)</f>
        <v>136</v>
      </c>
      <c r="C89">
        <f ca="1">ROUND(SQRT((VLOOKUP($A89,városok!$A$2:$C$346,2,0)-VLOOKUP(C$1,városok!$A$2:$C$346,2,0))^2+(VLOOKUP($A89,városok!$A$2:$C$346,3,0)-VLOOKUP(C$1,városok!$A$2:$C$346,3,0))^2)/1000,0)</f>
        <v>138</v>
      </c>
      <c r="D89">
        <f ca="1">ROUND(SQRT((VLOOKUP($A89,városok!$A$2:$C$346,2,0)-VLOOKUP(D$1,városok!$A$2:$C$346,2,0))^2+(VLOOKUP($A89,városok!$A$2:$C$346,3,0)-VLOOKUP(D$1,városok!$A$2:$C$346,3,0))^2)/1000,0)</f>
        <v>109</v>
      </c>
      <c r="E89">
        <f ca="1">ROUND(SQRT((VLOOKUP($A89,városok!$A$2:$C$346,2,0)-VLOOKUP(E$1,városok!$A$2:$C$346,2,0))^2+(VLOOKUP($A89,városok!$A$2:$C$346,3,0)-VLOOKUP(E$1,városok!$A$2:$C$346,3,0))^2)/1000,0)</f>
        <v>190</v>
      </c>
      <c r="F89">
        <f ca="1">ROUND(SQRT((VLOOKUP($A89,városok!$A$2:$C$346,2,0)-VLOOKUP(F$1,városok!$A$2:$C$346,2,0))^2+(VLOOKUP($A89,városok!$A$2:$C$346,3,0)-VLOOKUP(F$1,városok!$A$2:$C$346,3,0))^2)/1000,0)</f>
        <v>160</v>
      </c>
      <c r="G89">
        <f ca="1">ROUND(SQRT((VLOOKUP($A89,városok!$A$2:$C$346,2,0)-VLOOKUP(G$1,városok!$A$2:$C$346,2,0))^2+(VLOOKUP($A89,városok!$A$2:$C$346,3,0)-VLOOKUP(G$1,városok!$A$2:$C$346,3,0))^2)/1000,0)</f>
        <v>192</v>
      </c>
      <c r="H89">
        <f ca="1">ROUND(SQRT((VLOOKUP($A89,városok!$A$2:$C$346,2,0)-VLOOKUP(H$1,városok!$A$2:$C$346,2,0))^2+(VLOOKUP($A89,városok!$A$2:$C$346,3,0)-VLOOKUP(H$1,városok!$A$2:$C$346,3,0))^2)/1000,0)</f>
        <v>227</v>
      </c>
      <c r="I89">
        <f ca="1">ROUND(SQRT((VLOOKUP($A89,városok!$A$2:$C$346,2,0)-VLOOKUP(I$1,városok!$A$2:$C$346,2,0))^2+(VLOOKUP($A89,városok!$A$2:$C$346,3,0)-VLOOKUP(I$1,városok!$A$2:$C$346,3,0))^2)/1000,0)</f>
        <v>56</v>
      </c>
      <c r="J89">
        <f ca="1">ROUND(SQRT((VLOOKUP($A89,városok!$A$2:$C$346,2,0)-VLOOKUP(J$1,városok!$A$2:$C$346,2,0))^2+(VLOOKUP($A89,városok!$A$2:$C$346,3,0)-VLOOKUP(J$1,városok!$A$2:$C$346,3,0))^2)/1000,0)</f>
        <v>62</v>
      </c>
      <c r="K89">
        <f ca="1">ROUND(SQRT((VLOOKUP($A89,városok!$A$2:$C$346,2,0)-VLOOKUP(K$1,városok!$A$2:$C$346,2,0))^2+(VLOOKUP($A89,városok!$A$2:$C$346,3,0)-VLOOKUP(K$1,városok!$A$2:$C$346,3,0))^2)/1000,0)</f>
        <v>36</v>
      </c>
      <c r="L89">
        <f ca="1">ROUND(SQRT((VLOOKUP($A89,városok!$A$2:$C$346,2,0)-VLOOKUP(L$1,városok!$A$2:$C$346,2,0))^2+(VLOOKUP($A89,városok!$A$2:$C$346,3,0)-VLOOKUP(L$1,városok!$A$2:$C$346,3,0))^2)/1000,0)</f>
        <v>224</v>
      </c>
      <c r="M89">
        <f ca="1">ROUND(SQRT((VLOOKUP($A89,városok!$A$2:$C$346,2,0)-VLOOKUP(M$1,városok!$A$2:$C$346,2,0))^2+(VLOOKUP($A89,városok!$A$2:$C$346,3,0)-VLOOKUP(M$1,városok!$A$2:$C$346,3,0))^2)/1000,0)</f>
        <v>207</v>
      </c>
      <c r="N89">
        <f ca="1">ROUND(SQRT((VLOOKUP($A89,városok!$A$2:$C$346,2,0)-VLOOKUP(N$1,városok!$A$2:$C$346,2,0))^2+(VLOOKUP($A89,városok!$A$2:$C$346,3,0)-VLOOKUP(N$1,városok!$A$2:$C$346,3,0))^2)/1000,0)</f>
        <v>223</v>
      </c>
      <c r="O89">
        <f ca="1">ROUND(SQRT((VLOOKUP($A89,városok!$A$2:$C$346,2,0)-VLOOKUP(O$1,városok!$A$2:$C$346,2,0))^2+(VLOOKUP($A89,városok!$A$2:$C$346,3,0)-VLOOKUP(O$1,városok!$A$2:$C$346,3,0))^2)/1000,0)</f>
        <v>250</v>
      </c>
      <c r="P89">
        <f ca="1">ROUND(SQRT((VLOOKUP($A89,városok!$A$2:$C$346,2,0)-VLOOKUP(P$1,városok!$A$2:$C$346,2,0))^2+(VLOOKUP($A89,városok!$A$2:$C$346,3,0)-VLOOKUP(P$1,városok!$A$2:$C$346,3,0))^2)/1000,0)</f>
        <v>250</v>
      </c>
      <c r="Q89">
        <f ca="1">ROUND(SQRT((VLOOKUP($A89,városok!$A$2:$C$346,2,0)-VLOOKUP(Q$1,városok!$A$2:$C$346,2,0))^2+(VLOOKUP($A89,városok!$A$2:$C$346,3,0)-VLOOKUP(Q$1,városok!$A$2:$C$346,3,0))^2)/1000,0)</f>
        <v>37</v>
      </c>
      <c r="R89">
        <f ca="1">ROUND(SQRT((VLOOKUP($A89,városok!$A$2:$C$346,2,0)-VLOOKUP(R$1,városok!$A$2:$C$346,2,0))^2+(VLOOKUP($A89,városok!$A$2:$C$346,3,0)-VLOOKUP(R$1,városok!$A$2:$C$346,3,0))^2)/1000,0)</f>
        <v>19</v>
      </c>
      <c r="S89">
        <f ca="1">ROUND(SQRT((VLOOKUP($A89,városok!$A$2:$C$346,2,0)-VLOOKUP(S$1,városok!$A$2:$C$346,2,0))^2+(VLOOKUP($A89,városok!$A$2:$C$346,3,0)-VLOOKUP(S$1,városok!$A$2:$C$346,3,0))^2)/1000,0)</f>
        <v>43</v>
      </c>
      <c r="T89">
        <f ca="1">ROUND(SQRT((VLOOKUP($A89,városok!$A$2:$C$346,2,0)-VLOOKUP(T$1,városok!$A$2:$C$346,2,0))^2+(VLOOKUP($A89,városok!$A$2:$C$346,3,0)-VLOOKUP(T$1,városok!$A$2:$C$346,3,0))^2)/1000,0)</f>
        <v>211</v>
      </c>
      <c r="U89">
        <f ca="1">ROUND(SQRT((VLOOKUP($A89,városok!$A$2:$C$346,2,0)-VLOOKUP(U$1,városok!$A$2:$C$346,2,0))^2+(VLOOKUP($A89,városok!$A$2:$C$346,3,0)-VLOOKUP(U$1,városok!$A$2:$C$346,3,0))^2)/1000,0)</f>
        <v>159</v>
      </c>
      <c r="V89">
        <f ca="1">ROUND(SQRT((VLOOKUP($A89,városok!$A$2:$C$346,2,0)-VLOOKUP(V$1,városok!$A$2:$C$346,2,0))^2+(VLOOKUP($A89,városok!$A$2:$C$346,3,0)-VLOOKUP(V$1,városok!$A$2:$C$346,3,0))^2)/1000,0)</f>
        <v>206</v>
      </c>
      <c r="W89">
        <f ca="1">ROUND(SQRT((VLOOKUP($A89,városok!$A$2:$C$346,2,0)-VLOOKUP(W$1,városok!$A$2:$C$346,2,0))^2+(VLOOKUP($A89,városok!$A$2:$C$346,3,0)-VLOOKUP(W$1,városok!$A$2:$C$346,3,0))^2)/1000,0)</f>
        <v>176</v>
      </c>
      <c r="X89">
        <f ca="1">ROUND(SQRT((VLOOKUP($A89,városok!$A$2:$C$346,2,0)-VLOOKUP(X$1,városok!$A$2:$C$346,2,0))^2+(VLOOKUP($A89,városok!$A$2:$C$346,3,0)-VLOOKUP(X$1,városok!$A$2:$C$346,3,0))^2)/1000,0)</f>
        <v>217</v>
      </c>
      <c r="Y89">
        <f ca="1">ROUND(SQRT((VLOOKUP($A89,városok!$A$2:$C$346,2,0)-VLOOKUP(Y$1,városok!$A$2:$C$346,2,0))^2+(VLOOKUP($A89,városok!$A$2:$C$346,3,0)-VLOOKUP(Y$1,városok!$A$2:$C$346,3,0))^2)/1000,0)</f>
        <v>285</v>
      </c>
      <c r="Z89">
        <f ca="1">ROUND(SQRT((VLOOKUP($A89,városok!$A$2:$C$346,2,0)-VLOOKUP(Z$1,városok!$A$2:$C$346,2,0))^2+(VLOOKUP($A89,városok!$A$2:$C$346,3,0)-VLOOKUP(Z$1,városok!$A$2:$C$346,3,0))^2)/1000,0)</f>
        <v>303</v>
      </c>
      <c r="AA89">
        <f ca="1">ROUND(SQRT((VLOOKUP($A89,városok!$A$2:$C$346,2,0)-VLOOKUP(AA$1,városok!$A$2:$C$346,2,0))^2+(VLOOKUP($A89,városok!$A$2:$C$346,3,0)-VLOOKUP(AA$1,városok!$A$2:$C$346,3,0))^2)/1000,0)</f>
        <v>354</v>
      </c>
      <c r="AB89">
        <f ca="1">ROUND(SQRT((VLOOKUP($A89,városok!$A$2:$C$346,2,0)-VLOOKUP(AB$1,városok!$A$2:$C$346,2,0))^2+(VLOOKUP($A89,városok!$A$2:$C$346,3,0)-VLOOKUP(AB$1,városok!$A$2:$C$346,3,0))^2)/1000,0)</f>
        <v>159</v>
      </c>
      <c r="AC89">
        <f ca="1">ROUND(SQRT((VLOOKUP($A89,városok!$A$2:$C$346,2,0)-VLOOKUP(AC$1,városok!$A$2:$C$346,2,0))^2+(VLOOKUP($A89,városok!$A$2:$C$346,3,0)-VLOOKUP(AC$1,városok!$A$2:$C$346,3,0))^2)/1000,0)</f>
        <v>143</v>
      </c>
      <c r="AD89">
        <f ca="1">ROUND(SQRT((VLOOKUP($A89,városok!$A$2:$C$346,2,0)-VLOOKUP(AD$1,városok!$A$2:$C$346,2,0))^2+(VLOOKUP($A89,városok!$A$2:$C$346,3,0)-VLOOKUP(AD$1,városok!$A$2:$C$346,3,0))^2)/1000,0)</f>
        <v>136</v>
      </c>
      <c r="AE89">
        <f ca="1">ROUND(SQRT((VLOOKUP($A89,városok!$A$2:$C$346,2,0)-VLOOKUP(AE$1,városok!$A$2:$C$346,2,0))^2+(VLOOKUP($A89,városok!$A$2:$C$346,3,0)-VLOOKUP(AE$1,városok!$A$2:$C$346,3,0))^2)/1000,0)</f>
        <v>121</v>
      </c>
      <c r="AF89">
        <f ca="1">ROUND(SQRT((VLOOKUP($A89,városok!$A$2:$C$346,2,0)-VLOOKUP(AF$1,városok!$A$2:$C$346,2,0))^2+(VLOOKUP($A89,városok!$A$2:$C$346,3,0)-VLOOKUP(AF$1,városok!$A$2:$C$346,3,0))^2)/1000,0)</f>
        <v>187</v>
      </c>
      <c r="AG89">
        <f ca="1">ROUND(SQRT((VLOOKUP($A89,városok!$A$2:$C$346,2,0)-VLOOKUP(AG$1,városok!$A$2:$C$346,2,0))^2+(VLOOKUP($A89,városok!$A$2:$C$346,3,0)-VLOOKUP(AG$1,városok!$A$2:$C$346,3,0))^2)/1000,0)</f>
        <v>182</v>
      </c>
      <c r="AH89">
        <f ca="1">ROUND(SQRT((VLOOKUP($A89,városok!$A$2:$C$346,2,0)-VLOOKUP(AH$1,városok!$A$2:$C$346,2,0))^2+(VLOOKUP($A89,városok!$A$2:$C$346,3,0)-VLOOKUP(AH$1,városok!$A$2:$C$346,3,0))^2)/1000,0)</f>
        <v>178</v>
      </c>
      <c r="AI89">
        <f ca="1">ROUND(SQRT((VLOOKUP($A89,városok!$A$2:$C$346,2,0)-VLOOKUP(AI$1,városok!$A$2:$C$346,2,0))^2+(VLOOKUP($A89,városok!$A$2:$C$346,3,0)-VLOOKUP(AI$1,városok!$A$2:$C$346,3,0))^2)/1000,0)</f>
        <v>204</v>
      </c>
      <c r="AJ89">
        <f ca="1">ROUND(SQRT((VLOOKUP($A89,városok!$A$2:$C$346,2,0)-VLOOKUP(AJ$1,városok!$A$2:$C$346,2,0))^2+(VLOOKUP($A89,városok!$A$2:$C$346,3,0)-VLOOKUP(AJ$1,városok!$A$2:$C$346,3,0))^2)/1000,0)</f>
        <v>166</v>
      </c>
      <c r="AK89">
        <f ca="1">ROUND(SQRT((VLOOKUP($A89,városok!$A$2:$C$346,2,0)-VLOOKUP(AK$1,városok!$A$2:$C$346,2,0))^2+(VLOOKUP($A89,városok!$A$2:$C$346,3,0)-VLOOKUP(AK$1,városok!$A$2:$C$346,3,0))^2)/1000,0)</f>
        <v>118</v>
      </c>
      <c r="AL89">
        <f ca="1">ROUND(SQRT((VLOOKUP($A89,városok!$A$2:$C$346,2,0)-VLOOKUP(AL$1,városok!$A$2:$C$346,2,0))^2+(VLOOKUP($A89,városok!$A$2:$C$346,3,0)-VLOOKUP(AL$1,városok!$A$2:$C$346,3,0))^2)/1000,0)</f>
        <v>126</v>
      </c>
      <c r="AM89">
        <f ca="1">ROUND(SQRT((VLOOKUP($A89,városok!$A$2:$C$346,2,0)-VLOOKUP(AM$1,városok!$A$2:$C$346,2,0))^2+(VLOOKUP($A89,városok!$A$2:$C$346,3,0)-VLOOKUP(AM$1,városok!$A$2:$C$346,3,0))^2)/1000,0)</f>
        <v>112</v>
      </c>
      <c r="AN89">
        <f ca="1">ROUND(SQRT((VLOOKUP($A89,városok!$A$2:$C$346,2,0)-VLOOKUP(AN$1,városok!$A$2:$C$346,2,0))^2+(VLOOKUP($A89,városok!$A$2:$C$346,3,0)-VLOOKUP(AN$1,városok!$A$2:$C$346,3,0))^2)/1000,0)</f>
        <v>229</v>
      </c>
      <c r="AO89">
        <f ca="1">ROUND(SQRT((VLOOKUP($A89,városok!$A$2:$C$346,2,0)-VLOOKUP(AO$1,városok!$A$2:$C$346,2,0))^2+(VLOOKUP($A89,városok!$A$2:$C$346,3,0)-VLOOKUP(AO$1,városok!$A$2:$C$346,3,0))^2)/1000,0)</f>
        <v>259</v>
      </c>
      <c r="AP89">
        <f ca="1">ROUND(SQRT((VLOOKUP($A89,városok!$A$2:$C$346,2,0)-VLOOKUP(AP$1,városok!$A$2:$C$346,2,0))^2+(VLOOKUP($A89,városok!$A$2:$C$346,3,0)-VLOOKUP(AP$1,városok!$A$2:$C$346,3,0))^2)/1000,0)</f>
        <v>240</v>
      </c>
      <c r="AQ89">
        <f ca="1">ROUND(SQRT((VLOOKUP($A89,városok!$A$2:$C$346,2,0)-VLOOKUP(AQ$1,városok!$A$2:$C$346,2,0))^2+(VLOOKUP($A89,városok!$A$2:$C$346,3,0)-VLOOKUP(AQ$1,városok!$A$2:$C$346,3,0))^2)/1000,0)</f>
        <v>230</v>
      </c>
      <c r="AR89">
        <f ca="1">ROUND(SQRT((VLOOKUP($A89,városok!$A$2:$C$346,2,0)-VLOOKUP(AR$1,városok!$A$2:$C$346,2,0))^2+(VLOOKUP($A89,városok!$A$2:$C$346,3,0)-VLOOKUP(AR$1,városok!$A$2:$C$346,3,0))^2)/1000,0)</f>
        <v>203</v>
      </c>
      <c r="AS89">
        <f ca="1">ROUND(SQRT((VLOOKUP($A89,városok!$A$2:$C$346,2,0)-VLOOKUP(AS$1,városok!$A$2:$C$346,2,0))^2+(VLOOKUP($A89,városok!$A$2:$C$346,3,0)-VLOOKUP(AS$1,városok!$A$2:$C$346,3,0))^2)/1000,0)</f>
        <v>219</v>
      </c>
      <c r="AT89">
        <f ca="1">ROUND(SQRT((VLOOKUP($A89,városok!$A$2:$C$346,2,0)-VLOOKUP(AT$1,városok!$A$2:$C$346,2,0))^2+(VLOOKUP($A89,városok!$A$2:$C$346,3,0)-VLOOKUP(AT$1,városok!$A$2:$C$346,3,0))^2)/1000,0)</f>
        <v>200</v>
      </c>
      <c r="AU89">
        <f ca="1">ROUND(SQRT((VLOOKUP($A89,városok!$A$2:$C$346,2,0)-VLOOKUP(AU$1,városok!$A$2:$C$346,2,0))^2+(VLOOKUP($A89,városok!$A$2:$C$346,3,0)-VLOOKUP(AU$1,városok!$A$2:$C$346,3,0))^2)/1000,0)</f>
        <v>191</v>
      </c>
      <c r="AV89">
        <f ca="1">ROUND(SQRT((VLOOKUP($A89,városok!$A$2:$C$346,2,0)-VLOOKUP(AV$1,városok!$A$2:$C$346,2,0))^2+(VLOOKUP($A89,városok!$A$2:$C$346,3,0)-VLOOKUP(AV$1,városok!$A$2:$C$346,3,0))^2)/1000,0)</f>
        <v>188</v>
      </c>
      <c r="AW89">
        <f ca="1">ROUND(SQRT((VLOOKUP($A89,városok!$A$2:$C$346,2,0)-VLOOKUP(AW$1,városok!$A$2:$C$346,2,0))^2+(VLOOKUP($A89,városok!$A$2:$C$346,3,0)-VLOOKUP(AW$1,városok!$A$2:$C$346,3,0))^2)/1000,0)</f>
        <v>189</v>
      </c>
      <c r="AX89">
        <f ca="1">ROUND(SQRT((VLOOKUP($A89,városok!$A$2:$C$346,2,0)-VLOOKUP(AX$1,városok!$A$2:$C$346,2,0))^2+(VLOOKUP($A89,városok!$A$2:$C$346,3,0)-VLOOKUP(AX$1,városok!$A$2:$C$346,3,0))^2)/1000,0)</f>
        <v>114</v>
      </c>
      <c r="AY89">
        <f ca="1">ROUND(SQRT((VLOOKUP($A89,városok!$A$2:$C$346,2,0)-VLOOKUP(AY$1,városok!$A$2:$C$346,2,0))^2+(VLOOKUP($A89,városok!$A$2:$C$346,3,0)-VLOOKUP(AY$1,városok!$A$2:$C$346,3,0))^2)/1000,0)</f>
        <v>204</v>
      </c>
      <c r="AZ89">
        <f ca="1">ROUND(SQRT((VLOOKUP($A89,városok!$A$2:$C$346,2,0)-VLOOKUP(AZ$1,városok!$A$2:$C$346,2,0))^2+(VLOOKUP($A89,városok!$A$2:$C$346,3,0)-VLOOKUP(AZ$1,városok!$A$2:$C$346,3,0))^2)/1000,0)</f>
        <v>218</v>
      </c>
      <c r="BA89">
        <f ca="1">ROUND(SQRT((VLOOKUP($A89,városok!$A$2:$C$346,2,0)-VLOOKUP(BA$1,városok!$A$2:$C$346,2,0))^2+(VLOOKUP($A89,városok!$A$2:$C$346,3,0)-VLOOKUP(BA$1,városok!$A$2:$C$346,3,0))^2)/1000,0)</f>
        <v>239</v>
      </c>
      <c r="BB89">
        <f ca="1">ROUND(SQRT((VLOOKUP($A89,városok!$A$2:$C$346,2,0)-VLOOKUP(BB$1,városok!$A$2:$C$346,2,0))^2+(VLOOKUP($A89,városok!$A$2:$C$346,3,0)-VLOOKUP(BB$1,városok!$A$2:$C$346,3,0))^2)/1000,0)</f>
        <v>216</v>
      </c>
      <c r="BC89">
        <f ca="1">ROUND(SQRT((VLOOKUP($A89,városok!$A$2:$C$346,2,0)-VLOOKUP(BC$1,városok!$A$2:$C$346,2,0))^2+(VLOOKUP($A89,városok!$A$2:$C$346,3,0)-VLOOKUP(BC$1,városok!$A$2:$C$346,3,0))^2)/1000,0)</f>
        <v>226</v>
      </c>
      <c r="BD89">
        <f ca="1">ROUND(SQRT((VLOOKUP($A89,városok!$A$2:$C$346,2,0)-VLOOKUP(BD$1,városok!$A$2:$C$346,2,0))^2+(VLOOKUP($A89,városok!$A$2:$C$346,3,0)-VLOOKUP(BD$1,városok!$A$2:$C$346,3,0))^2)/1000,0)</f>
        <v>217</v>
      </c>
      <c r="BE89">
        <f ca="1">ROUND(SQRT((VLOOKUP($A89,városok!$A$2:$C$346,2,0)-VLOOKUP(BE$1,városok!$A$2:$C$346,2,0))^2+(VLOOKUP($A89,városok!$A$2:$C$346,3,0)-VLOOKUP(BE$1,városok!$A$2:$C$346,3,0))^2)/1000,0)</f>
        <v>231</v>
      </c>
      <c r="BF89">
        <f ca="1">ROUND(SQRT((VLOOKUP($A89,városok!$A$2:$C$346,2,0)-VLOOKUP(BF$1,városok!$A$2:$C$346,2,0))^2+(VLOOKUP($A89,városok!$A$2:$C$346,3,0)-VLOOKUP(BF$1,városok!$A$2:$C$346,3,0))^2)/1000,0)</f>
        <v>243</v>
      </c>
      <c r="BG89">
        <f ca="1">ROUND(SQRT((VLOOKUP($A89,városok!$A$2:$C$346,2,0)-VLOOKUP(BG$1,városok!$A$2:$C$346,2,0))^2+(VLOOKUP($A89,városok!$A$2:$C$346,3,0)-VLOOKUP(BG$1,városok!$A$2:$C$346,3,0))^2)/1000,0)</f>
        <v>217</v>
      </c>
      <c r="BH89">
        <f ca="1">ROUND(SQRT((VLOOKUP($A89,városok!$A$2:$C$346,2,0)-VLOOKUP(BH$1,városok!$A$2:$C$346,2,0))^2+(VLOOKUP($A89,városok!$A$2:$C$346,3,0)-VLOOKUP(BH$1,városok!$A$2:$C$346,3,0))^2)/1000,0)</f>
        <v>217</v>
      </c>
      <c r="BI89">
        <f ca="1">ROUND(SQRT((VLOOKUP($A89,városok!$A$2:$C$346,2,0)-VLOOKUP(BI$1,városok!$A$2:$C$346,2,0))^2+(VLOOKUP($A89,városok!$A$2:$C$346,3,0)-VLOOKUP(BI$1,városok!$A$2:$C$346,3,0))^2)/1000,0)</f>
        <v>163</v>
      </c>
      <c r="BJ89">
        <f ca="1">ROUND(SQRT((VLOOKUP($A89,városok!$A$2:$C$346,2,0)-VLOOKUP(BJ$1,városok!$A$2:$C$346,2,0))^2+(VLOOKUP($A89,városok!$A$2:$C$346,3,0)-VLOOKUP(BJ$1,városok!$A$2:$C$346,3,0))^2)/1000,0)</f>
        <v>175</v>
      </c>
      <c r="BK89">
        <f ca="1">ROUND(SQRT((VLOOKUP($A89,városok!$A$2:$C$346,2,0)-VLOOKUP(BK$1,városok!$A$2:$C$346,2,0))^2+(VLOOKUP($A89,városok!$A$2:$C$346,3,0)-VLOOKUP(BK$1,városok!$A$2:$C$346,3,0))^2)/1000,0)</f>
        <v>156</v>
      </c>
      <c r="BL89">
        <f ca="1">ROUND(SQRT((VLOOKUP($A89,városok!$A$2:$C$346,2,0)-VLOOKUP(BL$1,városok!$A$2:$C$346,2,0))^2+(VLOOKUP($A89,városok!$A$2:$C$346,3,0)-VLOOKUP(BL$1,városok!$A$2:$C$346,3,0))^2)/1000,0)</f>
        <v>327</v>
      </c>
      <c r="BM89">
        <f ca="1">ROUND(SQRT((VLOOKUP($A89,városok!$A$2:$C$346,2,0)-VLOOKUP(BM$1,városok!$A$2:$C$346,2,0))^2+(VLOOKUP($A89,városok!$A$2:$C$346,3,0)-VLOOKUP(BM$1,városok!$A$2:$C$346,3,0))^2)/1000,0)</f>
        <v>311</v>
      </c>
      <c r="BN89">
        <f ca="1">ROUND(SQRT((VLOOKUP($A89,városok!$A$2:$C$346,2,0)-VLOOKUP(BN$1,városok!$A$2:$C$346,2,0))^2+(VLOOKUP($A89,városok!$A$2:$C$346,3,0)-VLOOKUP(BN$1,városok!$A$2:$C$346,3,0))^2)/1000,0)</f>
        <v>332</v>
      </c>
      <c r="BO89">
        <f ca="1">ROUND(SQRT((VLOOKUP($A89,városok!$A$2:$C$346,2,0)-VLOOKUP(BO$1,városok!$A$2:$C$346,2,0))^2+(VLOOKUP($A89,városok!$A$2:$C$346,3,0)-VLOOKUP(BO$1,városok!$A$2:$C$346,3,0))^2)/1000,0)</f>
        <v>225</v>
      </c>
      <c r="BP89">
        <f ca="1">ROUND(SQRT((VLOOKUP($A89,városok!$A$2:$C$346,2,0)-VLOOKUP(BP$1,városok!$A$2:$C$346,2,0))^2+(VLOOKUP($A89,városok!$A$2:$C$346,3,0)-VLOOKUP(BP$1,városok!$A$2:$C$346,3,0))^2)/1000,0)</f>
        <v>219</v>
      </c>
      <c r="BQ89">
        <f ca="1">ROUND(SQRT((VLOOKUP($A89,városok!$A$2:$C$346,2,0)-VLOOKUP(BQ$1,városok!$A$2:$C$346,2,0))^2+(VLOOKUP($A89,városok!$A$2:$C$346,3,0)-VLOOKUP(BQ$1,városok!$A$2:$C$346,3,0))^2)/1000,0)</f>
        <v>235</v>
      </c>
      <c r="BR89">
        <f ca="1">ROUND(SQRT((VLOOKUP($A89,városok!$A$2:$C$346,2,0)-VLOOKUP(BR$1,városok!$A$2:$C$346,2,0))^2+(VLOOKUP($A89,városok!$A$2:$C$346,3,0)-VLOOKUP(BR$1,városok!$A$2:$C$346,3,0))^2)/1000,0)</f>
        <v>273</v>
      </c>
      <c r="BS89">
        <f ca="1">ROUND(SQRT((VLOOKUP($A89,városok!$A$2:$C$346,2,0)-VLOOKUP(BS$1,városok!$A$2:$C$346,2,0))^2+(VLOOKUP($A89,városok!$A$2:$C$346,3,0)-VLOOKUP(BS$1,városok!$A$2:$C$346,3,0))^2)/1000,0)</f>
        <v>288</v>
      </c>
      <c r="BT89">
        <f ca="1">ROUND(SQRT((VLOOKUP($A89,városok!$A$2:$C$346,2,0)-VLOOKUP(BT$1,városok!$A$2:$C$346,2,0))^2+(VLOOKUP($A89,városok!$A$2:$C$346,3,0)-VLOOKUP(BT$1,városok!$A$2:$C$346,3,0))^2)/1000,0)</f>
        <v>305</v>
      </c>
    </row>
    <row r="90" spans="1:72" x14ac:dyDescent="0.2">
      <c r="A90" t="str">
        <f>városok!A90</f>
        <v>Csongrád</v>
      </c>
      <c r="B90">
        <f ca="1">ROUND(SQRT((VLOOKUP($A90,városok!$A$2:$C$346,2,0)-VLOOKUP(B$1,városok!$A$2:$C$346,2,0))^2+(VLOOKUP($A90,városok!$A$2:$C$346,3,0)-VLOOKUP(B$1,városok!$A$2:$C$346,3,0))^2)/1000,0)</f>
        <v>108</v>
      </c>
      <c r="C90">
        <f ca="1">ROUND(SQRT((VLOOKUP($A90,városok!$A$2:$C$346,2,0)-VLOOKUP(C$1,városok!$A$2:$C$346,2,0))^2+(VLOOKUP($A90,városok!$A$2:$C$346,3,0)-VLOOKUP(C$1,városok!$A$2:$C$346,3,0))^2)/1000,0)</f>
        <v>91</v>
      </c>
      <c r="D90">
        <f ca="1">ROUND(SQRT((VLOOKUP($A90,városok!$A$2:$C$346,2,0)-VLOOKUP(D$1,városok!$A$2:$C$346,2,0))^2+(VLOOKUP($A90,városok!$A$2:$C$346,3,0)-VLOOKUP(D$1,városok!$A$2:$C$346,3,0))^2)/1000,0)</f>
        <v>41</v>
      </c>
      <c r="E90">
        <f ca="1">ROUND(SQRT((VLOOKUP($A90,városok!$A$2:$C$346,2,0)-VLOOKUP(E$1,városok!$A$2:$C$346,2,0))^2+(VLOOKUP($A90,városok!$A$2:$C$346,3,0)-VLOOKUP(E$1,városok!$A$2:$C$346,3,0))^2)/1000,0)</f>
        <v>156</v>
      </c>
      <c r="F90">
        <f ca="1">ROUND(SQRT((VLOOKUP($A90,városok!$A$2:$C$346,2,0)-VLOOKUP(F$1,városok!$A$2:$C$346,2,0))^2+(VLOOKUP($A90,városok!$A$2:$C$346,3,0)-VLOOKUP(F$1,városok!$A$2:$C$346,3,0))^2)/1000,0)</f>
        <v>138</v>
      </c>
      <c r="G90">
        <f ca="1">ROUND(SQRT((VLOOKUP($A90,városok!$A$2:$C$346,2,0)-VLOOKUP(G$1,városok!$A$2:$C$346,2,0))^2+(VLOOKUP($A90,városok!$A$2:$C$346,3,0)-VLOOKUP(G$1,városok!$A$2:$C$346,3,0))^2)/1000,0)</f>
        <v>162</v>
      </c>
      <c r="H90">
        <f ca="1">ROUND(SQRT((VLOOKUP($A90,városok!$A$2:$C$346,2,0)-VLOOKUP(H$1,városok!$A$2:$C$346,2,0))^2+(VLOOKUP($A90,városok!$A$2:$C$346,3,0)-VLOOKUP(H$1,városok!$A$2:$C$346,3,0))^2)/1000,0)</f>
        <v>195</v>
      </c>
      <c r="I90">
        <f ca="1">ROUND(SQRT((VLOOKUP($A90,városok!$A$2:$C$346,2,0)-VLOOKUP(I$1,városok!$A$2:$C$346,2,0))^2+(VLOOKUP($A90,városok!$A$2:$C$346,3,0)-VLOOKUP(I$1,városok!$A$2:$C$346,3,0))^2)/1000,0)</f>
        <v>72</v>
      </c>
      <c r="J90">
        <f ca="1">ROUND(SQRT((VLOOKUP($A90,városok!$A$2:$C$346,2,0)-VLOOKUP(J$1,városok!$A$2:$C$346,2,0))^2+(VLOOKUP($A90,városok!$A$2:$C$346,3,0)-VLOOKUP(J$1,városok!$A$2:$C$346,3,0))^2)/1000,0)</f>
        <v>87</v>
      </c>
      <c r="K90">
        <f ca="1">ROUND(SQRT((VLOOKUP($A90,városok!$A$2:$C$346,2,0)-VLOOKUP(K$1,városok!$A$2:$C$346,2,0))^2+(VLOOKUP($A90,városok!$A$2:$C$346,3,0)-VLOOKUP(K$1,városok!$A$2:$C$346,3,0))^2)/1000,0)</f>
        <v>44</v>
      </c>
      <c r="L90">
        <f ca="1">ROUND(SQRT((VLOOKUP($A90,városok!$A$2:$C$346,2,0)-VLOOKUP(L$1,városok!$A$2:$C$346,2,0))^2+(VLOOKUP($A90,városok!$A$2:$C$346,3,0)-VLOOKUP(L$1,városok!$A$2:$C$346,3,0))^2)/1000,0)</f>
        <v>176</v>
      </c>
      <c r="M90">
        <f ca="1">ROUND(SQRT((VLOOKUP($A90,városok!$A$2:$C$346,2,0)-VLOOKUP(M$1,városok!$A$2:$C$346,2,0))^2+(VLOOKUP($A90,városok!$A$2:$C$346,3,0)-VLOOKUP(M$1,városok!$A$2:$C$346,3,0))^2)/1000,0)</f>
        <v>162</v>
      </c>
      <c r="N90">
        <f ca="1">ROUND(SQRT((VLOOKUP($A90,városok!$A$2:$C$346,2,0)-VLOOKUP(N$1,városok!$A$2:$C$346,2,0))^2+(VLOOKUP($A90,városok!$A$2:$C$346,3,0)-VLOOKUP(N$1,városok!$A$2:$C$346,3,0))^2)/1000,0)</f>
        <v>168</v>
      </c>
      <c r="O90">
        <f ca="1">ROUND(SQRT((VLOOKUP($A90,városok!$A$2:$C$346,2,0)-VLOOKUP(O$1,városok!$A$2:$C$346,2,0))^2+(VLOOKUP($A90,városok!$A$2:$C$346,3,0)-VLOOKUP(O$1,városok!$A$2:$C$346,3,0))^2)/1000,0)</f>
        <v>219</v>
      </c>
      <c r="P90">
        <f ca="1">ROUND(SQRT((VLOOKUP($A90,városok!$A$2:$C$346,2,0)-VLOOKUP(P$1,városok!$A$2:$C$346,2,0))^2+(VLOOKUP($A90,városok!$A$2:$C$346,3,0)-VLOOKUP(P$1,városok!$A$2:$C$346,3,0))^2)/1000,0)</f>
        <v>219</v>
      </c>
      <c r="Q90">
        <f ca="1">ROUND(SQRT((VLOOKUP($A90,városok!$A$2:$C$346,2,0)-VLOOKUP(Q$1,városok!$A$2:$C$346,2,0))^2+(VLOOKUP($A90,városok!$A$2:$C$346,3,0)-VLOOKUP(Q$1,városok!$A$2:$C$346,3,0))^2)/1000,0)</f>
        <v>35</v>
      </c>
      <c r="R90">
        <f ca="1">ROUND(SQRT((VLOOKUP($A90,városok!$A$2:$C$346,2,0)-VLOOKUP(R$1,városok!$A$2:$C$346,2,0))^2+(VLOOKUP($A90,városok!$A$2:$C$346,3,0)-VLOOKUP(R$1,városok!$A$2:$C$346,3,0))^2)/1000,0)</f>
        <v>61</v>
      </c>
      <c r="S90">
        <f ca="1">ROUND(SQRT((VLOOKUP($A90,városok!$A$2:$C$346,2,0)-VLOOKUP(S$1,városok!$A$2:$C$346,2,0))^2+(VLOOKUP($A90,városok!$A$2:$C$346,3,0)-VLOOKUP(S$1,városok!$A$2:$C$346,3,0))^2)/1000,0)</f>
        <v>52</v>
      </c>
      <c r="T90">
        <f ca="1">ROUND(SQRT((VLOOKUP($A90,városok!$A$2:$C$346,2,0)-VLOOKUP(T$1,városok!$A$2:$C$346,2,0))^2+(VLOOKUP($A90,városok!$A$2:$C$346,3,0)-VLOOKUP(T$1,városok!$A$2:$C$346,3,0))^2)/1000,0)</f>
        <v>143</v>
      </c>
      <c r="U90">
        <f ca="1">ROUND(SQRT((VLOOKUP($A90,városok!$A$2:$C$346,2,0)-VLOOKUP(U$1,városok!$A$2:$C$346,2,0))^2+(VLOOKUP($A90,városok!$A$2:$C$346,3,0)-VLOOKUP(U$1,városok!$A$2:$C$346,3,0))^2)/1000,0)</f>
        <v>96</v>
      </c>
      <c r="V90">
        <f ca="1">ROUND(SQRT((VLOOKUP($A90,városok!$A$2:$C$346,2,0)-VLOOKUP(V$1,városok!$A$2:$C$346,2,0))^2+(VLOOKUP($A90,városok!$A$2:$C$346,3,0)-VLOOKUP(V$1,városok!$A$2:$C$346,3,0))^2)/1000,0)</f>
        <v>145</v>
      </c>
      <c r="W90">
        <f ca="1">ROUND(SQRT((VLOOKUP($A90,városok!$A$2:$C$346,2,0)-VLOOKUP(W$1,városok!$A$2:$C$346,2,0))^2+(VLOOKUP($A90,városok!$A$2:$C$346,3,0)-VLOOKUP(W$1,városok!$A$2:$C$346,3,0))^2)/1000,0)</f>
        <v>117</v>
      </c>
      <c r="X90">
        <f ca="1">ROUND(SQRT((VLOOKUP($A90,városok!$A$2:$C$346,2,0)-VLOOKUP(X$1,városok!$A$2:$C$346,2,0))^2+(VLOOKUP($A90,városok!$A$2:$C$346,3,0)-VLOOKUP(X$1,városok!$A$2:$C$346,3,0))^2)/1000,0)</f>
        <v>152</v>
      </c>
      <c r="Y90">
        <f ca="1">ROUND(SQRT((VLOOKUP($A90,városok!$A$2:$C$346,2,0)-VLOOKUP(Y$1,városok!$A$2:$C$346,2,0))^2+(VLOOKUP($A90,városok!$A$2:$C$346,3,0)-VLOOKUP(Y$1,városok!$A$2:$C$346,3,0))^2)/1000,0)</f>
        <v>219</v>
      </c>
      <c r="Z90">
        <f ca="1">ROUND(SQRT((VLOOKUP($A90,városok!$A$2:$C$346,2,0)-VLOOKUP(Z$1,városok!$A$2:$C$346,2,0))^2+(VLOOKUP($A90,városok!$A$2:$C$346,3,0)-VLOOKUP(Z$1,városok!$A$2:$C$346,3,0))^2)/1000,0)</f>
        <v>237</v>
      </c>
      <c r="AA90">
        <f ca="1">ROUND(SQRT((VLOOKUP($A90,városok!$A$2:$C$346,2,0)-VLOOKUP(AA$1,városok!$A$2:$C$346,2,0))^2+(VLOOKUP($A90,városok!$A$2:$C$346,3,0)-VLOOKUP(AA$1,városok!$A$2:$C$346,3,0))^2)/1000,0)</f>
        <v>290</v>
      </c>
      <c r="AB90">
        <f ca="1">ROUND(SQRT((VLOOKUP($A90,városok!$A$2:$C$346,2,0)-VLOOKUP(AB$1,városok!$A$2:$C$346,2,0))^2+(VLOOKUP($A90,városok!$A$2:$C$346,3,0)-VLOOKUP(AB$1,városok!$A$2:$C$346,3,0))^2)/1000,0)</f>
        <v>145</v>
      </c>
      <c r="AC90">
        <f ca="1">ROUND(SQRT((VLOOKUP($A90,városok!$A$2:$C$346,2,0)-VLOOKUP(AC$1,városok!$A$2:$C$346,2,0))^2+(VLOOKUP($A90,városok!$A$2:$C$346,3,0)-VLOOKUP(AC$1,városok!$A$2:$C$346,3,0))^2)/1000,0)</f>
        <v>125</v>
      </c>
      <c r="AD90">
        <f ca="1">ROUND(SQRT((VLOOKUP($A90,városok!$A$2:$C$346,2,0)-VLOOKUP(AD$1,városok!$A$2:$C$346,2,0))^2+(VLOOKUP($A90,városok!$A$2:$C$346,3,0)-VLOOKUP(AD$1,városok!$A$2:$C$346,3,0))^2)/1000,0)</f>
        <v>111</v>
      </c>
      <c r="AE90">
        <f ca="1">ROUND(SQRT((VLOOKUP($A90,városok!$A$2:$C$346,2,0)-VLOOKUP(AE$1,városok!$A$2:$C$346,2,0))^2+(VLOOKUP($A90,városok!$A$2:$C$346,3,0)-VLOOKUP(AE$1,városok!$A$2:$C$346,3,0))^2)/1000,0)</f>
        <v>101</v>
      </c>
      <c r="AF90">
        <f ca="1">ROUND(SQRT((VLOOKUP($A90,városok!$A$2:$C$346,2,0)-VLOOKUP(AF$1,városok!$A$2:$C$346,2,0))^2+(VLOOKUP($A90,városok!$A$2:$C$346,3,0)-VLOOKUP(AF$1,városok!$A$2:$C$346,3,0))^2)/1000,0)</f>
        <v>133</v>
      </c>
      <c r="AG90">
        <f ca="1">ROUND(SQRT((VLOOKUP($A90,városok!$A$2:$C$346,2,0)-VLOOKUP(AG$1,városok!$A$2:$C$346,2,0))^2+(VLOOKUP($A90,városok!$A$2:$C$346,3,0)-VLOOKUP(AG$1,városok!$A$2:$C$346,3,0))^2)/1000,0)</f>
        <v>120</v>
      </c>
      <c r="AH90">
        <f ca="1">ROUND(SQRT((VLOOKUP($A90,városok!$A$2:$C$346,2,0)-VLOOKUP(AH$1,városok!$A$2:$C$346,2,0))^2+(VLOOKUP($A90,városok!$A$2:$C$346,3,0)-VLOOKUP(AH$1,városok!$A$2:$C$346,3,0))^2)/1000,0)</f>
        <v>112</v>
      </c>
      <c r="AI90">
        <f ca="1">ROUND(SQRT((VLOOKUP($A90,városok!$A$2:$C$346,2,0)-VLOOKUP(AI$1,városok!$A$2:$C$346,2,0))^2+(VLOOKUP($A90,városok!$A$2:$C$346,3,0)-VLOOKUP(AI$1,városok!$A$2:$C$346,3,0))^2)/1000,0)</f>
        <v>145</v>
      </c>
      <c r="AJ90">
        <f ca="1">ROUND(SQRT((VLOOKUP($A90,városok!$A$2:$C$346,2,0)-VLOOKUP(AJ$1,városok!$A$2:$C$346,2,0))^2+(VLOOKUP($A90,városok!$A$2:$C$346,3,0)-VLOOKUP(AJ$1,városok!$A$2:$C$346,3,0))^2)/1000,0)</f>
        <v>104</v>
      </c>
      <c r="AK90">
        <f ca="1">ROUND(SQRT((VLOOKUP($A90,városok!$A$2:$C$346,2,0)-VLOOKUP(AK$1,városok!$A$2:$C$346,2,0))^2+(VLOOKUP($A90,városok!$A$2:$C$346,3,0)-VLOOKUP(AK$1,városok!$A$2:$C$346,3,0))^2)/1000,0)</f>
        <v>90</v>
      </c>
      <c r="AL90">
        <f ca="1">ROUND(SQRT((VLOOKUP($A90,városok!$A$2:$C$346,2,0)-VLOOKUP(AL$1,városok!$A$2:$C$346,2,0))^2+(VLOOKUP($A90,városok!$A$2:$C$346,3,0)-VLOOKUP(AL$1,városok!$A$2:$C$346,3,0))^2)/1000,0)</f>
        <v>82</v>
      </c>
      <c r="AM90">
        <f ca="1">ROUND(SQRT((VLOOKUP($A90,városok!$A$2:$C$346,2,0)-VLOOKUP(AM$1,városok!$A$2:$C$346,2,0))^2+(VLOOKUP($A90,városok!$A$2:$C$346,3,0)-VLOOKUP(AM$1,városok!$A$2:$C$346,3,0))^2)/1000,0)</f>
        <v>52</v>
      </c>
      <c r="AN90">
        <f ca="1">ROUND(SQRT((VLOOKUP($A90,városok!$A$2:$C$346,2,0)-VLOOKUP(AN$1,városok!$A$2:$C$346,2,0))^2+(VLOOKUP($A90,városok!$A$2:$C$346,3,0)-VLOOKUP(AN$1,városok!$A$2:$C$346,3,0))^2)/1000,0)</f>
        <v>160</v>
      </c>
      <c r="AO90">
        <f ca="1">ROUND(SQRT((VLOOKUP($A90,városok!$A$2:$C$346,2,0)-VLOOKUP(AO$1,városok!$A$2:$C$346,2,0))^2+(VLOOKUP($A90,városok!$A$2:$C$346,3,0)-VLOOKUP(AO$1,városok!$A$2:$C$346,3,0))^2)/1000,0)</f>
        <v>191</v>
      </c>
      <c r="AP90">
        <f ca="1">ROUND(SQRT((VLOOKUP($A90,városok!$A$2:$C$346,2,0)-VLOOKUP(AP$1,városok!$A$2:$C$346,2,0))^2+(VLOOKUP($A90,városok!$A$2:$C$346,3,0)-VLOOKUP(AP$1,városok!$A$2:$C$346,3,0))^2)/1000,0)</f>
        <v>172</v>
      </c>
      <c r="AQ90">
        <f ca="1">ROUND(SQRT((VLOOKUP($A90,városok!$A$2:$C$346,2,0)-VLOOKUP(AQ$1,városok!$A$2:$C$346,2,0))^2+(VLOOKUP($A90,városok!$A$2:$C$346,3,0)-VLOOKUP(AQ$1,városok!$A$2:$C$346,3,0))^2)/1000,0)</f>
        <v>162</v>
      </c>
      <c r="AR90">
        <f ca="1">ROUND(SQRT((VLOOKUP($A90,városok!$A$2:$C$346,2,0)-VLOOKUP(AR$1,városok!$A$2:$C$346,2,0))^2+(VLOOKUP($A90,városok!$A$2:$C$346,3,0)-VLOOKUP(AR$1,városok!$A$2:$C$346,3,0))^2)/1000,0)</f>
        <v>138</v>
      </c>
      <c r="AS90">
        <f ca="1">ROUND(SQRT((VLOOKUP($A90,városok!$A$2:$C$346,2,0)-VLOOKUP(AS$1,városok!$A$2:$C$346,2,0))^2+(VLOOKUP($A90,városok!$A$2:$C$346,3,0)-VLOOKUP(AS$1,városok!$A$2:$C$346,3,0))^2)/1000,0)</f>
        <v>158</v>
      </c>
      <c r="AT90">
        <f ca="1">ROUND(SQRT((VLOOKUP($A90,városok!$A$2:$C$346,2,0)-VLOOKUP(AT$1,városok!$A$2:$C$346,2,0))^2+(VLOOKUP($A90,városok!$A$2:$C$346,3,0)-VLOOKUP(AT$1,városok!$A$2:$C$346,3,0))^2)/1000,0)</f>
        <v>131</v>
      </c>
      <c r="AU90">
        <f ca="1">ROUND(SQRT((VLOOKUP($A90,városok!$A$2:$C$346,2,0)-VLOOKUP(AU$1,városok!$A$2:$C$346,2,0))^2+(VLOOKUP($A90,városok!$A$2:$C$346,3,0)-VLOOKUP(AU$1,városok!$A$2:$C$346,3,0))^2)/1000,0)</f>
        <v>122</v>
      </c>
      <c r="AV90">
        <f ca="1">ROUND(SQRT((VLOOKUP($A90,városok!$A$2:$C$346,2,0)-VLOOKUP(AV$1,városok!$A$2:$C$346,2,0))^2+(VLOOKUP($A90,városok!$A$2:$C$346,3,0)-VLOOKUP(AV$1,városok!$A$2:$C$346,3,0))^2)/1000,0)</f>
        <v>119</v>
      </c>
      <c r="AW90">
        <f ca="1">ROUND(SQRT((VLOOKUP($A90,városok!$A$2:$C$346,2,0)-VLOOKUP(AW$1,városok!$A$2:$C$346,2,0))^2+(VLOOKUP($A90,városok!$A$2:$C$346,3,0)-VLOOKUP(AW$1,városok!$A$2:$C$346,3,0))^2)/1000,0)</f>
        <v>120</v>
      </c>
      <c r="AX90">
        <f ca="1">ROUND(SQRT((VLOOKUP($A90,városok!$A$2:$C$346,2,0)-VLOOKUP(AX$1,városok!$A$2:$C$346,2,0))^2+(VLOOKUP($A90,városok!$A$2:$C$346,3,0)-VLOOKUP(AX$1,városok!$A$2:$C$346,3,0))^2)/1000,0)</f>
        <v>45</v>
      </c>
      <c r="AY90">
        <f ca="1">ROUND(SQRT((VLOOKUP($A90,városok!$A$2:$C$346,2,0)-VLOOKUP(AY$1,városok!$A$2:$C$346,2,0))^2+(VLOOKUP($A90,városok!$A$2:$C$346,3,0)-VLOOKUP(AY$1,városok!$A$2:$C$346,3,0))^2)/1000,0)</f>
        <v>135</v>
      </c>
      <c r="AZ90">
        <f ca="1">ROUND(SQRT((VLOOKUP($A90,városok!$A$2:$C$346,2,0)-VLOOKUP(AZ$1,városok!$A$2:$C$346,2,0))^2+(VLOOKUP($A90,városok!$A$2:$C$346,3,0)-VLOOKUP(AZ$1,városok!$A$2:$C$346,3,0))^2)/1000,0)</f>
        <v>149</v>
      </c>
      <c r="BA90">
        <f ca="1">ROUND(SQRT((VLOOKUP($A90,városok!$A$2:$C$346,2,0)-VLOOKUP(BA$1,városok!$A$2:$C$346,2,0))^2+(VLOOKUP($A90,városok!$A$2:$C$346,3,0)-VLOOKUP(BA$1,városok!$A$2:$C$346,3,0))^2)/1000,0)</f>
        <v>186</v>
      </c>
      <c r="BB90">
        <f ca="1">ROUND(SQRT((VLOOKUP($A90,városok!$A$2:$C$346,2,0)-VLOOKUP(BB$1,városok!$A$2:$C$346,2,0))^2+(VLOOKUP($A90,városok!$A$2:$C$346,3,0)-VLOOKUP(BB$1,városok!$A$2:$C$346,3,0))^2)/1000,0)</f>
        <v>169</v>
      </c>
      <c r="BC90">
        <f ca="1">ROUND(SQRT((VLOOKUP($A90,városok!$A$2:$C$346,2,0)-VLOOKUP(BC$1,városok!$A$2:$C$346,2,0))^2+(VLOOKUP($A90,városok!$A$2:$C$346,3,0)-VLOOKUP(BC$1,városok!$A$2:$C$346,3,0))^2)/1000,0)</f>
        <v>184</v>
      </c>
      <c r="BD90">
        <f ca="1">ROUND(SQRT((VLOOKUP($A90,városok!$A$2:$C$346,2,0)-VLOOKUP(BD$1,városok!$A$2:$C$346,2,0))^2+(VLOOKUP($A90,városok!$A$2:$C$346,3,0)-VLOOKUP(BD$1,városok!$A$2:$C$346,3,0))^2)/1000,0)</f>
        <v>160</v>
      </c>
      <c r="BE90">
        <f ca="1">ROUND(SQRT((VLOOKUP($A90,városok!$A$2:$C$346,2,0)-VLOOKUP(BE$1,városok!$A$2:$C$346,2,0))^2+(VLOOKUP($A90,városok!$A$2:$C$346,3,0)-VLOOKUP(BE$1,városok!$A$2:$C$346,3,0))^2)/1000,0)</f>
        <v>229</v>
      </c>
      <c r="BF90">
        <f ca="1">ROUND(SQRT((VLOOKUP($A90,városok!$A$2:$C$346,2,0)-VLOOKUP(BF$1,városok!$A$2:$C$346,2,0))^2+(VLOOKUP($A90,városok!$A$2:$C$346,3,0)-VLOOKUP(BF$1,városok!$A$2:$C$346,3,0))^2)/1000,0)</f>
        <v>223</v>
      </c>
      <c r="BG90">
        <f ca="1">ROUND(SQRT((VLOOKUP($A90,városok!$A$2:$C$346,2,0)-VLOOKUP(BG$1,városok!$A$2:$C$346,2,0))^2+(VLOOKUP($A90,városok!$A$2:$C$346,3,0)-VLOOKUP(BG$1,városok!$A$2:$C$346,3,0))^2)/1000,0)</f>
        <v>186</v>
      </c>
      <c r="BH90">
        <f ca="1">ROUND(SQRT((VLOOKUP($A90,városok!$A$2:$C$346,2,0)-VLOOKUP(BH$1,városok!$A$2:$C$346,2,0))^2+(VLOOKUP($A90,városok!$A$2:$C$346,3,0)-VLOOKUP(BH$1,városok!$A$2:$C$346,3,0))^2)/1000,0)</f>
        <v>186</v>
      </c>
      <c r="BI90">
        <f ca="1">ROUND(SQRT((VLOOKUP($A90,városok!$A$2:$C$346,2,0)-VLOOKUP(BI$1,városok!$A$2:$C$346,2,0))^2+(VLOOKUP($A90,városok!$A$2:$C$346,3,0)-VLOOKUP(BI$1,városok!$A$2:$C$346,3,0))^2)/1000,0)</f>
        <v>121</v>
      </c>
      <c r="BJ90">
        <f ca="1">ROUND(SQRT((VLOOKUP($A90,városok!$A$2:$C$346,2,0)-VLOOKUP(BJ$1,városok!$A$2:$C$346,2,0))^2+(VLOOKUP($A90,városok!$A$2:$C$346,3,0)-VLOOKUP(BJ$1,városok!$A$2:$C$346,3,0))^2)/1000,0)</f>
        <v>137</v>
      </c>
      <c r="BK90">
        <f ca="1">ROUND(SQRT((VLOOKUP($A90,városok!$A$2:$C$346,2,0)-VLOOKUP(BK$1,városok!$A$2:$C$346,2,0))^2+(VLOOKUP($A90,városok!$A$2:$C$346,3,0)-VLOOKUP(BK$1,városok!$A$2:$C$346,3,0))^2)/1000,0)</f>
        <v>117</v>
      </c>
      <c r="BL90">
        <f ca="1">ROUND(SQRT((VLOOKUP($A90,városok!$A$2:$C$346,2,0)-VLOOKUP(BL$1,városok!$A$2:$C$346,2,0))^2+(VLOOKUP($A90,városok!$A$2:$C$346,3,0)-VLOOKUP(BL$1,városok!$A$2:$C$346,3,0))^2)/1000,0)</f>
        <v>272</v>
      </c>
      <c r="BM90">
        <f ca="1">ROUND(SQRT((VLOOKUP($A90,városok!$A$2:$C$346,2,0)-VLOOKUP(BM$1,városok!$A$2:$C$346,2,0))^2+(VLOOKUP($A90,városok!$A$2:$C$346,3,0)-VLOOKUP(BM$1,városok!$A$2:$C$346,3,0))^2)/1000,0)</f>
        <v>251</v>
      </c>
      <c r="BN90">
        <f ca="1">ROUND(SQRT((VLOOKUP($A90,városok!$A$2:$C$346,2,0)-VLOOKUP(BN$1,városok!$A$2:$C$346,2,0))^2+(VLOOKUP($A90,városok!$A$2:$C$346,3,0)-VLOOKUP(BN$1,városok!$A$2:$C$346,3,0))^2)/1000,0)</f>
        <v>274</v>
      </c>
      <c r="BO90">
        <f ca="1">ROUND(SQRT((VLOOKUP($A90,városok!$A$2:$C$346,2,0)-VLOOKUP(BO$1,városok!$A$2:$C$346,2,0))^2+(VLOOKUP($A90,városok!$A$2:$C$346,3,0)-VLOOKUP(BO$1,városok!$A$2:$C$346,3,0))^2)/1000,0)</f>
        <v>166</v>
      </c>
      <c r="BP90">
        <f ca="1">ROUND(SQRT((VLOOKUP($A90,városok!$A$2:$C$346,2,0)-VLOOKUP(BP$1,városok!$A$2:$C$346,2,0))^2+(VLOOKUP($A90,városok!$A$2:$C$346,3,0)-VLOOKUP(BP$1,városok!$A$2:$C$346,3,0))^2)/1000,0)</f>
        <v>159</v>
      </c>
      <c r="BQ90">
        <f ca="1">ROUND(SQRT((VLOOKUP($A90,városok!$A$2:$C$346,2,0)-VLOOKUP(BQ$1,városok!$A$2:$C$346,2,0))^2+(VLOOKUP($A90,városok!$A$2:$C$346,3,0)-VLOOKUP(BQ$1,városok!$A$2:$C$346,3,0))^2)/1000,0)</f>
        <v>175</v>
      </c>
      <c r="BR90">
        <f ca="1">ROUND(SQRT((VLOOKUP($A90,városok!$A$2:$C$346,2,0)-VLOOKUP(BR$1,városok!$A$2:$C$346,2,0))^2+(VLOOKUP($A90,városok!$A$2:$C$346,3,0)-VLOOKUP(BR$1,városok!$A$2:$C$346,3,0))^2)/1000,0)</f>
        <v>220</v>
      </c>
      <c r="BS90">
        <f ca="1">ROUND(SQRT((VLOOKUP($A90,városok!$A$2:$C$346,2,0)-VLOOKUP(BS$1,városok!$A$2:$C$346,2,0))^2+(VLOOKUP($A90,városok!$A$2:$C$346,3,0)-VLOOKUP(BS$1,városok!$A$2:$C$346,3,0))^2)/1000,0)</f>
        <v>243</v>
      </c>
      <c r="BT90">
        <f ca="1">ROUND(SQRT((VLOOKUP($A90,városok!$A$2:$C$346,2,0)-VLOOKUP(BT$1,városok!$A$2:$C$346,2,0))^2+(VLOOKUP($A90,városok!$A$2:$C$346,3,0)-VLOOKUP(BT$1,városok!$A$2:$C$346,3,0))^2)/1000,0)</f>
        <v>252</v>
      </c>
    </row>
    <row r="91" spans="1:72" x14ac:dyDescent="0.2">
      <c r="A91" t="str">
        <f>városok!A91</f>
        <v>Hódmezővásárhely</v>
      </c>
      <c r="B91">
        <f ca="1">ROUND(SQRT((VLOOKUP($A91,városok!$A$2:$C$346,2,0)-VLOOKUP(B$1,városok!$A$2:$C$346,2,0))^2+(VLOOKUP($A91,városok!$A$2:$C$346,3,0)-VLOOKUP(B$1,városok!$A$2:$C$346,3,0))^2)/1000,0)</f>
        <v>108</v>
      </c>
      <c r="C91">
        <f ca="1">ROUND(SQRT((VLOOKUP($A91,városok!$A$2:$C$346,2,0)-VLOOKUP(C$1,városok!$A$2:$C$346,2,0))^2+(VLOOKUP($A91,városok!$A$2:$C$346,3,0)-VLOOKUP(C$1,városok!$A$2:$C$346,3,0))^2)/1000,0)</f>
        <v>104</v>
      </c>
      <c r="D91">
        <f ca="1">ROUND(SQRT((VLOOKUP($A91,városok!$A$2:$C$346,2,0)-VLOOKUP(D$1,városok!$A$2:$C$346,2,0))^2+(VLOOKUP($A91,városok!$A$2:$C$346,3,0)-VLOOKUP(D$1,városok!$A$2:$C$346,3,0))^2)/1000,0)</f>
        <v>73</v>
      </c>
      <c r="E91">
        <f ca="1">ROUND(SQRT((VLOOKUP($A91,városok!$A$2:$C$346,2,0)-VLOOKUP(E$1,városok!$A$2:$C$346,2,0))^2+(VLOOKUP($A91,városok!$A$2:$C$346,3,0)-VLOOKUP(E$1,városok!$A$2:$C$346,3,0))^2)/1000,0)</f>
        <v>161</v>
      </c>
      <c r="F91">
        <f ca="1">ROUND(SQRT((VLOOKUP($A91,városok!$A$2:$C$346,2,0)-VLOOKUP(F$1,városok!$A$2:$C$346,2,0))^2+(VLOOKUP($A91,városok!$A$2:$C$346,3,0)-VLOOKUP(F$1,városok!$A$2:$C$346,3,0))^2)/1000,0)</f>
        <v>135</v>
      </c>
      <c r="G91">
        <f ca="1">ROUND(SQRT((VLOOKUP($A91,városok!$A$2:$C$346,2,0)-VLOOKUP(G$1,városok!$A$2:$C$346,2,0))^2+(VLOOKUP($A91,városok!$A$2:$C$346,3,0)-VLOOKUP(G$1,városok!$A$2:$C$346,3,0))^2)/1000,0)</f>
        <v>164</v>
      </c>
      <c r="H91">
        <f ca="1">ROUND(SQRT((VLOOKUP($A91,városok!$A$2:$C$346,2,0)-VLOOKUP(H$1,városok!$A$2:$C$346,2,0))^2+(VLOOKUP($A91,városok!$A$2:$C$346,3,0)-VLOOKUP(H$1,városok!$A$2:$C$346,3,0))^2)/1000,0)</f>
        <v>199</v>
      </c>
      <c r="I91">
        <f ca="1">ROUND(SQRT((VLOOKUP($A91,városok!$A$2:$C$346,2,0)-VLOOKUP(I$1,városok!$A$2:$C$346,2,0))^2+(VLOOKUP($A91,városok!$A$2:$C$346,3,0)-VLOOKUP(I$1,városok!$A$2:$C$346,3,0))^2)/1000,0)</f>
        <v>65</v>
      </c>
      <c r="J91">
        <f ca="1">ROUND(SQRT((VLOOKUP($A91,városok!$A$2:$C$346,2,0)-VLOOKUP(J$1,városok!$A$2:$C$346,2,0))^2+(VLOOKUP($A91,városok!$A$2:$C$346,3,0)-VLOOKUP(J$1,városok!$A$2:$C$346,3,0))^2)/1000,0)</f>
        <v>77</v>
      </c>
      <c r="K91">
        <f ca="1">ROUND(SQRT((VLOOKUP($A91,városok!$A$2:$C$346,2,0)-VLOOKUP(K$1,városok!$A$2:$C$346,2,0))^2+(VLOOKUP($A91,városok!$A$2:$C$346,3,0)-VLOOKUP(K$1,városok!$A$2:$C$346,3,0))^2)/1000,0)</f>
        <v>31</v>
      </c>
      <c r="L91">
        <f ca="1">ROUND(SQRT((VLOOKUP($A91,városok!$A$2:$C$346,2,0)-VLOOKUP(L$1,városok!$A$2:$C$346,2,0))^2+(VLOOKUP($A91,városok!$A$2:$C$346,3,0)-VLOOKUP(L$1,városok!$A$2:$C$346,3,0))^2)/1000,0)</f>
        <v>205</v>
      </c>
      <c r="M91">
        <f ca="1">ROUND(SQRT((VLOOKUP($A91,városok!$A$2:$C$346,2,0)-VLOOKUP(M$1,városok!$A$2:$C$346,2,0))^2+(VLOOKUP($A91,városok!$A$2:$C$346,3,0)-VLOOKUP(M$1,városok!$A$2:$C$346,3,0))^2)/1000,0)</f>
        <v>191</v>
      </c>
      <c r="N91">
        <f ca="1">ROUND(SQRT((VLOOKUP($A91,városok!$A$2:$C$346,2,0)-VLOOKUP(N$1,városok!$A$2:$C$346,2,0))^2+(VLOOKUP($A91,városok!$A$2:$C$346,3,0)-VLOOKUP(N$1,városok!$A$2:$C$346,3,0))^2)/1000,0)</f>
        <v>200</v>
      </c>
      <c r="O91">
        <f ca="1">ROUND(SQRT((VLOOKUP($A91,városok!$A$2:$C$346,2,0)-VLOOKUP(O$1,városok!$A$2:$C$346,2,0))^2+(VLOOKUP($A91,városok!$A$2:$C$346,3,0)-VLOOKUP(O$1,városok!$A$2:$C$346,3,0))^2)/1000,0)</f>
        <v>242</v>
      </c>
      <c r="P91">
        <f ca="1">ROUND(SQRT((VLOOKUP($A91,városok!$A$2:$C$346,2,0)-VLOOKUP(P$1,városok!$A$2:$C$346,2,0))^2+(VLOOKUP($A91,városok!$A$2:$C$346,3,0)-VLOOKUP(P$1,városok!$A$2:$C$346,3,0))^2)/1000,0)</f>
        <v>242</v>
      </c>
      <c r="Q91">
        <f ca="1">ROUND(SQRT((VLOOKUP($A91,városok!$A$2:$C$346,2,0)-VLOOKUP(Q$1,városok!$A$2:$C$346,2,0))^2+(VLOOKUP($A91,városok!$A$2:$C$346,3,0)-VLOOKUP(Q$1,városok!$A$2:$C$346,3,0))^2)/1000,0)</f>
        <v>0</v>
      </c>
      <c r="R91">
        <f ca="1">ROUND(SQRT((VLOOKUP($A91,városok!$A$2:$C$346,2,0)-VLOOKUP(R$1,városok!$A$2:$C$346,2,0))^2+(VLOOKUP($A91,városok!$A$2:$C$346,3,0)-VLOOKUP(R$1,városok!$A$2:$C$346,3,0))^2)/1000,0)</f>
        <v>25</v>
      </c>
      <c r="S91">
        <f ca="1">ROUND(SQRT((VLOOKUP($A91,városok!$A$2:$C$346,2,0)-VLOOKUP(S$1,városok!$A$2:$C$346,2,0))^2+(VLOOKUP($A91,városok!$A$2:$C$346,3,0)-VLOOKUP(S$1,városok!$A$2:$C$346,3,0))^2)/1000,0)</f>
        <v>23</v>
      </c>
      <c r="T91">
        <f ca="1">ROUND(SQRT((VLOOKUP($A91,városok!$A$2:$C$346,2,0)-VLOOKUP(T$1,városok!$A$2:$C$346,2,0))^2+(VLOOKUP($A91,városok!$A$2:$C$346,3,0)-VLOOKUP(T$1,városok!$A$2:$C$346,3,0))^2)/1000,0)</f>
        <v>175</v>
      </c>
      <c r="U91">
        <f ca="1">ROUND(SQRT((VLOOKUP($A91,városok!$A$2:$C$346,2,0)-VLOOKUP(U$1,városok!$A$2:$C$346,2,0))^2+(VLOOKUP($A91,városok!$A$2:$C$346,3,0)-VLOOKUP(U$1,városok!$A$2:$C$346,3,0))^2)/1000,0)</f>
        <v>122</v>
      </c>
      <c r="V91">
        <f ca="1">ROUND(SQRT((VLOOKUP($A91,városok!$A$2:$C$346,2,0)-VLOOKUP(V$1,városok!$A$2:$C$346,2,0))^2+(VLOOKUP($A91,városok!$A$2:$C$346,3,0)-VLOOKUP(V$1,városok!$A$2:$C$346,3,0))^2)/1000,0)</f>
        <v>170</v>
      </c>
      <c r="W91">
        <f ca="1">ROUND(SQRT((VLOOKUP($A91,városok!$A$2:$C$346,2,0)-VLOOKUP(W$1,városok!$A$2:$C$346,2,0))^2+(VLOOKUP($A91,városok!$A$2:$C$346,3,0)-VLOOKUP(W$1,városok!$A$2:$C$346,3,0))^2)/1000,0)</f>
        <v>140</v>
      </c>
      <c r="X91">
        <f ca="1">ROUND(SQRT((VLOOKUP($A91,városok!$A$2:$C$346,2,0)-VLOOKUP(X$1,városok!$A$2:$C$346,2,0))^2+(VLOOKUP($A91,városok!$A$2:$C$346,3,0)-VLOOKUP(X$1,városok!$A$2:$C$346,3,0))^2)/1000,0)</f>
        <v>180</v>
      </c>
      <c r="Y91">
        <f ca="1">ROUND(SQRT((VLOOKUP($A91,városok!$A$2:$C$346,2,0)-VLOOKUP(Y$1,városok!$A$2:$C$346,2,0))^2+(VLOOKUP($A91,városok!$A$2:$C$346,3,0)-VLOOKUP(Y$1,városok!$A$2:$C$346,3,0))^2)/1000,0)</f>
        <v>248</v>
      </c>
      <c r="Z91">
        <f ca="1">ROUND(SQRT((VLOOKUP($A91,városok!$A$2:$C$346,2,0)-VLOOKUP(Z$1,városok!$A$2:$C$346,2,0))^2+(VLOOKUP($A91,városok!$A$2:$C$346,3,0)-VLOOKUP(Z$1,városok!$A$2:$C$346,3,0))^2)/1000,0)</f>
        <v>266</v>
      </c>
      <c r="AA91">
        <f ca="1">ROUND(SQRT((VLOOKUP($A91,városok!$A$2:$C$346,2,0)-VLOOKUP(AA$1,városok!$A$2:$C$346,2,0))^2+(VLOOKUP($A91,városok!$A$2:$C$346,3,0)-VLOOKUP(AA$1,városok!$A$2:$C$346,3,0))^2)/1000,0)</f>
        <v>317</v>
      </c>
      <c r="AB91">
        <f ca="1">ROUND(SQRT((VLOOKUP($A91,városok!$A$2:$C$346,2,0)-VLOOKUP(AB$1,városok!$A$2:$C$346,2,0))^2+(VLOOKUP($A91,városok!$A$2:$C$346,3,0)-VLOOKUP(AB$1,városok!$A$2:$C$346,3,0))^2)/1000,0)</f>
        <v>159</v>
      </c>
      <c r="AC91">
        <f ca="1">ROUND(SQRT((VLOOKUP($A91,városok!$A$2:$C$346,2,0)-VLOOKUP(AC$1,városok!$A$2:$C$346,2,0))^2+(VLOOKUP($A91,városok!$A$2:$C$346,3,0)-VLOOKUP(AC$1,városok!$A$2:$C$346,3,0))^2)/1000,0)</f>
        <v>140</v>
      </c>
      <c r="AD91">
        <f ca="1">ROUND(SQRT((VLOOKUP($A91,városok!$A$2:$C$346,2,0)-VLOOKUP(AD$1,városok!$A$2:$C$346,2,0))^2+(VLOOKUP($A91,városok!$A$2:$C$346,3,0)-VLOOKUP(AD$1,városok!$A$2:$C$346,3,0))^2)/1000,0)</f>
        <v>129</v>
      </c>
      <c r="AE91">
        <f ca="1">ROUND(SQRT((VLOOKUP($A91,városok!$A$2:$C$346,2,0)-VLOOKUP(AE$1,városok!$A$2:$C$346,2,0))^2+(VLOOKUP($A91,városok!$A$2:$C$346,3,0)-VLOOKUP(AE$1,városok!$A$2:$C$346,3,0))^2)/1000,0)</f>
        <v>116</v>
      </c>
      <c r="AF91">
        <f ca="1">ROUND(SQRT((VLOOKUP($A91,városok!$A$2:$C$346,2,0)-VLOOKUP(AF$1,városok!$A$2:$C$346,2,0))^2+(VLOOKUP($A91,városok!$A$2:$C$346,3,0)-VLOOKUP(AF$1,városok!$A$2:$C$346,3,0))^2)/1000,0)</f>
        <v>165</v>
      </c>
      <c r="AG91">
        <f ca="1">ROUND(SQRT((VLOOKUP($A91,városok!$A$2:$C$346,2,0)-VLOOKUP(AG$1,városok!$A$2:$C$346,2,0))^2+(VLOOKUP($A91,városok!$A$2:$C$346,3,0)-VLOOKUP(AG$1,városok!$A$2:$C$346,3,0))^2)/1000,0)</f>
        <v>154</v>
      </c>
      <c r="AH91">
        <f ca="1">ROUND(SQRT((VLOOKUP($A91,városok!$A$2:$C$346,2,0)-VLOOKUP(AH$1,városok!$A$2:$C$346,2,0))^2+(VLOOKUP($A91,városok!$A$2:$C$346,3,0)-VLOOKUP(AH$1,városok!$A$2:$C$346,3,0))^2)/1000,0)</f>
        <v>147</v>
      </c>
      <c r="AI91">
        <f ca="1">ROUND(SQRT((VLOOKUP($A91,városok!$A$2:$C$346,2,0)-VLOOKUP(AI$1,városok!$A$2:$C$346,2,0))^2+(VLOOKUP($A91,városok!$A$2:$C$346,3,0)-VLOOKUP(AI$1,városok!$A$2:$C$346,3,0))^2)/1000,0)</f>
        <v>179</v>
      </c>
      <c r="AJ91">
        <f ca="1">ROUND(SQRT((VLOOKUP($A91,városok!$A$2:$C$346,2,0)-VLOOKUP(AJ$1,városok!$A$2:$C$346,2,0))^2+(VLOOKUP($A91,városok!$A$2:$C$346,3,0)-VLOOKUP(AJ$1,városok!$A$2:$C$346,3,0))^2)/1000,0)</f>
        <v>139</v>
      </c>
      <c r="AK91">
        <f ca="1">ROUND(SQRT((VLOOKUP($A91,városok!$A$2:$C$346,2,0)-VLOOKUP(AK$1,városok!$A$2:$C$346,2,0))^2+(VLOOKUP($A91,városok!$A$2:$C$346,3,0)-VLOOKUP(AK$1,városok!$A$2:$C$346,3,0))^2)/1000,0)</f>
        <v>108</v>
      </c>
      <c r="AL91">
        <f ca="1">ROUND(SQRT((VLOOKUP($A91,városok!$A$2:$C$346,2,0)-VLOOKUP(AL$1,városok!$A$2:$C$346,2,0))^2+(VLOOKUP($A91,városok!$A$2:$C$346,3,0)-VLOOKUP(AL$1,városok!$A$2:$C$346,3,0))^2)/1000,0)</f>
        <v>108</v>
      </c>
      <c r="AM91">
        <f ca="1">ROUND(SQRT((VLOOKUP($A91,városok!$A$2:$C$346,2,0)-VLOOKUP(AM$1,városok!$A$2:$C$346,2,0))^2+(VLOOKUP($A91,városok!$A$2:$C$346,3,0)-VLOOKUP(AM$1,városok!$A$2:$C$346,3,0))^2)/1000,0)</f>
        <v>85</v>
      </c>
      <c r="AN91">
        <f ca="1">ROUND(SQRT((VLOOKUP($A91,városok!$A$2:$C$346,2,0)-VLOOKUP(AN$1,városok!$A$2:$C$346,2,0))^2+(VLOOKUP($A91,városok!$A$2:$C$346,3,0)-VLOOKUP(AN$1,városok!$A$2:$C$346,3,0))^2)/1000,0)</f>
        <v>194</v>
      </c>
      <c r="AO91">
        <f ca="1">ROUND(SQRT((VLOOKUP($A91,városok!$A$2:$C$346,2,0)-VLOOKUP(AO$1,városok!$A$2:$C$346,2,0))^2+(VLOOKUP($A91,városok!$A$2:$C$346,3,0)-VLOOKUP(AO$1,városok!$A$2:$C$346,3,0))^2)/1000,0)</f>
        <v>222</v>
      </c>
      <c r="AP91">
        <f ca="1">ROUND(SQRT((VLOOKUP($A91,városok!$A$2:$C$346,2,0)-VLOOKUP(AP$1,városok!$A$2:$C$346,2,0))^2+(VLOOKUP($A91,városok!$A$2:$C$346,3,0)-VLOOKUP(AP$1,városok!$A$2:$C$346,3,0))^2)/1000,0)</f>
        <v>203</v>
      </c>
      <c r="AQ91">
        <f ca="1">ROUND(SQRT((VLOOKUP($A91,városok!$A$2:$C$346,2,0)-VLOOKUP(AQ$1,városok!$A$2:$C$346,2,0))^2+(VLOOKUP($A91,városok!$A$2:$C$346,3,0)-VLOOKUP(AQ$1,városok!$A$2:$C$346,3,0))^2)/1000,0)</f>
        <v>194</v>
      </c>
      <c r="AR91">
        <f ca="1">ROUND(SQRT((VLOOKUP($A91,városok!$A$2:$C$346,2,0)-VLOOKUP(AR$1,városok!$A$2:$C$346,2,0))^2+(VLOOKUP($A91,városok!$A$2:$C$346,3,0)-VLOOKUP(AR$1,városok!$A$2:$C$346,3,0))^2)/1000,0)</f>
        <v>174</v>
      </c>
      <c r="AS91">
        <f ca="1">ROUND(SQRT((VLOOKUP($A91,városok!$A$2:$C$346,2,0)-VLOOKUP(AS$1,városok!$A$2:$C$346,2,0))^2+(VLOOKUP($A91,városok!$A$2:$C$346,3,0)-VLOOKUP(AS$1,városok!$A$2:$C$346,3,0))^2)/1000,0)</f>
        <v>192</v>
      </c>
      <c r="AT91">
        <f ca="1">ROUND(SQRT((VLOOKUP($A91,városok!$A$2:$C$346,2,0)-VLOOKUP(AT$1,városok!$A$2:$C$346,2,0))^2+(VLOOKUP($A91,városok!$A$2:$C$346,3,0)-VLOOKUP(AT$1,városok!$A$2:$C$346,3,0))^2)/1000,0)</f>
        <v>164</v>
      </c>
      <c r="AU91">
        <f ca="1">ROUND(SQRT((VLOOKUP($A91,városok!$A$2:$C$346,2,0)-VLOOKUP(AU$1,városok!$A$2:$C$346,2,0))^2+(VLOOKUP($A91,városok!$A$2:$C$346,3,0)-VLOOKUP(AU$1,városok!$A$2:$C$346,3,0))^2)/1000,0)</f>
        <v>155</v>
      </c>
      <c r="AV91">
        <f ca="1">ROUND(SQRT((VLOOKUP($A91,városok!$A$2:$C$346,2,0)-VLOOKUP(AV$1,városok!$A$2:$C$346,2,0))^2+(VLOOKUP($A91,városok!$A$2:$C$346,3,0)-VLOOKUP(AV$1,városok!$A$2:$C$346,3,0))^2)/1000,0)</f>
        <v>152</v>
      </c>
      <c r="AW91">
        <f ca="1">ROUND(SQRT((VLOOKUP($A91,városok!$A$2:$C$346,2,0)-VLOOKUP(AW$1,városok!$A$2:$C$346,2,0))^2+(VLOOKUP($A91,városok!$A$2:$C$346,3,0)-VLOOKUP(AW$1,városok!$A$2:$C$346,3,0))^2)/1000,0)</f>
        <v>153</v>
      </c>
      <c r="AX91">
        <f ca="1">ROUND(SQRT((VLOOKUP($A91,városok!$A$2:$C$346,2,0)-VLOOKUP(AX$1,városok!$A$2:$C$346,2,0))^2+(VLOOKUP($A91,városok!$A$2:$C$346,3,0)-VLOOKUP(AX$1,városok!$A$2:$C$346,3,0))^2)/1000,0)</f>
        <v>80</v>
      </c>
      <c r="AY91">
        <f ca="1">ROUND(SQRT((VLOOKUP($A91,városok!$A$2:$C$346,2,0)-VLOOKUP(AY$1,városok!$A$2:$C$346,2,0))^2+(VLOOKUP($A91,városok!$A$2:$C$346,3,0)-VLOOKUP(AY$1,városok!$A$2:$C$346,3,0))^2)/1000,0)</f>
        <v>170</v>
      </c>
      <c r="AZ91">
        <f ca="1">ROUND(SQRT((VLOOKUP($A91,városok!$A$2:$C$346,2,0)-VLOOKUP(AZ$1,városok!$A$2:$C$346,2,0))^2+(VLOOKUP($A91,városok!$A$2:$C$346,3,0)-VLOOKUP(AZ$1,városok!$A$2:$C$346,3,0))^2)/1000,0)</f>
        <v>183</v>
      </c>
      <c r="BA91">
        <f ca="1">ROUND(SQRT((VLOOKUP($A91,városok!$A$2:$C$346,2,0)-VLOOKUP(BA$1,városok!$A$2:$C$346,2,0))^2+(VLOOKUP($A91,városok!$A$2:$C$346,3,0)-VLOOKUP(BA$1,városok!$A$2:$C$346,3,0))^2)/1000,0)</f>
        <v>205</v>
      </c>
      <c r="BB91">
        <f ca="1">ROUND(SQRT((VLOOKUP($A91,városok!$A$2:$C$346,2,0)-VLOOKUP(BB$1,városok!$A$2:$C$346,2,0))^2+(VLOOKUP($A91,városok!$A$2:$C$346,3,0)-VLOOKUP(BB$1,városok!$A$2:$C$346,3,0))^2)/1000,0)</f>
        <v>183</v>
      </c>
      <c r="BC91">
        <f ca="1">ROUND(SQRT((VLOOKUP($A91,városok!$A$2:$C$346,2,0)-VLOOKUP(BC$1,városok!$A$2:$C$346,2,0))^2+(VLOOKUP($A91,városok!$A$2:$C$346,3,0)-VLOOKUP(BC$1,városok!$A$2:$C$346,3,0))^2)/1000,0)</f>
        <v>194</v>
      </c>
      <c r="BD91">
        <f ca="1">ROUND(SQRT((VLOOKUP($A91,városok!$A$2:$C$346,2,0)-VLOOKUP(BD$1,városok!$A$2:$C$346,2,0))^2+(VLOOKUP($A91,városok!$A$2:$C$346,3,0)-VLOOKUP(BD$1,városok!$A$2:$C$346,3,0))^2)/1000,0)</f>
        <v>181</v>
      </c>
      <c r="BE91">
        <f ca="1">ROUND(SQRT((VLOOKUP($A91,városok!$A$2:$C$346,2,0)-VLOOKUP(BE$1,városok!$A$2:$C$346,2,0))^2+(VLOOKUP($A91,városok!$A$2:$C$346,3,0)-VLOOKUP(BE$1,városok!$A$2:$C$346,3,0))^2)/1000,0)</f>
        <v>238</v>
      </c>
      <c r="BF91">
        <f ca="1">ROUND(SQRT((VLOOKUP($A91,városok!$A$2:$C$346,2,0)-VLOOKUP(BF$1,városok!$A$2:$C$346,2,0))^2+(VLOOKUP($A91,városok!$A$2:$C$346,3,0)-VLOOKUP(BF$1,városok!$A$2:$C$346,3,0))^2)/1000,0)</f>
        <v>240</v>
      </c>
      <c r="BG91">
        <f ca="1">ROUND(SQRT((VLOOKUP($A91,városok!$A$2:$C$346,2,0)-VLOOKUP(BG$1,városok!$A$2:$C$346,2,0))^2+(VLOOKUP($A91,városok!$A$2:$C$346,3,0)-VLOOKUP(BG$1,városok!$A$2:$C$346,3,0))^2)/1000,0)</f>
        <v>208</v>
      </c>
      <c r="BH91">
        <f ca="1">ROUND(SQRT((VLOOKUP($A91,városok!$A$2:$C$346,2,0)-VLOOKUP(BH$1,városok!$A$2:$C$346,2,0))^2+(VLOOKUP($A91,városok!$A$2:$C$346,3,0)-VLOOKUP(BH$1,városok!$A$2:$C$346,3,0))^2)/1000,0)</f>
        <v>208</v>
      </c>
      <c r="BI91">
        <f ca="1">ROUND(SQRT((VLOOKUP($A91,városok!$A$2:$C$346,2,0)-VLOOKUP(BI$1,városok!$A$2:$C$346,2,0))^2+(VLOOKUP($A91,városok!$A$2:$C$346,3,0)-VLOOKUP(BI$1,városok!$A$2:$C$346,3,0))^2)/1000,0)</f>
        <v>131</v>
      </c>
      <c r="BJ91">
        <f ca="1">ROUND(SQRT((VLOOKUP($A91,városok!$A$2:$C$346,2,0)-VLOOKUP(BJ$1,városok!$A$2:$C$346,2,0))^2+(VLOOKUP($A91,városok!$A$2:$C$346,3,0)-VLOOKUP(BJ$1,városok!$A$2:$C$346,3,0))^2)/1000,0)</f>
        <v>144</v>
      </c>
      <c r="BK91">
        <f ca="1">ROUND(SQRT((VLOOKUP($A91,városok!$A$2:$C$346,2,0)-VLOOKUP(BK$1,városok!$A$2:$C$346,2,0))^2+(VLOOKUP($A91,városok!$A$2:$C$346,3,0)-VLOOKUP(BK$1,városok!$A$2:$C$346,3,0))^2)/1000,0)</f>
        <v>125</v>
      </c>
      <c r="BL91">
        <f ca="1">ROUND(SQRT((VLOOKUP($A91,városok!$A$2:$C$346,2,0)-VLOOKUP(BL$1,városok!$A$2:$C$346,2,0))^2+(VLOOKUP($A91,városok!$A$2:$C$346,3,0)-VLOOKUP(BL$1,városok!$A$2:$C$346,3,0))^2)/1000,0)</f>
        <v>292</v>
      </c>
      <c r="BM91">
        <f ca="1">ROUND(SQRT((VLOOKUP($A91,városok!$A$2:$C$346,2,0)-VLOOKUP(BM$1,városok!$A$2:$C$346,2,0))^2+(VLOOKUP($A91,városok!$A$2:$C$346,3,0)-VLOOKUP(BM$1,városok!$A$2:$C$346,3,0))^2)/1000,0)</f>
        <v>275</v>
      </c>
      <c r="BN91">
        <f ca="1">ROUND(SQRT((VLOOKUP($A91,városok!$A$2:$C$346,2,0)-VLOOKUP(BN$1,városok!$A$2:$C$346,2,0))^2+(VLOOKUP($A91,városok!$A$2:$C$346,3,0)-VLOOKUP(BN$1,városok!$A$2:$C$346,3,0))^2)/1000,0)</f>
        <v>296</v>
      </c>
      <c r="BO91">
        <f ca="1">ROUND(SQRT((VLOOKUP($A91,városok!$A$2:$C$346,2,0)-VLOOKUP(BO$1,városok!$A$2:$C$346,2,0))^2+(VLOOKUP($A91,városok!$A$2:$C$346,3,0)-VLOOKUP(BO$1,városok!$A$2:$C$346,3,0))^2)/1000,0)</f>
        <v>189</v>
      </c>
      <c r="BP91">
        <f ca="1">ROUND(SQRT((VLOOKUP($A91,városok!$A$2:$C$346,2,0)-VLOOKUP(BP$1,városok!$A$2:$C$346,2,0))^2+(VLOOKUP($A91,városok!$A$2:$C$346,3,0)-VLOOKUP(BP$1,városok!$A$2:$C$346,3,0))^2)/1000,0)</f>
        <v>182</v>
      </c>
      <c r="BQ91">
        <f ca="1">ROUND(SQRT((VLOOKUP($A91,városok!$A$2:$C$346,2,0)-VLOOKUP(BQ$1,városok!$A$2:$C$346,2,0))^2+(VLOOKUP($A91,városok!$A$2:$C$346,3,0)-VLOOKUP(BQ$1,városok!$A$2:$C$346,3,0))^2)/1000,0)</f>
        <v>199</v>
      </c>
      <c r="BR91">
        <f ca="1">ROUND(SQRT((VLOOKUP($A91,városok!$A$2:$C$346,2,0)-VLOOKUP(BR$1,városok!$A$2:$C$346,2,0))^2+(VLOOKUP($A91,városok!$A$2:$C$346,3,0)-VLOOKUP(BR$1,városok!$A$2:$C$346,3,0))^2)/1000,0)</f>
        <v>238</v>
      </c>
      <c r="BS91">
        <f ca="1">ROUND(SQRT((VLOOKUP($A91,városok!$A$2:$C$346,2,0)-VLOOKUP(BS$1,városok!$A$2:$C$346,2,0))^2+(VLOOKUP($A91,városok!$A$2:$C$346,3,0)-VLOOKUP(BS$1,városok!$A$2:$C$346,3,0))^2)/1000,0)</f>
        <v>256</v>
      </c>
      <c r="BT91">
        <f ca="1">ROUND(SQRT((VLOOKUP($A91,városok!$A$2:$C$346,2,0)-VLOOKUP(BT$1,városok!$A$2:$C$346,2,0))^2+(VLOOKUP($A91,városok!$A$2:$C$346,3,0)-VLOOKUP(BT$1,városok!$A$2:$C$346,3,0))^2)/1000,0)</f>
        <v>271</v>
      </c>
    </row>
    <row r="92" spans="1:72" x14ac:dyDescent="0.2">
      <c r="A92" t="str">
        <f>városok!A92</f>
        <v>Kistelek</v>
      </c>
      <c r="B92">
        <f ca="1">ROUND(SQRT((VLOOKUP($A92,városok!$A$2:$C$346,2,0)-VLOOKUP(B$1,városok!$A$2:$C$346,2,0))^2+(VLOOKUP($A92,városok!$A$2:$C$346,3,0)-VLOOKUP(B$1,városok!$A$2:$C$346,3,0))^2)/1000,0)</f>
        <v>84</v>
      </c>
      <c r="C92">
        <f ca="1">ROUND(SQRT((VLOOKUP($A92,városok!$A$2:$C$346,2,0)-VLOOKUP(C$1,városok!$A$2:$C$346,2,0))^2+(VLOOKUP($A92,városok!$A$2:$C$346,3,0)-VLOOKUP(C$1,városok!$A$2:$C$346,3,0))^2)/1000,0)</f>
        <v>77</v>
      </c>
      <c r="D92">
        <f ca="1">ROUND(SQRT((VLOOKUP($A92,városok!$A$2:$C$346,2,0)-VLOOKUP(D$1,városok!$A$2:$C$346,2,0))^2+(VLOOKUP($A92,városok!$A$2:$C$346,3,0)-VLOOKUP(D$1,városok!$A$2:$C$346,3,0))^2)/1000,0)</f>
        <v>54</v>
      </c>
      <c r="E92">
        <f ca="1">ROUND(SQRT((VLOOKUP($A92,városok!$A$2:$C$346,2,0)-VLOOKUP(E$1,városok!$A$2:$C$346,2,0))^2+(VLOOKUP($A92,városok!$A$2:$C$346,3,0)-VLOOKUP(E$1,városok!$A$2:$C$346,3,0))^2)/1000,0)</f>
        <v>136</v>
      </c>
      <c r="F92">
        <f ca="1">ROUND(SQRT((VLOOKUP($A92,városok!$A$2:$C$346,2,0)-VLOOKUP(F$1,városok!$A$2:$C$346,2,0))^2+(VLOOKUP($A92,városok!$A$2:$C$346,3,0)-VLOOKUP(F$1,városok!$A$2:$C$346,3,0))^2)/1000,0)</f>
        <v>113</v>
      </c>
      <c r="G92">
        <f ca="1">ROUND(SQRT((VLOOKUP($A92,városok!$A$2:$C$346,2,0)-VLOOKUP(G$1,városok!$A$2:$C$346,2,0))^2+(VLOOKUP($A92,városok!$A$2:$C$346,3,0)-VLOOKUP(G$1,városok!$A$2:$C$346,3,0))^2)/1000,0)</f>
        <v>140</v>
      </c>
      <c r="H92">
        <f ca="1">ROUND(SQRT((VLOOKUP($A92,városok!$A$2:$C$346,2,0)-VLOOKUP(H$1,városok!$A$2:$C$346,2,0))^2+(VLOOKUP($A92,városok!$A$2:$C$346,3,0)-VLOOKUP(H$1,városok!$A$2:$C$346,3,0))^2)/1000,0)</f>
        <v>174</v>
      </c>
      <c r="I92">
        <f ca="1">ROUND(SQRT((VLOOKUP($A92,városok!$A$2:$C$346,2,0)-VLOOKUP(I$1,városok!$A$2:$C$346,2,0))^2+(VLOOKUP($A92,városok!$A$2:$C$346,3,0)-VLOOKUP(I$1,városok!$A$2:$C$346,3,0))^2)/1000,0)</f>
        <v>88</v>
      </c>
      <c r="J92">
        <f ca="1">ROUND(SQRT((VLOOKUP($A92,városok!$A$2:$C$346,2,0)-VLOOKUP(J$1,városok!$A$2:$C$346,2,0))^2+(VLOOKUP($A92,városok!$A$2:$C$346,3,0)-VLOOKUP(J$1,városok!$A$2:$C$346,3,0))^2)/1000,0)</f>
        <v>101</v>
      </c>
      <c r="K92">
        <f ca="1">ROUND(SQRT((VLOOKUP($A92,városok!$A$2:$C$346,2,0)-VLOOKUP(K$1,városok!$A$2:$C$346,2,0))^2+(VLOOKUP($A92,városok!$A$2:$C$346,3,0)-VLOOKUP(K$1,városok!$A$2:$C$346,3,0))^2)/1000,0)</f>
        <v>54</v>
      </c>
      <c r="L92">
        <f ca="1">ROUND(SQRT((VLOOKUP($A92,városok!$A$2:$C$346,2,0)-VLOOKUP(L$1,városok!$A$2:$C$346,2,0))^2+(VLOOKUP($A92,városok!$A$2:$C$346,3,0)-VLOOKUP(L$1,városok!$A$2:$C$346,3,0))^2)/1000,0)</f>
        <v>205</v>
      </c>
      <c r="M92">
        <f ca="1">ROUND(SQRT((VLOOKUP($A92,városok!$A$2:$C$346,2,0)-VLOOKUP(M$1,városok!$A$2:$C$346,2,0))^2+(VLOOKUP($A92,városok!$A$2:$C$346,3,0)-VLOOKUP(M$1,városok!$A$2:$C$346,3,0))^2)/1000,0)</f>
        <v>192</v>
      </c>
      <c r="N92">
        <f ca="1">ROUND(SQRT((VLOOKUP($A92,városok!$A$2:$C$346,2,0)-VLOOKUP(N$1,városok!$A$2:$C$346,2,0))^2+(VLOOKUP($A92,városok!$A$2:$C$346,3,0)-VLOOKUP(N$1,városok!$A$2:$C$346,3,0))^2)/1000,0)</f>
        <v>197</v>
      </c>
      <c r="O92">
        <f ca="1">ROUND(SQRT((VLOOKUP($A92,városok!$A$2:$C$346,2,0)-VLOOKUP(O$1,városok!$A$2:$C$346,2,0))^2+(VLOOKUP($A92,városok!$A$2:$C$346,3,0)-VLOOKUP(O$1,városok!$A$2:$C$346,3,0))^2)/1000,0)</f>
        <v>249</v>
      </c>
      <c r="P92">
        <f ca="1">ROUND(SQRT((VLOOKUP($A92,városok!$A$2:$C$346,2,0)-VLOOKUP(P$1,városok!$A$2:$C$346,2,0))^2+(VLOOKUP($A92,városok!$A$2:$C$346,3,0)-VLOOKUP(P$1,városok!$A$2:$C$346,3,0))^2)/1000,0)</f>
        <v>249</v>
      </c>
      <c r="Q92">
        <f ca="1">ROUND(SQRT((VLOOKUP($A92,városok!$A$2:$C$346,2,0)-VLOOKUP(Q$1,városok!$A$2:$C$346,2,0))^2+(VLOOKUP($A92,városok!$A$2:$C$346,3,0)-VLOOKUP(Q$1,városok!$A$2:$C$346,3,0))^2)/1000,0)</f>
        <v>27</v>
      </c>
      <c r="R92">
        <f ca="1">ROUND(SQRT((VLOOKUP($A92,városok!$A$2:$C$346,2,0)-VLOOKUP(R$1,városok!$A$2:$C$346,2,0))^2+(VLOOKUP($A92,városok!$A$2:$C$346,3,0)-VLOOKUP(R$1,városok!$A$2:$C$346,3,0))^2)/1000,0)</f>
        <v>47</v>
      </c>
      <c r="S92">
        <f ca="1">ROUND(SQRT((VLOOKUP($A92,városok!$A$2:$C$346,2,0)-VLOOKUP(S$1,városok!$A$2:$C$346,2,0))^2+(VLOOKUP($A92,városok!$A$2:$C$346,3,0)-VLOOKUP(S$1,városok!$A$2:$C$346,3,0))^2)/1000,0)</f>
        <v>28</v>
      </c>
      <c r="T92">
        <f ca="1">ROUND(SQRT((VLOOKUP($A92,városok!$A$2:$C$346,2,0)-VLOOKUP(T$1,városok!$A$2:$C$346,2,0))^2+(VLOOKUP($A92,városok!$A$2:$C$346,3,0)-VLOOKUP(T$1,városok!$A$2:$C$346,3,0))^2)/1000,0)</f>
        <v>153</v>
      </c>
      <c r="U92">
        <f ca="1">ROUND(SQRT((VLOOKUP($A92,városok!$A$2:$C$346,2,0)-VLOOKUP(U$1,városok!$A$2:$C$346,2,0))^2+(VLOOKUP($A92,városok!$A$2:$C$346,3,0)-VLOOKUP(U$1,városok!$A$2:$C$346,3,0))^2)/1000,0)</f>
        <v>97</v>
      </c>
      <c r="V92">
        <f ca="1">ROUND(SQRT((VLOOKUP($A92,városok!$A$2:$C$346,2,0)-VLOOKUP(V$1,városok!$A$2:$C$346,2,0))^2+(VLOOKUP($A92,városok!$A$2:$C$346,3,0)-VLOOKUP(V$1,városok!$A$2:$C$346,3,0))^2)/1000,0)</f>
        <v>144</v>
      </c>
      <c r="W92">
        <f ca="1">ROUND(SQRT((VLOOKUP($A92,városok!$A$2:$C$346,2,0)-VLOOKUP(W$1,városok!$A$2:$C$346,2,0))^2+(VLOOKUP($A92,városok!$A$2:$C$346,3,0)-VLOOKUP(W$1,városok!$A$2:$C$346,3,0))^2)/1000,0)</f>
        <v>114</v>
      </c>
      <c r="X92">
        <f ca="1">ROUND(SQRT((VLOOKUP($A92,városok!$A$2:$C$346,2,0)-VLOOKUP(X$1,városok!$A$2:$C$346,2,0))^2+(VLOOKUP($A92,városok!$A$2:$C$346,3,0)-VLOOKUP(X$1,városok!$A$2:$C$346,3,0))^2)/1000,0)</f>
        <v>156</v>
      </c>
      <c r="Y92">
        <f ca="1">ROUND(SQRT((VLOOKUP($A92,városok!$A$2:$C$346,2,0)-VLOOKUP(Y$1,városok!$A$2:$C$346,2,0))^2+(VLOOKUP($A92,városok!$A$2:$C$346,3,0)-VLOOKUP(Y$1,városok!$A$2:$C$346,3,0))^2)/1000,0)</f>
        <v>224</v>
      </c>
      <c r="Z92">
        <f ca="1">ROUND(SQRT((VLOOKUP($A92,városok!$A$2:$C$346,2,0)-VLOOKUP(Z$1,városok!$A$2:$C$346,2,0))^2+(VLOOKUP($A92,városok!$A$2:$C$346,3,0)-VLOOKUP(Z$1,városok!$A$2:$C$346,3,0))^2)/1000,0)</f>
        <v>242</v>
      </c>
      <c r="AA92">
        <f ca="1">ROUND(SQRT((VLOOKUP($A92,városok!$A$2:$C$346,2,0)-VLOOKUP(AA$1,városok!$A$2:$C$346,2,0))^2+(VLOOKUP($A92,városok!$A$2:$C$346,3,0)-VLOOKUP(AA$1,városok!$A$2:$C$346,3,0))^2)/1000,0)</f>
        <v>291</v>
      </c>
      <c r="AB92">
        <f ca="1">ROUND(SQRT((VLOOKUP($A92,városok!$A$2:$C$346,2,0)-VLOOKUP(AB$1,városok!$A$2:$C$346,2,0))^2+(VLOOKUP($A92,városok!$A$2:$C$346,3,0)-VLOOKUP(AB$1,városok!$A$2:$C$346,3,0))^2)/1000,0)</f>
        <v>172</v>
      </c>
      <c r="AC92">
        <f ca="1">ROUND(SQRT((VLOOKUP($A92,városok!$A$2:$C$346,2,0)-VLOOKUP(AC$1,városok!$A$2:$C$346,2,0))^2+(VLOOKUP($A92,városok!$A$2:$C$346,3,0)-VLOOKUP(AC$1,városok!$A$2:$C$346,3,0))^2)/1000,0)</f>
        <v>153</v>
      </c>
      <c r="AD92">
        <f ca="1">ROUND(SQRT((VLOOKUP($A92,városok!$A$2:$C$346,2,0)-VLOOKUP(AD$1,városok!$A$2:$C$346,2,0))^2+(VLOOKUP($A92,városok!$A$2:$C$346,3,0)-VLOOKUP(AD$1,városok!$A$2:$C$346,3,0))^2)/1000,0)</f>
        <v>140</v>
      </c>
      <c r="AE92">
        <f ca="1">ROUND(SQRT((VLOOKUP($A92,városok!$A$2:$C$346,2,0)-VLOOKUP(AE$1,városok!$A$2:$C$346,2,0))^2+(VLOOKUP($A92,városok!$A$2:$C$346,3,0)-VLOOKUP(AE$1,városok!$A$2:$C$346,3,0))^2)/1000,0)</f>
        <v>128</v>
      </c>
      <c r="AF92">
        <f ca="1">ROUND(SQRT((VLOOKUP($A92,városok!$A$2:$C$346,2,0)-VLOOKUP(AF$1,városok!$A$2:$C$346,2,0))^2+(VLOOKUP($A92,városok!$A$2:$C$346,3,0)-VLOOKUP(AF$1,városok!$A$2:$C$346,3,0))^2)/1000,0)</f>
        <v>162</v>
      </c>
      <c r="AG92">
        <f ca="1">ROUND(SQRT((VLOOKUP($A92,városok!$A$2:$C$346,2,0)-VLOOKUP(AG$1,városok!$A$2:$C$346,2,0))^2+(VLOOKUP($A92,városok!$A$2:$C$346,3,0)-VLOOKUP(AG$1,városok!$A$2:$C$346,3,0))^2)/1000,0)</f>
        <v>146</v>
      </c>
      <c r="AH92">
        <f ca="1">ROUND(SQRT((VLOOKUP($A92,városok!$A$2:$C$346,2,0)-VLOOKUP(AH$1,városok!$A$2:$C$346,2,0))^2+(VLOOKUP($A92,városok!$A$2:$C$346,3,0)-VLOOKUP(AH$1,városok!$A$2:$C$346,3,0))^2)/1000,0)</f>
        <v>135</v>
      </c>
      <c r="AI92">
        <f ca="1">ROUND(SQRT((VLOOKUP($A92,városok!$A$2:$C$346,2,0)-VLOOKUP(AI$1,városok!$A$2:$C$346,2,0))^2+(VLOOKUP($A92,városok!$A$2:$C$346,3,0)-VLOOKUP(AI$1,városok!$A$2:$C$346,3,0))^2)/1000,0)</f>
        <v>173</v>
      </c>
      <c r="AJ92">
        <f ca="1">ROUND(SQRT((VLOOKUP($A92,városok!$A$2:$C$346,2,0)-VLOOKUP(AJ$1,városok!$A$2:$C$346,2,0))^2+(VLOOKUP($A92,városok!$A$2:$C$346,3,0)-VLOOKUP(AJ$1,városok!$A$2:$C$346,3,0))^2)/1000,0)</f>
        <v>131</v>
      </c>
      <c r="AK92">
        <f ca="1">ROUND(SQRT((VLOOKUP($A92,városok!$A$2:$C$346,2,0)-VLOOKUP(AK$1,városok!$A$2:$C$346,2,0))^2+(VLOOKUP($A92,városok!$A$2:$C$346,3,0)-VLOOKUP(AK$1,városok!$A$2:$C$346,3,0))^2)/1000,0)</f>
        <v>118</v>
      </c>
      <c r="AL92">
        <f ca="1">ROUND(SQRT((VLOOKUP($A92,városok!$A$2:$C$346,2,0)-VLOOKUP(AL$1,városok!$A$2:$C$346,2,0))^2+(VLOOKUP($A92,városok!$A$2:$C$346,3,0)-VLOOKUP(AL$1,városok!$A$2:$C$346,3,0))^2)/1000,0)</f>
        <v>112</v>
      </c>
      <c r="AM92">
        <f ca="1">ROUND(SQRT((VLOOKUP($A92,városok!$A$2:$C$346,2,0)-VLOOKUP(AM$1,városok!$A$2:$C$346,2,0))^2+(VLOOKUP($A92,városok!$A$2:$C$346,3,0)-VLOOKUP(AM$1,városok!$A$2:$C$346,3,0))^2)/1000,0)</f>
        <v>81</v>
      </c>
      <c r="AN92">
        <f ca="1">ROUND(SQRT((VLOOKUP($A92,városok!$A$2:$C$346,2,0)-VLOOKUP(AN$1,városok!$A$2:$C$346,2,0))^2+(VLOOKUP($A92,városok!$A$2:$C$346,3,0)-VLOOKUP(AN$1,városok!$A$2:$C$346,3,0))^2)/1000,0)</f>
        <v>174</v>
      </c>
      <c r="AO92">
        <f ca="1">ROUND(SQRT((VLOOKUP($A92,városok!$A$2:$C$346,2,0)-VLOOKUP(AO$1,városok!$A$2:$C$346,2,0))^2+(VLOOKUP($A92,városok!$A$2:$C$346,3,0)-VLOOKUP(AO$1,városok!$A$2:$C$346,3,0))^2)/1000,0)</f>
        <v>200</v>
      </c>
      <c r="AP92">
        <f ca="1">ROUND(SQRT((VLOOKUP($A92,városok!$A$2:$C$346,2,0)-VLOOKUP(AP$1,városok!$A$2:$C$346,2,0))^2+(VLOOKUP($A92,városok!$A$2:$C$346,3,0)-VLOOKUP(AP$1,városok!$A$2:$C$346,3,0))^2)/1000,0)</f>
        <v>181</v>
      </c>
      <c r="AQ92">
        <f ca="1">ROUND(SQRT((VLOOKUP($A92,városok!$A$2:$C$346,2,0)-VLOOKUP(AQ$1,városok!$A$2:$C$346,2,0))^2+(VLOOKUP($A92,városok!$A$2:$C$346,3,0)-VLOOKUP(AQ$1,városok!$A$2:$C$346,3,0))^2)/1000,0)</f>
        <v>171</v>
      </c>
      <c r="AR92">
        <f ca="1">ROUND(SQRT((VLOOKUP($A92,városok!$A$2:$C$346,2,0)-VLOOKUP(AR$1,városok!$A$2:$C$346,2,0))^2+(VLOOKUP($A92,városok!$A$2:$C$346,3,0)-VLOOKUP(AR$1,városok!$A$2:$C$346,3,0))^2)/1000,0)</f>
        <v>163</v>
      </c>
      <c r="AS92">
        <f ca="1">ROUND(SQRT((VLOOKUP($A92,városok!$A$2:$C$346,2,0)-VLOOKUP(AS$1,városok!$A$2:$C$346,2,0))^2+(VLOOKUP($A92,városok!$A$2:$C$346,3,0)-VLOOKUP(AS$1,városok!$A$2:$C$346,3,0))^2)/1000,0)</f>
        <v>183</v>
      </c>
      <c r="AT92">
        <f ca="1">ROUND(SQRT((VLOOKUP($A92,városok!$A$2:$C$346,2,0)-VLOOKUP(AT$1,városok!$A$2:$C$346,2,0))^2+(VLOOKUP($A92,városok!$A$2:$C$346,3,0)-VLOOKUP(AT$1,városok!$A$2:$C$346,3,0))^2)/1000,0)</f>
        <v>142</v>
      </c>
      <c r="AU92">
        <f ca="1">ROUND(SQRT((VLOOKUP($A92,városok!$A$2:$C$346,2,0)-VLOOKUP(AU$1,városok!$A$2:$C$346,2,0))^2+(VLOOKUP($A92,városok!$A$2:$C$346,3,0)-VLOOKUP(AU$1,városok!$A$2:$C$346,3,0))^2)/1000,0)</f>
        <v>135</v>
      </c>
      <c r="AV92">
        <f ca="1">ROUND(SQRT((VLOOKUP($A92,városok!$A$2:$C$346,2,0)-VLOOKUP(AV$1,városok!$A$2:$C$346,2,0))^2+(VLOOKUP($A92,városok!$A$2:$C$346,3,0)-VLOOKUP(AV$1,városok!$A$2:$C$346,3,0))^2)/1000,0)</f>
        <v>131</v>
      </c>
      <c r="AW92">
        <f ca="1">ROUND(SQRT((VLOOKUP($A92,városok!$A$2:$C$346,2,0)-VLOOKUP(AW$1,városok!$A$2:$C$346,2,0))^2+(VLOOKUP($A92,városok!$A$2:$C$346,3,0)-VLOOKUP(AW$1,városok!$A$2:$C$346,3,0))^2)/1000,0)</f>
        <v>131</v>
      </c>
      <c r="AX92">
        <f ca="1">ROUND(SQRT((VLOOKUP($A92,városok!$A$2:$C$346,2,0)-VLOOKUP(AX$1,városok!$A$2:$C$346,2,0))^2+(VLOOKUP($A92,városok!$A$2:$C$346,3,0)-VLOOKUP(AX$1,városok!$A$2:$C$346,3,0))^2)/1000,0)</f>
        <v>64</v>
      </c>
      <c r="AY92">
        <f ca="1">ROUND(SQRT((VLOOKUP($A92,városok!$A$2:$C$346,2,0)-VLOOKUP(AY$1,városok!$A$2:$C$346,2,0))^2+(VLOOKUP($A92,városok!$A$2:$C$346,3,0)-VLOOKUP(AY$1,városok!$A$2:$C$346,3,0))^2)/1000,0)</f>
        <v>152</v>
      </c>
      <c r="AZ92">
        <f ca="1">ROUND(SQRT((VLOOKUP($A92,városok!$A$2:$C$346,2,0)-VLOOKUP(AZ$1,városok!$A$2:$C$346,2,0))^2+(VLOOKUP($A92,városok!$A$2:$C$346,3,0)-VLOOKUP(AZ$1,városok!$A$2:$C$346,3,0))^2)/1000,0)</f>
        <v>165</v>
      </c>
      <c r="BA92">
        <f ca="1">ROUND(SQRT((VLOOKUP($A92,városok!$A$2:$C$346,2,0)-VLOOKUP(BA$1,városok!$A$2:$C$346,2,0))^2+(VLOOKUP($A92,városok!$A$2:$C$346,3,0)-VLOOKUP(BA$1,városok!$A$2:$C$346,3,0))^2)/1000,0)</f>
        <v>178</v>
      </c>
      <c r="BB92">
        <f ca="1">ROUND(SQRT((VLOOKUP($A92,városok!$A$2:$C$346,2,0)-VLOOKUP(BB$1,városok!$A$2:$C$346,2,0))^2+(VLOOKUP($A92,városok!$A$2:$C$346,3,0)-VLOOKUP(BB$1,városok!$A$2:$C$346,3,0))^2)/1000,0)</f>
        <v>156</v>
      </c>
      <c r="BC92">
        <f ca="1">ROUND(SQRT((VLOOKUP($A92,városok!$A$2:$C$346,2,0)-VLOOKUP(BC$1,városok!$A$2:$C$346,2,0))^2+(VLOOKUP($A92,városok!$A$2:$C$346,3,0)-VLOOKUP(BC$1,városok!$A$2:$C$346,3,0))^2)/1000,0)</f>
        <v>168</v>
      </c>
      <c r="BD92">
        <f ca="1">ROUND(SQRT((VLOOKUP($A92,városok!$A$2:$C$346,2,0)-VLOOKUP(BD$1,városok!$A$2:$C$346,2,0))^2+(VLOOKUP($A92,városok!$A$2:$C$346,3,0)-VLOOKUP(BD$1,városok!$A$2:$C$346,3,0))^2)/1000,0)</f>
        <v>154</v>
      </c>
      <c r="BE92">
        <f ca="1">ROUND(SQRT((VLOOKUP($A92,városok!$A$2:$C$346,2,0)-VLOOKUP(BE$1,városok!$A$2:$C$346,2,0))^2+(VLOOKUP($A92,városok!$A$2:$C$346,3,0)-VLOOKUP(BE$1,városok!$A$2:$C$346,3,0))^2)/1000,0)</f>
        <v>255</v>
      </c>
      <c r="BF92">
        <f ca="1">ROUND(SQRT((VLOOKUP($A92,városok!$A$2:$C$346,2,0)-VLOOKUP(BF$1,városok!$A$2:$C$346,2,0))^2+(VLOOKUP($A92,városok!$A$2:$C$346,3,0)-VLOOKUP(BF$1,városok!$A$2:$C$346,3,0))^2)/1000,0)</f>
        <v>251</v>
      </c>
      <c r="BG92">
        <f ca="1">ROUND(SQRT((VLOOKUP($A92,városok!$A$2:$C$346,2,0)-VLOOKUP(BG$1,városok!$A$2:$C$346,2,0))^2+(VLOOKUP($A92,városok!$A$2:$C$346,3,0)-VLOOKUP(BG$1,városok!$A$2:$C$346,3,0))^2)/1000,0)</f>
        <v>216</v>
      </c>
      <c r="BH92">
        <f ca="1">ROUND(SQRT((VLOOKUP($A92,városok!$A$2:$C$346,2,0)-VLOOKUP(BH$1,városok!$A$2:$C$346,2,0))^2+(VLOOKUP($A92,városok!$A$2:$C$346,3,0)-VLOOKUP(BH$1,városok!$A$2:$C$346,3,0))^2)/1000,0)</f>
        <v>216</v>
      </c>
      <c r="BI92">
        <f ca="1">ROUND(SQRT((VLOOKUP($A92,városok!$A$2:$C$346,2,0)-VLOOKUP(BI$1,városok!$A$2:$C$346,2,0))^2+(VLOOKUP($A92,városok!$A$2:$C$346,3,0)-VLOOKUP(BI$1,városok!$A$2:$C$346,3,0))^2)/1000,0)</f>
        <v>104</v>
      </c>
      <c r="BJ92">
        <f ca="1">ROUND(SQRT((VLOOKUP($A92,városok!$A$2:$C$346,2,0)-VLOOKUP(BJ$1,városok!$A$2:$C$346,2,0))^2+(VLOOKUP($A92,városok!$A$2:$C$346,3,0)-VLOOKUP(BJ$1,városok!$A$2:$C$346,3,0))^2)/1000,0)</f>
        <v>119</v>
      </c>
      <c r="BK92">
        <f ca="1">ROUND(SQRT((VLOOKUP($A92,városok!$A$2:$C$346,2,0)-VLOOKUP(BK$1,városok!$A$2:$C$346,2,0))^2+(VLOOKUP($A92,városok!$A$2:$C$346,3,0)-VLOOKUP(BK$1,városok!$A$2:$C$346,3,0))^2)/1000,0)</f>
        <v>99</v>
      </c>
      <c r="BL92">
        <f ca="1">ROUND(SQRT((VLOOKUP($A92,városok!$A$2:$C$346,2,0)-VLOOKUP(BL$1,városok!$A$2:$C$346,2,0))^2+(VLOOKUP($A92,városok!$A$2:$C$346,3,0)-VLOOKUP(BL$1,városok!$A$2:$C$346,3,0))^2)/1000,0)</f>
        <v>265</v>
      </c>
      <c r="BM92">
        <f ca="1">ROUND(SQRT((VLOOKUP($A92,városok!$A$2:$C$346,2,0)-VLOOKUP(BM$1,városok!$A$2:$C$346,2,0))^2+(VLOOKUP($A92,városok!$A$2:$C$346,3,0)-VLOOKUP(BM$1,városok!$A$2:$C$346,3,0))^2)/1000,0)</f>
        <v>248</v>
      </c>
      <c r="BN92">
        <f ca="1">ROUND(SQRT((VLOOKUP($A92,városok!$A$2:$C$346,2,0)-VLOOKUP(BN$1,városok!$A$2:$C$346,2,0))^2+(VLOOKUP($A92,városok!$A$2:$C$346,3,0)-VLOOKUP(BN$1,városok!$A$2:$C$346,3,0))^2)/1000,0)</f>
        <v>270</v>
      </c>
      <c r="BO92">
        <f ca="1">ROUND(SQRT((VLOOKUP($A92,városok!$A$2:$C$346,2,0)-VLOOKUP(BO$1,városok!$A$2:$C$346,2,0))^2+(VLOOKUP($A92,városok!$A$2:$C$346,3,0)-VLOOKUP(BO$1,városok!$A$2:$C$346,3,0))^2)/1000,0)</f>
        <v>163</v>
      </c>
      <c r="BP92">
        <f ca="1">ROUND(SQRT((VLOOKUP($A92,városok!$A$2:$C$346,2,0)-VLOOKUP(BP$1,városok!$A$2:$C$346,2,0))^2+(VLOOKUP($A92,városok!$A$2:$C$346,3,0)-VLOOKUP(BP$1,városok!$A$2:$C$346,3,0))^2)/1000,0)</f>
        <v>156</v>
      </c>
      <c r="BQ92">
        <f ca="1">ROUND(SQRT((VLOOKUP($A92,városok!$A$2:$C$346,2,0)-VLOOKUP(BQ$1,városok!$A$2:$C$346,2,0))^2+(VLOOKUP($A92,városok!$A$2:$C$346,3,0)-VLOOKUP(BQ$1,városok!$A$2:$C$346,3,0))^2)/1000,0)</f>
        <v>172</v>
      </c>
      <c r="BR92">
        <f ca="1">ROUND(SQRT((VLOOKUP($A92,városok!$A$2:$C$346,2,0)-VLOOKUP(BR$1,városok!$A$2:$C$346,2,0))^2+(VLOOKUP($A92,városok!$A$2:$C$346,3,0)-VLOOKUP(BR$1,városok!$A$2:$C$346,3,0))^2)/1000,0)</f>
        <v>211</v>
      </c>
      <c r="BS92">
        <f ca="1">ROUND(SQRT((VLOOKUP($A92,városok!$A$2:$C$346,2,0)-VLOOKUP(BS$1,városok!$A$2:$C$346,2,0))^2+(VLOOKUP($A92,városok!$A$2:$C$346,3,0)-VLOOKUP(BS$1,városok!$A$2:$C$346,3,0))^2)/1000,0)</f>
        <v>229</v>
      </c>
      <c r="BT92">
        <f ca="1">ROUND(SQRT((VLOOKUP($A92,városok!$A$2:$C$346,2,0)-VLOOKUP(BT$1,városok!$A$2:$C$346,2,0))^2+(VLOOKUP($A92,városok!$A$2:$C$346,3,0)-VLOOKUP(BT$1,városok!$A$2:$C$346,3,0))^2)/1000,0)</f>
        <v>243</v>
      </c>
    </row>
    <row r="93" spans="1:72" x14ac:dyDescent="0.2">
      <c r="A93" t="str">
        <f>városok!A93</f>
        <v>Makó</v>
      </c>
      <c r="B93">
        <f ca="1">ROUND(SQRT((VLOOKUP($A93,városok!$A$2:$C$346,2,0)-VLOOKUP(B$1,városok!$A$2:$C$346,2,0))^2+(VLOOKUP($A93,városok!$A$2:$C$346,3,0)-VLOOKUP(B$1,városok!$A$2:$C$346,3,0))^2)/1000,0)</f>
        <v>117</v>
      </c>
      <c r="C93">
        <f ca="1">ROUND(SQRT((VLOOKUP($A93,városok!$A$2:$C$346,2,0)-VLOOKUP(C$1,városok!$A$2:$C$346,2,0))^2+(VLOOKUP($A93,városok!$A$2:$C$346,3,0)-VLOOKUP(C$1,városok!$A$2:$C$346,3,0))^2)/1000,0)</f>
        <v>120</v>
      </c>
      <c r="D93">
        <f ca="1">ROUND(SQRT((VLOOKUP($A93,városok!$A$2:$C$346,2,0)-VLOOKUP(D$1,városok!$A$2:$C$346,2,0))^2+(VLOOKUP($A93,városok!$A$2:$C$346,3,0)-VLOOKUP(D$1,városok!$A$2:$C$346,3,0))^2)/1000,0)</f>
        <v>97</v>
      </c>
      <c r="E93">
        <f ca="1">ROUND(SQRT((VLOOKUP($A93,városok!$A$2:$C$346,2,0)-VLOOKUP(E$1,városok!$A$2:$C$346,2,0))^2+(VLOOKUP($A93,városok!$A$2:$C$346,3,0)-VLOOKUP(E$1,városok!$A$2:$C$346,3,0))^2)/1000,0)</f>
        <v>171</v>
      </c>
      <c r="F93">
        <f ca="1">ROUND(SQRT((VLOOKUP($A93,városok!$A$2:$C$346,2,0)-VLOOKUP(F$1,városok!$A$2:$C$346,2,0))^2+(VLOOKUP($A93,városok!$A$2:$C$346,3,0)-VLOOKUP(F$1,városok!$A$2:$C$346,3,0))^2)/1000,0)</f>
        <v>141</v>
      </c>
      <c r="G93">
        <f ca="1">ROUND(SQRT((VLOOKUP($A93,városok!$A$2:$C$346,2,0)-VLOOKUP(G$1,városok!$A$2:$C$346,2,0))^2+(VLOOKUP($A93,városok!$A$2:$C$346,3,0)-VLOOKUP(G$1,városok!$A$2:$C$346,3,0))^2)/1000,0)</f>
        <v>173</v>
      </c>
      <c r="H93">
        <f ca="1">ROUND(SQRT((VLOOKUP($A93,városok!$A$2:$C$346,2,0)-VLOOKUP(H$1,városok!$A$2:$C$346,2,0))^2+(VLOOKUP($A93,városok!$A$2:$C$346,3,0)-VLOOKUP(H$1,városok!$A$2:$C$346,3,0))^2)/1000,0)</f>
        <v>208</v>
      </c>
      <c r="I93">
        <f ca="1">ROUND(SQRT((VLOOKUP($A93,városok!$A$2:$C$346,2,0)-VLOOKUP(I$1,városok!$A$2:$C$346,2,0))^2+(VLOOKUP($A93,városok!$A$2:$C$346,3,0)-VLOOKUP(I$1,városok!$A$2:$C$346,3,0))^2)/1000,0)</f>
        <v>69</v>
      </c>
      <c r="J93">
        <f ca="1">ROUND(SQRT((VLOOKUP($A93,városok!$A$2:$C$346,2,0)-VLOOKUP(J$1,városok!$A$2:$C$346,2,0))^2+(VLOOKUP($A93,városok!$A$2:$C$346,3,0)-VLOOKUP(J$1,városok!$A$2:$C$346,3,0))^2)/1000,0)</f>
        <v>78</v>
      </c>
      <c r="K93">
        <f ca="1">ROUND(SQRT((VLOOKUP($A93,városok!$A$2:$C$346,2,0)-VLOOKUP(K$1,városok!$A$2:$C$346,2,0))^2+(VLOOKUP($A93,városok!$A$2:$C$346,3,0)-VLOOKUP(K$1,városok!$A$2:$C$346,3,0))^2)/1000,0)</f>
        <v>41</v>
      </c>
      <c r="L93">
        <f ca="1">ROUND(SQRT((VLOOKUP($A93,városok!$A$2:$C$346,2,0)-VLOOKUP(L$1,városok!$A$2:$C$346,2,0))^2+(VLOOKUP($A93,városok!$A$2:$C$346,3,0)-VLOOKUP(L$1,városok!$A$2:$C$346,3,0))^2)/1000,0)</f>
        <v>227</v>
      </c>
      <c r="M93">
        <f ca="1">ROUND(SQRT((VLOOKUP($A93,városok!$A$2:$C$346,2,0)-VLOOKUP(M$1,városok!$A$2:$C$346,2,0))^2+(VLOOKUP($A93,városok!$A$2:$C$346,3,0)-VLOOKUP(M$1,városok!$A$2:$C$346,3,0))^2)/1000,0)</f>
        <v>211</v>
      </c>
      <c r="N93">
        <f ca="1">ROUND(SQRT((VLOOKUP($A93,városok!$A$2:$C$346,2,0)-VLOOKUP(N$1,városok!$A$2:$C$346,2,0))^2+(VLOOKUP($A93,városok!$A$2:$C$346,3,0)-VLOOKUP(N$1,városok!$A$2:$C$346,3,0))^2)/1000,0)</f>
        <v>223</v>
      </c>
      <c r="O93">
        <f ca="1">ROUND(SQRT((VLOOKUP($A93,városok!$A$2:$C$346,2,0)-VLOOKUP(O$1,városok!$A$2:$C$346,2,0))^2+(VLOOKUP($A93,városok!$A$2:$C$346,3,0)-VLOOKUP(O$1,városok!$A$2:$C$346,3,0))^2)/1000,0)</f>
        <v>258</v>
      </c>
      <c r="P93">
        <f ca="1">ROUND(SQRT((VLOOKUP($A93,városok!$A$2:$C$346,2,0)-VLOOKUP(P$1,városok!$A$2:$C$346,2,0))^2+(VLOOKUP($A93,városok!$A$2:$C$346,3,0)-VLOOKUP(P$1,városok!$A$2:$C$346,3,0))^2)/1000,0)</f>
        <v>258</v>
      </c>
      <c r="Q93">
        <f ca="1">ROUND(SQRT((VLOOKUP($A93,városok!$A$2:$C$346,2,0)-VLOOKUP(Q$1,városok!$A$2:$C$346,2,0))^2+(VLOOKUP($A93,városok!$A$2:$C$346,3,0)-VLOOKUP(Q$1,városok!$A$2:$C$346,3,0))^2)/1000,0)</f>
        <v>25</v>
      </c>
      <c r="R93">
        <f ca="1">ROUND(SQRT((VLOOKUP($A93,városok!$A$2:$C$346,2,0)-VLOOKUP(R$1,városok!$A$2:$C$346,2,0))^2+(VLOOKUP($A93,városok!$A$2:$C$346,3,0)-VLOOKUP(R$1,városok!$A$2:$C$346,3,0))^2)/1000,0)</f>
        <v>0</v>
      </c>
      <c r="S93">
        <f ca="1">ROUND(SQRT((VLOOKUP($A93,városok!$A$2:$C$346,2,0)-VLOOKUP(S$1,városok!$A$2:$C$346,2,0))^2+(VLOOKUP($A93,városok!$A$2:$C$346,3,0)-VLOOKUP(S$1,városok!$A$2:$C$346,3,0))^2)/1000,0)</f>
        <v>25</v>
      </c>
      <c r="T93">
        <f ca="1">ROUND(SQRT((VLOOKUP($A93,városok!$A$2:$C$346,2,0)-VLOOKUP(T$1,városok!$A$2:$C$346,2,0))^2+(VLOOKUP($A93,városok!$A$2:$C$346,3,0)-VLOOKUP(T$1,városok!$A$2:$C$346,3,0))^2)/1000,0)</f>
        <v>199</v>
      </c>
      <c r="U93">
        <f ca="1">ROUND(SQRT((VLOOKUP($A93,városok!$A$2:$C$346,2,0)-VLOOKUP(U$1,városok!$A$2:$C$346,2,0))^2+(VLOOKUP($A93,városok!$A$2:$C$346,3,0)-VLOOKUP(U$1,városok!$A$2:$C$346,3,0))^2)/1000,0)</f>
        <v>144</v>
      </c>
      <c r="V93">
        <f ca="1">ROUND(SQRT((VLOOKUP($A93,városok!$A$2:$C$346,2,0)-VLOOKUP(V$1,városok!$A$2:$C$346,2,0))^2+(VLOOKUP($A93,városok!$A$2:$C$346,3,0)-VLOOKUP(V$1,városok!$A$2:$C$346,3,0))^2)/1000,0)</f>
        <v>191</v>
      </c>
      <c r="W93">
        <f ca="1">ROUND(SQRT((VLOOKUP($A93,városok!$A$2:$C$346,2,0)-VLOOKUP(W$1,városok!$A$2:$C$346,2,0))^2+(VLOOKUP($A93,városok!$A$2:$C$346,3,0)-VLOOKUP(W$1,városok!$A$2:$C$346,3,0))^2)/1000,0)</f>
        <v>160</v>
      </c>
      <c r="X93">
        <f ca="1">ROUND(SQRT((VLOOKUP($A93,városok!$A$2:$C$346,2,0)-VLOOKUP(X$1,városok!$A$2:$C$346,2,0))^2+(VLOOKUP($A93,városok!$A$2:$C$346,3,0)-VLOOKUP(X$1,városok!$A$2:$C$346,3,0))^2)/1000,0)</f>
        <v>203</v>
      </c>
      <c r="Y93">
        <f ca="1">ROUND(SQRT((VLOOKUP($A93,városok!$A$2:$C$346,2,0)-VLOOKUP(Y$1,városok!$A$2:$C$346,2,0))^2+(VLOOKUP($A93,városok!$A$2:$C$346,3,0)-VLOOKUP(Y$1,városok!$A$2:$C$346,3,0))^2)/1000,0)</f>
        <v>271</v>
      </c>
      <c r="Z93">
        <f ca="1">ROUND(SQRT((VLOOKUP($A93,városok!$A$2:$C$346,2,0)-VLOOKUP(Z$1,városok!$A$2:$C$346,2,0))^2+(VLOOKUP($A93,városok!$A$2:$C$346,3,0)-VLOOKUP(Z$1,városok!$A$2:$C$346,3,0))^2)/1000,0)</f>
        <v>289</v>
      </c>
      <c r="AA93">
        <f ca="1">ROUND(SQRT((VLOOKUP($A93,városok!$A$2:$C$346,2,0)-VLOOKUP(AA$1,városok!$A$2:$C$346,2,0))^2+(VLOOKUP($A93,városok!$A$2:$C$346,3,0)-VLOOKUP(AA$1,városok!$A$2:$C$346,3,0))^2)/1000,0)</f>
        <v>338</v>
      </c>
      <c r="AB93">
        <f ca="1">ROUND(SQRT((VLOOKUP($A93,városok!$A$2:$C$346,2,0)-VLOOKUP(AB$1,városok!$A$2:$C$346,2,0))^2+(VLOOKUP($A93,városok!$A$2:$C$346,3,0)-VLOOKUP(AB$1,városok!$A$2:$C$346,3,0))^2)/1000,0)</f>
        <v>170</v>
      </c>
      <c r="AC93">
        <f ca="1">ROUND(SQRT((VLOOKUP($A93,városok!$A$2:$C$346,2,0)-VLOOKUP(AC$1,városok!$A$2:$C$346,2,0))^2+(VLOOKUP($A93,városok!$A$2:$C$346,3,0)-VLOOKUP(AC$1,városok!$A$2:$C$346,3,0))^2)/1000,0)</f>
        <v>153</v>
      </c>
      <c r="AD93">
        <f ca="1">ROUND(SQRT((VLOOKUP($A93,városok!$A$2:$C$346,2,0)-VLOOKUP(AD$1,városok!$A$2:$C$346,2,0))^2+(VLOOKUP($A93,városok!$A$2:$C$346,3,0)-VLOOKUP(AD$1,városok!$A$2:$C$346,3,0))^2)/1000,0)</f>
        <v>144</v>
      </c>
      <c r="AE93">
        <f ca="1">ROUND(SQRT((VLOOKUP($A93,városok!$A$2:$C$346,2,0)-VLOOKUP(AE$1,városok!$A$2:$C$346,2,0))^2+(VLOOKUP($A93,városok!$A$2:$C$346,3,0)-VLOOKUP(AE$1,városok!$A$2:$C$346,3,0))^2)/1000,0)</f>
        <v>130</v>
      </c>
      <c r="AF93">
        <f ca="1">ROUND(SQRT((VLOOKUP($A93,városok!$A$2:$C$346,2,0)-VLOOKUP(AF$1,városok!$A$2:$C$346,2,0))^2+(VLOOKUP($A93,városok!$A$2:$C$346,3,0)-VLOOKUP(AF$1,városok!$A$2:$C$346,3,0))^2)/1000,0)</f>
        <v>187</v>
      </c>
      <c r="AG93">
        <f ca="1">ROUND(SQRT((VLOOKUP($A93,városok!$A$2:$C$346,2,0)-VLOOKUP(AG$1,városok!$A$2:$C$346,2,0))^2+(VLOOKUP($A93,városok!$A$2:$C$346,3,0)-VLOOKUP(AG$1,városok!$A$2:$C$346,3,0))^2)/1000,0)</f>
        <v>179</v>
      </c>
      <c r="AH93">
        <f ca="1">ROUND(SQRT((VLOOKUP($A93,városok!$A$2:$C$346,2,0)-VLOOKUP(AH$1,városok!$A$2:$C$346,2,0))^2+(VLOOKUP($A93,városok!$A$2:$C$346,3,0)-VLOOKUP(AH$1,városok!$A$2:$C$346,3,0))^2)/1000,0)</f>
        <v>172</v>
      </c>
      <c r="AI93">
        <f ca="1">ROUND(SQRT((VLOOKUP($A93,városok!$A$2:$C$346,2,0)-VLOOKUP(AI$1,városok!$A$2:$C$346,2,0))^2+(VLOOKUP($A93,városok!$A$2:$C$346,3,0)-VLOOKUP(AI$1,városok!$A$2:$C$346,3,0))^2)/1000,0)</f>
        <v>202</v>
      </c>
      <c r="AJ93">
        <f ca="1">ROUND(SQRT((VLOOKUP($A93,városok!$A$2:$C$346,2,0)-VLOOKUP(AJ$1,városok!$A$2:$C$346,2,0))^2+(VLOOKUP($A93,városok!$A$2:$C$346,3,0)-VLOOKUP(AJ$1,városok!$A$2:$C$346,3,0))^2)/1000,0)</f>
        <v>163</v>
      </c>
      <c r="AK93">
        <f ca="1">ROUND(SQRT((VLOOKUP($A93,városok!$A$2:$C$346,2,0)-VLOOKUP(AK$1,városok!$A$2:$C$346,2,0))^2+(VLOOKUP($A93,városok!$A$2:$C$346,3,0)-VLOOKUP(AK$1,városok!$A$2:$C$346,3,0))^2)/1000,0)</f>
        <v>124</v>
      </c>
      <c r="AL93">
        <f ca="1">ROUND(SQRT((VLOOKUP($A93,városok!$A$2:$C$346,2,0)-VLOOKUP(AL$1,városok!$A$2:$C$346,2,0))^2+(VLOOKUP($A93,városok!$A$2:$C$346,3,0)-VLOOKUP(AL$1,városok!$A$2:$C$346,3,0))^2)/1000,0)</f>
        <v>128</v>
      </c>
      <c r="AM93">
        <f ca="1">ROUND(SQRT((VLOOKUP($A93,városok!$A$2:$C$346,2,0)-VLOOKUP(AM$1,városok!$A$2:$C$346,2,0))^2+(VLOOKUP($A93,városok!$A$2:$C$346,3,0)-VLOOKUP(AM$1,városok!$A$2:$C$346,3,0))^2)/1000,0)</f>
        <v>109</v>
      </c>
      <c r="AN93">
        <f ca="1">ROUND(SQRT((VLOOKUP($A93,városok!$A$2:$C$346,2,0)-VLOOKUP(AN$1,városok!$A$2:$C$346,2,0))^2+(VLOOKUP($A93,városok!$A$2:$C$346,3,0)-VLOOKUP(AN$1,városok!$A$2:$C$346,3,0))^2)/1000,0)</f>
        <v>219</v>
      </c>
      <c r="AO93">
        <f ca="1">ROUND(SQRT((VLOOKUP($A93,városok!$A$2:$C$346,2,0)-VLOOKUP(AO$1,városok!$A$2:$C$346,2,0))^2+(VLOOKUP($A93,városok!$A$2:$C$346,3,0)-VLOOKUP(AO$1,városok!$A$2:$C$346,3,0))^2)/1000,0)</f>
        <v>246</v>
      </c>
      <c r="AP93">
        <f ca="1">ROUND(SQRT((VLOOKUP($A93,városok!$A$2:$C$346,2,0)-VLOOKUP(AP$1,városok!$A$2:$C$346,2,0))^2+(VLOOKUP($A93,városok!$A$2:$C$346,3,0)-VLOOKUP(AP$1,városok!$A$2:$C$346,3,0))^2)/1000,0)</f>
        <v>228</v>
      </c>
      <c r="AQ93">
        <f ca="1">ROUND(SQRT((VLOOKUP($A93,városok!$A$2:$C$346,2,0)-VLOOKUP(AQ$1,városok!$A$2:$C$346,2,0))^2+(VLOOKUP($A93,városok!$A$2:$C$346,3,0)-VLOOKUP(AQ$1,városok!$A$2:$C$346,3,0))^2)/1000,0)</f>
        <v>218</v>
      </c>
      <c r="AR93">
        <f ca="1">ROUND(SQRT((VLOOKUP($A93,városok!$A$2:$C$346,2,0)-VLOOKUP(AR$1,városok!$A$2:$C$346,2,0))^2+(VLOOKUP($A93,városok!$A$2:$C$346,3,0)-VLOOKUP(AR$1,városok!$A$2:$C$346,3,0))^2)/1000,0)</f>
        <v>198</v>
      </c>
      <c r="AS93">
        <f ca="1">ROUND(SQRT((VLOOKUP($A93,városok!$A$2:$C$346,2,0)-VLOOKUP(AS$1,városok!$A$2:$C$346,2,0))^2+(VLOOKUP($A93,városok!$A$2:$C$346,3,0)-VLOOKUP(AS$1,városok!$A$2:$C$346,3,0))^2)/1000,0)</f>
        <v>216</v>
      </c>
      <c r="AT93">
        <f ca="1">ROUND(SQRT((VLOOKUP($A93,városok!$A$2:$C$346,2,0)-VLOOKUP(AT$1,városok!$A$2:$C$346,2,0))^2+(VLOOKUP($A93,városok!$A$2:$C$346,3,0)-VLOOKUP(AT$1,városok!$A$2:$C$346,3,0))^2)/1000,0)</f>
        <v>188</v>
      </c>
      <c r="AU93">
        <f ca="1">ROUND(SQRT((VLOOKUP($A93,városok!$A$2:$C$346,2,0)-VLOOKUP(AU$1,városok!$A$2:$C$346,2,0))^2+(VLOOKUP($A93,városok!$A$2:$C$346,3,0)-VLOOKUP(AU$1,városok!$A$2:$C$346,3,0))^2)/1000,0)</f>
        <v>180</v>
      </c>
      <c r="AV93">
        <f ca="1">ROUND(SQRT((VLOOKUP($A93,városok!$A$2:$C$346,2,0)-VLOOKUP(AV$1,városok!$A$2:$C$346,2,0))^2+(VLOOKUP($A93,városok!$A$2:$C$346,3,0)-VLOOKUP(AV$1,városok!$A$2:$C$346,3,0))^2)/1000,0)</f>
        <v>176</v>
      </c>
      <c r="AW93">
        <f ca="1">ROUND(SQRT((VLOOKUP($A93,városok!$A$2:$C$346,2,0)-VLOOKUP(AW$1,városok!$A$2:$C$346,2,0))^2+(VLOOKUP($A93,városok!$A$2:$C$346,3,0)-VLOOKUP(AW$1,városok!$A$2:$C$346,3,0))^2)/1000,0)</f>
        <v>177</v>
      </c>
      <c r="AX93">
        <f ca="1">ROUND(SQRT((VLOOKUP($A93,városok!$A$2:$C$346,2,0)-VLOOKUP(AX$1,városok!$A$2:$C$346,2,0))^2+(VLOOKUP($A93,városok!$A$2:$C$346,3,0)-VLOOKUP(AX$1,városok!$A$2:$C$346,3,0))^2)/1000,0)</f>
        <v>105</v>
      </c>
      <c r="AY93">
        <f ca="1">ROUND(SQRT((VLOOKUP($A93,városok!$A$2:$C$346,2,0)-VLOOKUP(AY$1,városok!$A$2:$C$346,2,0))^2+(VLOOKUP($A93,városok!$A$2:$C$346,3,0)-VLOOKUP(AY$1,városok!$A$2:$C$346,3,0))^2)/1000,0)</f>
        <v>195</v>
      </c>
      <c r="AZ93">
        <f ca="1">ROUND(SQRT((VLOOKUP($A93,városok!$A$2:$C$346,2,0)-VLOOKUP(AZ$1,városok!$A$2:$C$346,2,0))^2+(VLOOKUP($A93,városok!$A$2:$C$346,3,0)-VLOOKUP(AZ$1,városok!$A$2:$C$346,3,0))^2)/1000,0)</f>
        <v>209</v>
      </c>
      <c r="BA93">
        <f ca="1">ROUND(SQRT((VLOOKUP($A93,városok!$A$2:$C$346,2,0)-VLOOKUP(BA$1,városok!$A$2:$C$346,2,0))^2+(VLOOKUP($A93,városok!$A$2:$C$346,3,0)-VLOOKUP(BA$1,városok!$A$2:$C$346,3,0))^2)/1000,0)</f>
        <v>222</v>
      </c>
      <c r="BB93">
        <f ca="1">ROUND(SQRT((VLOOKUP($A93,városok!$A$2:$C$346,2,0)-VLOOKUP(BB$1,városok!$A$2:$C$346,2,0))^2+(VLOOKUP($A93,városok!$A$2:$C$346,3,0)-VLOOKUP(BB$1,városok!$A$2:$C$346,3,0))^2)/1000,0)</f>
        <v>198</v>
      </c>
      <c r="BC93">
        <f ca="1">ROUND(SQRT((VLOOKUP($A93,városok!$A$2:$C$346,2,0)-VLOOKUP(BC$1,városok!$A$2:$C$346,2,0))^2+(VLOOKUP($A93,városok!$A$2:$C$346,3,0)-VLOOKUP(BC$1,városok!$A$2:$C$346,3,0))^2)/1000,0)</f>
        <v>207</v>
      </c>
      <c r="BD93">
        <f ca="1">ROUND(SQRT((VLOOKUP($A93,városok!$A$2:$C$346,2,0)-VLOOKUP(BD$1,városok!$A$2:$C$346,2,0))^2+(VLOOKUP($A93,városok!$A$2:$C$346,3,0)-VLOOKUP(BD$1,városok!$A$2:$C$346,3,0))^2)/1000,0)</f>
        <v>200</v>
      </c>
      <c r="BE93">
        <f ca="1">ROUND(SQRT((VLOOKUP($A93,városok!$A$2:$C$346,2,0)-VLOOKUP(BE$1,városok!$A$2:$C$346,2,0))^2+(VLOOKUP($A93,városok!$A$2:$C$346,3,0)-VLOOKUP(BE$1,városok!$A$2:$C$346,3,0))^2)/1000,0)</f>
        <v>245</v>
      </c>
      <c r="BF93">
        <f ca="1">ROUND(SQRT((VLOOKUP($A93,városok!$A$2:$C$346,2,0)-VLOOKUP(BF$1,városok!$A$2:$C$346,2,0))^2+(VLOOKUP($A93,városok!$A$2:$C$346,3,0)-VLOOKUP(BF$1,városok!$A$2:$C$346,3,0))^2)/1000,0)</f>
        <v>254</v>
      </c>
      <c r="BG93">
        <f ca="1">ROUND(SQRT((VLOOKUP($A93,városok!$A$2:$C$346,2,0)-VLOOKUP(BG$1,városok!$A$2:$C$346,2,0))^2+(VLOOKUP($A93,városok!$A$2:$C$346,3,0)-VLOOKUP(BG$1,városok!$A$2:$C$346,3,0))^2)/1000,0)</f>
        <v>225</v>
      </c>
      <c r="BH93">
        <f ca="1">ROUND(SQRT((VLOOKUP($A93,városok!$A$2:$C$346,2,0)-VLOOKUP(BH$1,városok!$A$2:$C$346,2,0))^2+(VLOOKUP($A93,városok!$A$2:$C$346,3,0)-VLOOKUP(BH$1,városok!$A$2:$C$346,3,0))^2)/1000,0)</f>
        <v>225</v>
      </c>
      <c r="BI93">
        <f ca="1">ROUND(SQRT((VLOOKUP($A93,városok!$A$2:$C$346,2,0)-VLOOKUP(BI$1,városok!$A$2:$C$346,2,0))^2+(VLOOKUP($A93,városok!$A$2:$C$346,3,0)-VLOOKUP(BI$1,városok!$A$2:$C$346,3,0))^2)/1000,0)</f>
        <v>144</v>
      </c>
      <c r="BJ93">
        <f ca="1">ROUND(SQRT((VLOOKUP($A93,városok!$A$2:$C$346,2,0)-VLOOKUP(BJ$1,városok!$A$2:$C$346,2,0))^2+(VLOOKUP($A93,városok!$A$2:$C$346,3,0)-VLOOKUP(BJ$1,városok!$A$2:$C$346,3,0))^2)/1000,0)</f>
        <v>156</v>
      </c>
      <c r="BK93">
        <f ca="1">ROUND(SQRT((VLOOKUP($A93,városok!$A$2:$C$346,2,0)-VLOOKUP(BK$1,városok!$A$2:$C$346,2,0))^2+(VLOOKUP($A93,városok!$A$2:$C$346,3,0)-VLOOKUP(BK$1,városok!$A$2:$C$346,3,0))^2)/1000,0)</f>
        <v>137</v>
      </c>
      <c r="BL93">
        <f ca="1">ROUND(SQRT((VLOOKUP($A93,városok!$A$2:$C$346,2,0)-VLOOKUP(BL$1,városok!$A$2:$C$346,2,0))^2+(VLOOKUP($A93,városok!$A$2:$C$346,3,0)-VLOOKUP(BL$1,városok!$A$2:$C$346,3,0))^2)/1000,0)</f>
        <v>309</v>
      </c>
      <c r="BM93">
        <f ca="1">ROUND(SQRT((VLOOKUP($A93,városok!$A$2:$C$346,2,0)-VLOOKUP(BM$1,városok!$A$2:$C$346,2,0))^2+(VLOOKUP($A93,városok!$A$2:$C$346,3,0)-VLOOKUP(BM$1,városok!$A$2:$C$346,3,0))^2)/1000,0)</f>
        <v>294</v>
      </c>
      <c r="BN93">
        <f ca="1">ROUND(SQRT((VLOOKUP($A93,városok!$A$2:$C$346,2,0)-VLOOKUP(BN$1,városok!$A$2:$C$346,2,0))^2+(VLOOKUP($A93,városok!$A$2:$C$346,3,0)-VLOOKUP(BN$1,városok!$A$2:$C$346,3,0))^2)/1000,0)</f>
        <v>315</v>
      </c>
      <c r="BO93">
        <f ca="1">ROUND(SQRT((VLOOKUP($A93,városok!$A$2:$C$346,2,0)-VLOOKUP(BO$1,városok!$A$2:$C$346,2,0))^2+(VLOOKUP($A93,városok!$A$2:$C$346,3,0)-VLOOKUP(BO$1,városok!$A$2:$C$346,3,0))^2)/1000,0)</f>
        <v>209</v>
      </c>
      <c r="BP93">
        <f ca="1">ROUND(SQRT((VLOOKUP($A93,városok!$A$2:$C$346,2,0)-VLOOKUP(BP$1,városok!$A$2:$C$346,2,0))^2+(VLOOKUP($A93,városok!$A$2:$C$346,3,0)-VLOOKUP(BP$1,városok!$A$2:$C$346,3,0))^2)/1000,0)</f>
        <v>203</v>
      </c>
      <c r="BQ93">
        <f ca="1">ROUND(SQRT((VLOOKUP($A93,városok!$A$2:$C$346,2,0)-VLOOKUP(BQ$1,városok!$A$2:$C$346,2,0))^2+(VLOOKUP($A93,városok!$A$2:$C$346,3,0)-VLOOKUP(BQ$1,városok!$A$2:$C$346,3,0))^2)/1000,0)</f>
        <v>219</v>
      </c>
      <c r="BR93">
        <f ca="1">ROUND(SQRT((VLOOKUP($A93,városok!$A$2:$C$346,2,0)-VLOOKUP(BR$1,városok!$A$2:$C$346,2,0))^2+(VLOOKUP($A93,városok!$A$2:$C$346,3,0)-VLOOKUP(BR$1,városok!$A$2:$C$346,3,0))^2)/1000,0)</f>
        <v>255</v>
      </c>
      <c r="BS93">
        <f ca="1">ROUND(SQRT((VLOOKUP($A93,városok!$A$2:$C$346,2,0)-VLOOKUP(BS$1,városok!$A$2:$C$346,2,0))^2+(VLOOKUP($A93,városok!$A$2:$C$346,3,0)-VLOOKUP(BS$1,városok!$A$2:$C$346,3,0))^2)/1000,0)</f>
        <v>269</v>
      </c>
      <c r="BT93">
        <f ca="1">ROUND(SQRT((VLOOKUP($A93,városok!$A$2:$C$346,2,0)-VLOOKUP(BT$1,városok!$A$2:$C$346,2,0))^2+(VLOOKUP($A93,városok!$A$2:$C$346,3,0)-VLOOKUP(BT$1,városok!$A$2:$C$346,3,0))^2)/1000,0)</f>
        <v>287</v>
      </c>
    </row>
    <row r="94" spans="1:72" x14ac:dyDescent="0.2">
      <c r="A94" t="str">
        <f>városok!A94</f>
        <v>Mindszent</v>
      </c>
      <c r="B94">
        <f ca="1">ROUND(SQRT((VLOOKUP($A94,városok!$A$2:$C$346,2,0)-VLOOKUP(B$1,városok!$A$2:$C$346,2,0))^2+(VLOOKUP($A94,városok!$A$2:$C$346,3,0)-VLOOKUP(B$1,városok!$A$2:$C$346,3,0))^2)/1000,0)</f>
        <v>102</v>
      </c>
      <c r="C94">
        <f ca="1">ROUND(SQRT((VLOOKUP($A94,városok!$A$2:$C$346,2,0)-VLOOKUP(C$1,városok!$A$2:$C$346,2,0))^2+(VLOOKUP($A94,városok!$A$2:$C$346,3,0)-VLOOKUP(C$1,városok!$A$2:$C$346,3,0))^2)/1000,0)</f>
        <v>93</v>
      </c>
      <c r="D94">
        <f ca="1">ROUND(SQRT((VLOOKUP($A94,városok!$A$2:$C$346,2,0)-VLOOKUP(D$1,városok!$A$2:$C$346,2,0))^2+(VLOOKUP($A94,városok!$A$2:$C$346,3,0)-VLOOKUP(D$1,városok!$A$2:$C$346,3,0))^2)/1000,0)</f>
        <v>57</v>
      </c>
      <c r="E94">
        <f ca="1">ROUND(SQRT((VLOOKUP($A94,városok!$A$2:$C$346,2,0)-VLOOKUP(E$1,városok!$A$2:$C$346,2,0))^2+(VLOOKUP($A94,városok!$A$2:$C$346,3,0)-VLOOKUP(E$1,városok!$A$2:$C$346,3,0))^2)/1000,0)</f>
        <v>153</v>
      </c>
      <c r="F94">
        <f ca="1">ROUND(SQRT((VLOOKUP($A94,városok!$A$2:$C$346,2,0)-VLOOKUP(F$1,városok!$A$2:$C$346,2,0))^2+(VLOOKUP($A94,városok!$A$2:$C$346,3,0)-VLOOKUP(F$1,városok!$A$2:$C$346,3,0))^2)/1000,0)</f>
        <v>130</v>
      </c>
      <c r="G94">
        <f ca="1">ROUND(SQRT((VLOOKUP($A94,városok!$A$2:$C$346,2,0)-VLOOKUP(G$1,városok!$A$2:$C$346,2,0))^2+(VLOOKUP($A94,városok!$A$2:$C$346,3,0)-VLOOKUP(G$1,városok!$A$2:$C$346,3,0))^2)/1000,0)</f>
        <v>157</v>
      </c>
      <c r="H94">
        <f ca="1">ROUND(SQRT((VLOOKUP($A94,városok!$A$2:$C$346,2,0)-VLOOKUP(H$1,városok!$A$2:$C$346,2,0))^2+(VLOOKUP($A94,városok!$A$2:$C$346,3,0)-VLOOKUP(H$1,városok!$A$2:$C$346,3,0))^2)/1000,0)</f>
        <v>191</v>
      </c>
      <c r="I94">
        <f ca="1">ROUND(SQRT((VLOOKUP($A94,városok!$A$2:$C$346,2,0)-VLOOKUP(I$1,városok!$A$2:$C$346,2,0))^2+(VLOOKUP($A94,városok!$A$2:$C$346,3,0)-VLOOKUP(I$1,városok!$A$2:$C$346,3,0))^2)/1000,0)</f>
        <v>71</v>
      </c>
      <c r="J94">
        <f ca="1">ROUND(SQRT((VLOOKUP($A94,városok!$A$2:$C$346,2,0)-VLOOKUP(J$1,városok!$A$2:$C$346,2,0))^2+(VLOOKUP($A94,városok!$A$2:$C$346,3,0)-VLOOKUP(J$1,városok!$A$2:$C$346,3,0))^2)/1000,0)</f>
        <v>85</v>
      </c>
      <c r="K94">
        <f ca="1">ROUND(SQRT((VLOOKUP($A94,városok!$A$2:$C$346,2,0)-VLOOKUP(K$1,városok!$A$2:$C$346,2,0))^2+(VLOOKUP($A94,városok!$A$2:$C$346,3,0)-VLOOKUP(K$1,városok!$A$2:$C$346,3,0))^2)/1000,0)</f>
        <v>37</v>
      </c>
      <c r="L94">
        <f ca="1">ROUND(SQRT((VLOOKUP($A94,városok!$A$2:$C$346,2,0)-VLOOKUP(L$1,városok!$A$2:$C$346,2,0))^2+(VLOOKUP($A94,városok!$A$2:$C$346,3,0)-VLOOKUP(L$1,városok!$A$2:$C$346,3,0))^2)/1000,0)</f>
        <v>196</v>
      </c>
      <c r="M94">
        <f ca="1">ROUND(SQRT((VLOOKUP($A94,városok!$A$2:$C$346,2,0)-VLOOKUP(M$1,városok!$A$2:$C$346,2,0))^2+(VLOOKUP($A94,városok!$A$2:$C$346,3,0)-VLOOKUP(M$1,városok!$A$2:$C$346,3,0))^2)/1000,0)</f>
        <v>182</v>
      </c>
      <c r="N94">
        <f ca="1">ROUND(SQRT((VLOOKUP($A94,városok!$A$2:$C$346,2,0)-VLOOKUP(N$1,városok!$A$2:$C$346,2,0))^2+(VLOOKUP($A94,városok!$A$2:$C$346,3,0)-VLOOKUP(N$1,városok!$A$2:$C$346,3,0))^2)/1000,0)</f>
        <v>189</v>
      </c>
      <c r="O94">
        <f ca="1">ROUND(SQRT((VLOOKUP($A94,városok!$A$2:$C$346,2,0)-VLOOKUP(O$1,városok!$A$2:$C$346,2,0))^2+(VLOOKUP($A94,városok!$A$2:$C$346,3,0)-VLOOKUP(O$1,városok!$A$2:$C$346,3,0))^2)/1000,0)</f>
        <v>236</v>
      </c>
      <c r="P94">
        <f ca="1">ROUND(SQRT((VLOOKUP($A94,városok!$A$2:$C$346,2,0)-VLOOKUP(P$1,városok!$A$2:$C$346,2,0))^2+(VLOOKUP($A94,városok!$A$2:$C$346,3,0)-VLOOKUP(P$1,városok!$A$2:$C$346,3,0))^2)/1000,0)</f>
        <v>236</v>
      </c>
      <c r="Q94">
        <f ca="1">ROUND(SQRT((VLOOKUP($A94,városok!$A$2:$C$346,2,0)-VLOOKUP(Q$1,városok!$A$2:$C$346,2,0))^2+(VLOOKUP($A94,városok!$A$2:$C$346,3,0)-VLOOKUP(Q$1,városok!$A$2:$C$346,3,0))^2)/1000,0)</f>
        <v>15</v>
      </c>
      <c r="R94">
        <f ca="1">ROUND(SQRT((VLOOKUP($A94,városok!$A$2:$C$346,2,0)-VLOOKUP(R$1,városok!$A$2:$C$346,2,0))^2+(VLOOKUP($A94,városok!$A$2:$C$346,3,0)-VLOOKUP(R$1,városok!$A$2:$C$346,3,0))^2)/1000,0)</f>
        <v>40</v>
      </c>
      <c r="S94">
        <f ca="1">ROUND(SQRT((VLOOKUP($A94,városok!$A$2:$C$346,2,0)-VLOOKUP(S$1,városok!$A$2:$C$346,2,0))^2+(VLOOKUP($A94,városok!$A$2:$C$346,3,0)-VLOOKUP(S$1,városok!$A$2:$C$346,3,0))^2)/1000,0)</f>
        <v>31</v>
      </c>
      <c r="T94">
        <f ca="1">ROUND(SQRT((VLOOKUP($A94,városok!$A$2:$C$346,2,0)-VLOOKUP(T$1,városok!$A$2:$C$346,2,0))^2+(VLOOKUP($A94,városok!$A$2:$C$346,3,0)-VLOOKUP(T$1,városok!$A$2:$C$346,3,0))^2)/1000,0)</f>
        <v>160</v>
      </c>
      <c r="U94">
        <f ca="1">ROUND(SQRT((VLOOKUP($A94,városok!$A$2:$C$346,2,0)-VLOOKUP(U$1,városok!$A$2:$C$346,2,0))^2+(VLOOKUP($A94,városok!$A$2:$C$346,3,0)-VLOOKUP(U$1,városok!$A$2:$C$346,3,0))^2)/1000,0)</f>
        <v>108</v>
      </c>
      <c r="V94">
        <f ca="1">ROUND(SQRT((VLOOKUP($A94,városok!$A$2:$C$346,2,0)-VLOOKUP(V$1,városok!$A$2:$C$346,2,0))^2+(VLOOKUP($A94,városok!$A$2:$C$346,3,0)-VLOOKUP(V$1,városok!$A$2:$C$346,3,0))^2)/1000,0)</f>
        <v>156</v>
      </c>
      <c r="W94">
        <f ca="1">ROUND(SQRT((VLOOKUP($A94,városok!$A$2:$C$346,2,0)-VLOOKUP(W$1,városok!$A$2:$C$346,2,0))^2+(VLOOKUP($A94,városok!$A$2:$C$346,3,0)-VLOOKUP(W$1,városok!$A$2:$C$346,3,0))^2)/1000,0)</f>
        <v>126</v>
      </c>
      <c r="X94">
        <f ca="1">ROUND(SQRT((VLOOKUP($A94,városok!$A$2:$C$346,2,0)-VLOOKUP(X$1,városok!$A$2:$C$346,2,0))^2+(VLOOKUP($A94,városok!$A$2:$C$346,3,0)-VLOOKUP(X$1,városok!$A$2:$C$346,3,0))^2)/1000,0)</f>
        <v>165</v>
      </c>
      <c r="Y94">
        <f ca="1">ROUND(SQRT((VLOOKUP($A94,városok!$A$2:$C$346,2,0)-VLOOKUP(Y$1,városok!$A$2:$C$346,2,0))^2+(VLOOKUP($A94,városok!$A$2:$C$346,3,0)-VLOOKUP(Y$1,városok!$A$2:$C$346,3,0))^2)/1000,0)</f>
        <v>233</v>
      </c>
      <c r="Z94">
        <f ca="1">ROUND(SQRT((VLOOKUP($A94,városok!$A$2:$C$346,2,0)-VLOOKUP(Z$1,városok!$A$2:$C$346,2,0))^2+(VLOOKUP($A94,városok!$A$2:$C$346,3,0)-VLOOKUP(Z$1,városok!$A$2:$C$346,3,0))^2)/1000,0)</f>
        <v>251</v>
      </c>
      <c r="AA94">
        <f ca="1">ROUND(SQRT((VLOOKUP($A94,városok!$A$2:$C$346,2,0)-VLOOKUP(AA$1,városok!$A$2:$C$346,2,0))^2+(VLOOKUP($A94,városok!$A$2:$C$346,3,0)-VLOOKUP(AA$1,városok!$A$2:$C$346,3,0))^2)/1000,0)</f>
        <v>302</v>
      </c>
      <c r="AB94">
        <f ca="1">ROUND(SQRT((VLOOKUP($A94,városok!$A$2:$C$346,2,0)-VLOOKUP(AB$1,városok!$A$2:$C$346,2,0))^2+(VLOOKUP($A94,városok!$A$2:$C$346,3,0)-VLOOKUP(AB$1,városok!$A$2:$C$346,3,0))^2)/1000,0)</f>
        <v>157</v>
      </c>
      <c r="AC94">
        <f ca="1">ROUND(SQRT((VLOOKUP($A94,városok!$A$2:$C$346,2,0)-VLOOKUP(AC$1,városok!$A$2:$C$346,2,0))^2+(VLOOKUP($A94,városok!$A$2:$C$346,3,0)-VLOOKUP(AC$1,városok!$A$2:$C$346,3,0))^2)/1000,0)</f>
        <v>138</v>
      </c>
      <c r="AD94">
        <f ca="1">ROUND(SQRT((VLOOKUP($A94,városok!$A$2:$C$346,2,0)-VLOOKUP(AD$1,városok!$A$2:$C$346,2,0))^2+(VLOOKUP($A94,városok!$A$2:$C$346,3,0)-VLOOKUP(AD$1,városok!$A$2:$C$346,3,0))^2)/1000,0)</f>
        <v>125</v>
      </c>
      <c r="AE94">
        <f ca="1">ROUND(SQRT((VLOOKUP($A94,városok!$A$2:$C$346,2,0)-VLOOKUP(AE$1,városok!$A$2:$C$346,2,0))^2+(VLOOKUP($A94,városok!$A$2:$C$346,3,0)-VLOOKUP(AE$1,városok!$A$2:$C$346,3,0))^2)/1000,0)</f>
        <v>113</v>
      </c>
      <c r="AF94">
        <f ca="1">ROUND(SQRT((VLOOKUP($A94,városok!$A$2:$C$346,2,0)-VLOOKUP(AF$1,városok!$A$2:$C$346,2,0))^2+(VLOOKUP($A94,városok!$A$2:$C$346,3,0)-VLOOKUP(AF$1,városok!$A$2:$C$346,3,0))^2)/1000,0)</f>
        <v>154</v>
      </c>
      <c r="AG94">
        <f ca="1">ROUND(SQRT((VLOOKUP($A94,városok!$A$2:$C$346,2,0)-VLOOKUP(AG$1,városok!$A$2:$C$346,2,0))^2+(VLOOKUP($A94,városok!$A$2:$C$346,3,0)-VLOOKUP(AG$1,városok!$A$2:$C$346,3,0))^2)/1000,0)</f>
        <v>141</v>
      </c>
      <c r="AH94">
        <f ca="1">ROUND(SQRT((VLOOKUP($A94,városok!$A$2:$C$346,2,0)-VLOOKUP(AH$1,városok!$A$2:$C$346,2,0))^2+(VLOOKUP($A94,városok!$A$2:$C$346,3,0)-VLOOKUP(AH$1,városok!$A$2:$C$346,3,0))^2)/1000,0)</f>
        <v>133</v>
      </c>
      <c r="AI94">
        <f ca="1">ROUND(SQRT((VLOOKUP($A94,városok!$A$2:$C$346,2,0)-VLOOKUP(AI$1,városok!$A$2:$C$346,2,0))^2+(VLOOKUP($A94,városok!$A$2:$C$346,3,0)-VLOOKUP(AI$1,városok!$A$2:$C$346,3,0))^2)/1000,0)</f>
        <v>167</v>
      </c>
      <c r="AJ94">
        <f ca="1">ROUND(SQRT((VLOOKUP($A94,városok!$A$2:$C$346,2,0)-VLOOKUP(AJ$1,városok!$A$2:$C$346,2,0))^2+(VLOOKUP($A94,városok!$A$2:$C$346,3,0)-VLOOKUP(AJ$1,városok!$A$2:$C$346,3,0))^2)/1000,0)</f>
        <v>126</v>
      </c>
      <c r="AK94">
        <f ca="1">ROUND(SQRT((VLOOKUP($A94,városok!$A$2:$C$346,2,0)-VLOOKUP(AK$1,városok!$A$2:$C$346,2,0))^2+(VLOOKUP($A94,városok!$A$2:$C$346,3,0)-VLOOKUP(AK$1,városok!$A$2:$C$346,3,0))^2)/1000,0)</f>
        <v>104</v>
      </c>
      <c r="AL94">
        <f ca="1">ROUND(SQRT((VLOOKUP($A94,városok!$A$2:$C$346,2,0)-VLOOKUP(AL$1,városok!$A$2:$C$346,2,0))^2+(VLOOKUP($A94,városok!$A$2:$C$346,3,0)-VLOOKUP(AL$1,városok!$A$2:$C$346,3,0))^2)/1000,0)</f>
        <v>100</v>
      </c>
      <c r="AM94">
        <f ca="1">ROUND(SQRT((VLOOKUP($A94,városok!$A$2:$C$346,2,0)-VLOOKUP(AM$1,városok!$A$2:$C$346,2,0))^2+(VLOOKUP($A94,városok!$A$2:$C$346,3,0)-VLOOKUP(AM$1,városok!$A$2:$C$346,3,0))^2)/1000,0)</f>
        <v>73</v>
      </c>
      <c r="AN94">
        <f ca="1">ROUND(SQRT((VLOOKUP($A94,városok!$A$2:$C$346,2,0)-VLOOKUP(AN$1,városok!$A$2:$C$346,2,0))^2+(VLOOKUP($A94,városok!$A$2:$C$346,3,0)-VLOOKUP(AN$1,városok!$A$2:$C$346,3,0))^2)/1000,0)</f>
        <v>178</v>
      </c>
      <c r="AO94">
        <f ca="1">ROUND(SQRT((VLOOKUP($A94,városok!$A$2:$C$346,2,0)-VLOOKUP(AO$1,városok!$A$2:$C$346,2,0))^2+(VLOOKUP($A94,városok!$A$2:$C$346,3,0)-VLOOKUP(AO$1,városok!$A$2:$C$346,3,0))^2)/1000,0)</f>
        <v>207</v>
      </c>
      <c r="AP94">
        <f ca="1">ROUND(SQRT((VLOOKUP($A94,városok!$A$2:$C$346,2,0)-VLOOKUP(AP$1,városok!$A$2:$C$346,2,0))^2+(VLOOKUP($A94,városok!$A$2:$C$346,3,0)-VLOOKUP(AP$1,városok!$A$2:$C$346,3,0))^2)/1000,0)</f>
        <v>188</v>
      </c>
      <c r="AQ94">
        <f ca="1">ROUND(SQRT((VLOOKUP($A94,városok!$A$2:$C$346,2,0)-VLOOKUP(AQ$1,városok!$A$2:$C$346,2,0))^2+(VLOOKUP($A94,városok!$A$2:$C$346,3,0)-VLOOKUP(AQ$1,városok!$A$2:$C$346,3,0))^2)/1000,0)</f>
        <v>178</v>
      </c>
      <c r="AR94">
        <f ca="1">ROUND(SQRT((VLOOKUP($A94,városok!$A$2:$C$346,2,0)-VLOOKUP(AR$1,városok!$A$2:$C$346,2,0))^2+(VLOOKUP($A94,városok!$A$2:$C$346,3,0)-VLOOKUP(AR$1,városok!$A$2:$C$346,3,0))^2)/1000,0)</f>
        <v>160</v>
      </c>
      <c r="AS94">
        <f ca="1">ROUND(SQRT((VLOOKUP($A94,városok!$A$2:$C$346,2,0)-VLOOKUP(AS$1,városok!$A$2:$C$346,2,0))^2+(VLOOKUP($A94,városok!$A$2:$C$346,3,0)-VLOOKUP(AS$1,városok!$A$2:$C$346,3,0))^2)/1000,0)</f>
        <v>179</v>
      </c>
      <c r="AT94">
        <f ca="1">ROUND(SQRT((VLOOKUP($A94,városok!$A$2:$C$346,2,0)-VLOOKUP(AT$1,városok!$A$2:$C$346,2,0))^2+(VLOOKUP($A94,városok!$A$2:$C$346,3,0)-VLOOKUP(AT$1,városok!$A$2:$C$346,3,0))^2)/1000,0)</f>
        <v>148</v>
      </c>
      <c r="AU94">
        <f ca="1">ROUND(SQRT((VLOOKUP($A94,városok!$A$2:$C$346,2,0)-VLOOKUP(AU$1,városok!$A$2:$C$346,2,0))^2+(VLOOKUP($A94,városok!$A$2:$C$346,3,0)-VLOOKUP(AU$1,városok!$A$2:$C$346,3,0))^2)/1000,0)</f>
        <v>140</v>
      </c>
      <c r="AV94">
        <f ca="1">ROUND(SQRT((VLOOKUP($A94,városok!$A$2:$C$346,2,0)-VLOOKUP(AV$1,városok!$A$2:$C$346,2,0))^2+(VLOOKUP($A94,városok!$A$2:$C$346,3,0)-VLOOKUP(AV$1,városok!$A$2:$C$346,3,0))^2)/1000,0)</f>
        <v>136</v>
      </c>
      <c r="AW94">
        <f ca="1">ROUND(SQRT((VLOOKUP($A94,városok!$A$2:$C$346,2,0)-VLOOKUP(AW$1,városok!$A$2:$C$346,2,0))^2+(VLOOKUP($A94,városok!$A$2:$C$346,3,0)-VLOOKUP(AW$1,városok!$A$2:$C$346,3,0))^2)/1000,0)</f>
        <v>137</v>
      </c>
      <c r="AX94">
        <f ca="1">ROUND(SQRT((VLOOKUP($A94,városok!$A$2:$C$346,2,0)-VLOOKUP(AX$1,városok!$A$2:$C$346,2,0))^2+(VLOOKUP($A94,városok!$A$2:$C$346,3,0)-VLOOKUP(AX$1,városok!$A$2:$C$346,3,0))^2)/1000,0)</f>
        <v>64</v>
      </c>
      <c r="AY94">
        <f ca="1">ROUND(SQRT((VLOOKUP($A94,városok!$A$2:$C$346,2,0)-VLOOKUP(AY$1,városok!$A$2:$C$346,2,0))^2+(VLOOKUP($A94,városok!$A$2:$C$346,3,0)-VLOOKUP(AY$1,városok!$A$2:$C$346,3,0))^2)/1000,0)</f>
        <v>155</v>
      </c>
      <c r="AZ94">
        <f ca="1">ROUND(SQRT((VLOOKUP($A94,városok!$A$2:$C$346,2,0)-VLOOKUP(AZ$1,városok!$A$2:$C$346,2,0))^2+(VLOOKUP($A94,városok!$A$2:$C$346,3,0)-VLOOKUP(AZ$1,városok!$A$2:$C$346,3,0))^2)/1000,0)</f>
        <v>168</v>
      </c>
      <c r="BA94">
        <f ca="1">ROUND(SQRT((VLOOKUP($A94,városok!$A$2:$C$346,2,0)-VLOOKUP(BA$1,városok!$A$2:$C$346,2,0))^2+(VLOOKUP($A94,városok!$A$2:$C$346,3,0)-VLOOKUP(BA$1,városok!$A$2:$C$346,3,0))^2)/1000,0)</f>
        <v>192</v>
      </c>
      <c r="BB94">
        <f ca="1">ROUND(SQRT((VLOOKUP($A94,városok!$A$2:$C$346,2,0)-VLOOKUP(BB$1,városok!$A$2:$C$346,2,0))^2+(VLOOKUP($A94,városok!$A$2:$C$346,3,0)-VLOOKUP(BB$1,városok!$A$2:$C$346,3,0))^2)/1000,0)</f>
        <v>172</v>
      </c>
      <c r="BC94">
        <f ca="1">ROUND(SQRT((VLOOKUP($A94,városok!$A$2:$C$346,2,0)-VLOOKUP(BC$1,városok!$A$2:$C$346,2,0))^2+(VLOOKUP($A94,városok!$A$2:$C$346,3,0)-VLOOKUP(BC$1,városok!$A$2:$C$346,3,0))^2)/1000,0)</f>
        <v>185</v>
      </c>
      <c r="BD94">
        <f ca="1">ROUND(SQRT((VLOOKUP($A94,városok!$A$2:$C$346,2,0)-VLOOKUP(BD$1,városok!$A$2:$C$346,2,0))^2+(VLOOKUP($A94,városok!$A$2:$C$346,3,0)-VLOOKUP(BD$1,városok!$A$2:$C$346,3,0))^2)/1000,0)</f>
        <v>168</v>
      </c>
      <c r="BE94">
        <f ca="1">ROUND(SQRT((VLOOKUP($A94,városok!$A$2:$C$346,2,0)-VLOOKUP(BE$1,városok!$A$2:$C$346,2,0))^2+(VLOOKUP($A94,városok!$A$2:$C$346,3,0)-VLOOKUP(BE$1,városok!$A$2:$C$346,3,0))^2)/1000,0)</f>
        <v>238</v>
      </c>
      <c r="BF94">
        <f ca="1">ROUND(SQRT((VLOOKUP($A94,városok!$A$2:$C$346,2,0)-VLOOKUP(BF$1,városok!$A$2:$C$346,2,0))^2+(VLOOKUP($A94,városok!$A$2:$C$346,3,0)-VLOOKUP(BF$1,városok!$A$2:$C$346,3,0))^2)/1000,0)</f>
        <v>237</v>
      </c>
      <c r="BG94">
        <f ca="1">ROUND(SQRT((VLOOKUP($A94,városok!$A$2:$C$346,2,0)-VLOOKUP(BG$1,városok!$A$2:$C$346,2,0))^2+(VLOOKUP($A94,városok!$A$2:$C$346,3,0)-VLOOKUP(BG$1,városok!$A$2:$C$346,3,0))^2)/1000,0)</f>
        <v>203</v>
      </c>
      <c r="BH94">
        <f ca="1">ROUND(SQRT((VLOOKUP($A94,városok!$A$2:$C$346,2,0)-VLOOKUP(BH$1,városok!$A$2:$C$346,2,0))^2+(VLOOKUP($A94,városok!$A$2:$C$346,3,0)-VLOOKUP(BH$1,városok!$A$2:$C$346,3,0))^2)/1000,0)</f>
        <v>203</v>
      </c>
      <c r="BI94">
        <f ca="1">ROUND(SQRT((VLOOKUP($A94,városok!$A$2:$C$346,2,0)-VLOOKUP(BI$1,városok!$A$2:$C$346,2,0))^2+(VLOOKUP($A94,városok!$A$2:$C$346,3,0)-VLOOKUP(BI$1,városok!$A$2:$C$346,3,0))^2)/1000,0)</f>
        <v>121</v>
      </c>
      <c r="BJ94">
        <f ca="1">ROUND(SQRT((VLOOKUP($A94,városok!$A$2:$C$346,2,0)-VLOOKUP(BJ$1,városok!$A$2:$C$346,2,0))^2+(VLOOKUP($A94,városok!$A$2:$C$346,3,0)-VLOOKUP(BJ$1,városok!$A$2:$C$346,3,0))^2)/1000,0)</f>
        <v>135</v>
      </c>
      <c r="BK94">
        <f ca="1">ROUND(SQRT((VLOOKUP($A94,városok!$A$2:$C$346,2,0)-VLOOKUP(BK$1,városok!$A$2:$C$346,2,0))^2+(VLOOKUP($A94,városok!$A$2:$C$346,3,0)-VLOOKUP(BK$1,városok!$A$2:$C$346,3,0))^2)/1000,0)</f>
        <v>116</v>
      </c>
      <c r="BL94">
        <f ca="1">ROUND(SQRT((VLOOKUP($A94,városok!$A$2:$C$346,2,0)-VLOOKUP(BL$1,városok!$A$2:$C$346,2,0))^2+(VLOOKUP($A94,városok!$A$2:$C$346,3,0)-VLOOKUP(BL$1,városok!$A$2:$C$346,3,0))^2)/1000,0)</f>
        <v>279</v>
      </c>
      <c r="BM94">
        <f ca="1">ROUND(SQRT((VLOOKUP($A94,városok!$A$2:$C$346,2,0)-VLOOKUP(BM$1,városok!$A$2:$C$346,2,0))^2+(VLOOKUP($A94,városok!$A$2:$C$346,3,0)-VLOOKUP(BM$1,városok!$A$2:$C$346,3,0))^2)/1000,0)</f>
        <v>261</v>
      </c>
      <c r="BN94">
        <f ca="1">ROUND(SQRT((VLOOKUP($A94,városok!$A$2:$C$346,2,0)-VLOOKUP(BN$1,városok!$A$2:$C$346,2,0))^2+(VLOOKUP($A94,városok!$A$2:$C$346,3,0)-VLOOKUP(BN$1,városok!$A$2:$C$346,3,0))^2)/1000,0)</f>
        <v>283</v>
      </c>
      <c r="BO94">
        <f ca="1">ROUND(SQRT((VLOOKUP($A94,városok!$A$2:$C$346,2,0)-VLOOKUP(BO$1,városok!$A$2:$C$346,2,0))^2+(VLOOKUP($A94,városok!$A$2:$C$346,3,0)-VLOOKUP(BO$1,városok!$A$2:$C$346,3,0))^2)/1000,0)</f>
        <v>175</v>
      </c>
      <c r="BP94">
        <f ca="1">ROUND(SQRT((VLOOKUP($A94,városok!$A$2:$C$346,2,0)-VLOOKUP(BP$1,városok!$A$2:$C$346,2,0))^2+(VLOOKUP($A94,városok!$A$2:$C$346,3,0)-VLOOKUP(BP$1,városok!$A$2:$C$346,3,0))^2)/1000,0)</f>
        <v>169</v>
      </c>
      <c r="BQ94">
        <f ca="1">ROUND(SQRT((VLOOKUP($A94,városok!$A$2:$C$346,2,0)-VLOOKUP(BQ$1,városok!$A$2:$C$346,2,0))^2+(VLOOKUP($A94,városok!$A$2:$C$346,3,0)-VLOOKUP(BQ$1,városok!$A$2:$C$346,3,0))^2)/1000,0)</f>
        <v>185</v>
      </c>
      <c r="BR94">
        <f ca="1">ROUND(SQRT((VLOOKUP($A94,városok!$A$2:$C$346,2,0)-VLOOKUP(BR$1,városok!$A$2:$C$346,2,0))^2+(VLOOKUP($A94,városok!$A$2:$C$346,3,0)-VLOOKUP(BR$1,városok!$A$2:$C$346,3,0))^2)/1000,0)</f>
        <v>226</v>
      </c>
      <c r="BS94">
        <f ca="1">ROUND(SQRT((VLOOKUP($A94,városok!$A$2:$C$346,2,0)-VLOOKUP(BS$1,városok!$A$2:$C$346,2,0))^2+(VLOOKUP($A94,városok!$A$2:$C$346,3,0)-VLOOKUP(BS$1,városok!$A$2:$C$346,3,0))^2)/1000,0)</f>
        <v>245</v>
      </c>
      <c r="BT94">
        <f ca="1">ROUND(SQRT((VLOOKUP($A94,városok!$A$2:$C$346,2,0)-VLOOKUP(BT$1,városok!$A$2:$C$346,2,0))^2+(VLOOKUP($A94,városok!$A$2:$C$346,3,0)-VLOOKUP(BT$1,városok!$A$2:$C$346,3,0))^2)/1000,0)</f>
        <v>258</v>
      </c>
    </row>
    <row r="95" spans="1:72" x14ac:dyDescent="0.2">
      <c r="A95" t="str">
        <f>városok!A95</f>
        <v>Mórahalom</v>
      </c>
      <c r="B95">
        <f ca="1">ROUND(SQRT((VLOOKUP($A95,városok!$A$2:$C$346,2,0)-VLOOKUP(B$1,városok!$A$2:$C$346,2,0))^2+(VLOOKUP($A95,városok!$A$2:$C$346,3,0)-VLOOKUP(B$1,városok!$A$2:$C$346,3,0))^2)/1000,0)</f>
        <v>71</v>
      </c>
      <c r="C95">
        <f ca="1">ROUND(SQRT((VLOOKUP($A95,városok!$A$2:$C$346,2,0)-VLOOKUP(C$1,városok!$A$2:$C$346,2,0))^2+(VLOOKUP($A95,városok!$A$2:$C$346,3,0)-VLOOKUP(C$1,városok!$A$2:$C$346,3,0))^2)/1000,0)</f>
        <v>78</v>
      </c>
      <c r="D95">
        <f ca="1">ROUND(SQRT((VLOOKUP($A95,városok!$A$2:$C$346,2,0)-VLOOKUP(D$1,városok!$A$2:$C$346,2,0))^2+(VLOOKUP($A95,városok!$A$2:$C$346,3,0)-VLOOKUP(D$1,városok!$A$2:$C$346,3,0))^2)/1000,0)</f>
        <v>78</v>
      </c>
      <c r="E95">
        <f ca="1">ROUND(SQRT((VLOOKUP($A95,városok!$A$2:$C$346,2,0)-VLOOKUP(E$1,városok!$A$2:$C$346,2,0))^2+(VLOOKUP($A95,városok!$A$2:$C$346,3,0)-VLOOKUP(E$1,városok!$A$2:$C$346,3,0))^2)/1000,0)</f>
        <v>125</v>
      </c>
      <c r="F95">
        <f ca="1">ROUND(SQRT((VLOOKUP($A95,városok!$A$2:$C$346,2,0)-VLOOKUP(F$1,városok!$A$2:$C$346,2,0))^2+(VLOOKUP($A95,városok!$A$2:$C$346,3,0)-VLOOKUP(F$1,városok!$A$2:$C$346,3,0))^2)/1000,0)</f>
        <v>96</v>
      </c>
      <c r="G95">
        <f ca="1">ROUND(SQRT((VLOOKUP($A95,városok!$A$2:$C$346,2,0)-VLOOKUP(G$1,városok!$A$2:$C$346,2,0))^2+(VLOOKUP($A95,városok!$A$2:$C$346,3,0)-VLOOKUP(G$1,városok!$A$2:$C$346,3,0))^2)/1000,0)</f>
        <v>127</v>
      </c>
      <c r="H95">
        <f ca="1">ROUND(SQRT((VLOOKUP($A95,városok!$A$2:$C$346,2,0)-VLOOKUP(H$1,városok!$A$2:$C$346,2,0))^2+(VLOOKUP($A95,városok!$A$2:$C$346,3,0)-VLOOKUP(H$1,városok!$A$2:$C$346,3,0))^2)/1000,0)</f>
        <v>162</v>
      </c>
      <c r="I95">
        <f ca="1">ROUND(SQRT((VLOOKUP($A95,városok!$A$2:$C$346,2,0)-VLOOKUP(I$1,városok!$A$2:$C$346,2,0))^2+(VLOOKUP($A95,városok!$A$2:$C$346,3,0)-VLOOKUP(I$1,városok!$A$2:$C$346,3,0))^2)/1000,0)</f>
        <v>105</v>
      </c>
      <c r="J95">
        <f ca="1">ROUND(SQRT((VLOOKUP($A95,városok!$A$2:$C$346,2,0)-VLOOKUP(J$1,városok!$A$2:$C$346,2,0))^2+(VLOOKUP($A95,városok!$A$2:$C$346,3,0)-VLOOKUP(J$1,városok!$A$2:$C$346,3,0))^2)/1000,0)</f>
        <v>117</v>
      </c>
      <c r="K95">
        <f ca="1">ROUND(SQRT((VLOOKUP($A95,városok!$A$2:$C$346,2,0)-VLOOKUP(K$1,városok!$A$2:$C$346,2,0))^2+(VLOOKUP($A95,városok!$A$2:$C$346,3,0)-VLOOKUP(K$1,városok!$A$2:$C$346,3,0))^2)/1000,0)</f>
        <v>72</v>
      </c>
      <c r="L95">
        <f ca="1">ROUND(SQRT((VLOOKUP($A95,városok!$A$2:$C$346,2,0)-VLOOKUP(L$1,városok!$A$2:$C$346,2,0))^2+(VLOOKUP($A95,városok!$A$2:$C$346,3,0)-VLOOKUP(L$1,városok!$A$2:$C$346,3,0))^2)/1000,0)</f>
        <v>234</v>
      </c>
      <c r="M95">
        <f ca="1">ROUND(SQRT((VLOOKUP($A95,városok!$A$2:$C$346,2,0)-VLOOKUP(M$1,városok!$A$2:$C$346,2,0))^2+(VLOOKUP($A95,városok!$A$2:$C$346,3,0)-VLOOKUP(M$1,városok!$A$2:$C$346,3,0))^2)/1000,0)</f>
        <v>221</v>
      </c>
      <c r="N95">
        <f ca="1">ROUND(SQRT((VLOOKUP($A95,városok!$A$2:$C$346,2,0)-VLOOKUP(N$1,városok!$A$2:$C$346,2,0))^2+(VLOOKUP($A95,városok!$A$2:$C$346,3,0)-VLOOKUP(N$1,városok!$A$2:$C$346,3,0))^2)/1000,0)</f>
        <v>225</v>
      </c>
      <c r="O95">
        <f ca="1">ROUND(SQRT((VLOOKUP($A95,városok!$A$2:$C$346,2,0)-VLOOKUP(O$1,városok!$A$2:$C$346,2,0))^2+(VLOOKUP($A95,városok!$A$2:$C$346,3,0)-VLOOKUP(O$1,városok!$A$2:$C$346,3,0))^2)/1000,0)</f>
        <v>277</v>
      </c>
      <c r="P95">
        <f ca="1">ROUND(SQRT((VLOOKUP($A95,városok!$A$2:$C$346,2,0)-VLOOKUP(P$1,városok!$A$2:$C$346,2,0))^2+(VLOOKUP($A95,városok!$A$2:$C$346,3,0)-VLOOKUP(P$1,városok!$A$2:$C$346,3,0))^2)/1000,0)</f>
        <v>277</v>
      </c>
      <c r="Q95">
        <f ca="1">ROUND(SQRT((VLOOKUP($A95,városok!$A$2:$C$346,2,0)-VLOOKUP(Q$1,városok!$A$2:$C$346,2,0))^2+(VLOOKUP($A95,városok!$A$2:$C$346,3,0)-VLOOKUP(Q$1,városok!$A$2:$C$346,3,0))^2)/1000,0)</f>
        <v>41</v>
      </c>
      <c r="R95">
        <f ca="1">ROUND(SQRT((VLOOKUP($A95,városok!$A$2:$C$346,2,0)-VLOOKUP(R$1,városok!$A$2:$C$346,2,0))^2+(VLOOKUP($A95,városok!$A$2:$C$346,3,0)-VLOOKUP(R$1,városok!$A$2:$C$346,3,0))^2)/1000,0)</f>
        <v>46</v>
      </c>
      <c r="S95">
        <f ca="1">ROUND(SQRT((VLOOKUP($A95,városok!$A$2:$C$346,2,0)-VLOOKUP(S$1,városok!$A$2:$C$346,2,0))^2+(VLOOKUP($A95,városok!$A$2:$C$346,3,0)-VLOOKUP(S$1,városok!$A$2:$C$346,3,0))^2)/1000,0)</f>
        <v>22</v>
      </c>
      <c r="T95">
        <f ca="1">ROUND(SQRT((VLOOKUP($A95,városok!$A$2:$C$346,2,0)-VLOOKUP(T$1,városok!$A$2:$C$346,2,0))^2+(VLOOKUP($A95,városok!$A$2:$C$346,3,0)-VLOOKUP(T$1,városok!$A$2:$C$346,3,0))^2)/1000,0)</f>
        <v>171</v>
      </c>
      <c r="U95">
        <f ca="1">ROUND(SQRT((VLOOKUP($A95,városok!$A$2:$C$346,2,0)-VLOOKUP(U$1,városok!$A$2:$C$346,2,0))^2+(VLOOKUP($A95,városok!$A$2:$C$346,3,0)-VLOOKUP(U$1,városok!$A$2:$C$346,3,0))^2)/1000,0)</f>
        <v>111</v>
      </c>
      <c r="V95">
        <f ca="1">ROUND(SQRT((VLOOKUP($A95,városok!$A$2:$C$346,2,0)-VLOOKUP(V$1,városok!$A$2:$C$346,2,0))^2+(VLOOKUP($A95,városok!$A$2:$C$346,3,0)-VLOOKUP(V$1,városok!$A$2:$C$346,3,0))^2)/1000,0)</f>
        <v>153</v>
      </c>
      <c r="W95">
        <f ca="1">ROUND(SQRT((VLOOKUP($A95,városok!$A$2:$C$346,2,0)-VLOOKUP(W$1,városok!$A$2:$C$346,2,0))^2+(VLOOKUP($A95,városok!$A$2:$C$346,3,0)-VLOOKUP(W$1,városok!$A$2:$C$346,3,0))^2)/1000,0)</f>
        <v>122</v>
      </c>
      <c r="X95">
        <f ca="1">ROUND(SQRT((VLOOKUP($A95,városok!$A$2:$C$346,2,0)-VLOOKUP(X$1,városok!$A$2:$C$346,2,0))^2+(VLOOKUP($A95,városok!$A$2:$C$346,3,0)-VLOOKUP(X$1,városok!$A$2:$C$346,3,0))^2)/1000,0)</f>
        <v>169</v>
      </c>
      <c r="Y95">
        <f ca="1">ROUND(SQRT((VLOOKUP($A95,városok!$A$2:$C$346,2,0)-VLOOKUP(Y$1,városok!$A$2:$C$346,2,0))^2+(VLOOKUP($A95,városok!$A$2:$C$346,3,0)-VLOOKUP(Y$1,városok!$A$2:$C$346,3,0))^2)/1000,0)</f>
        <v>237</v>
      </c>
      <c r="Z95">
        <f ca="1">ROUND(SQRT((VLOOKUP($A95,városok!$A$2:$C$346,2,0)-VLOOKUP(Z$1,városok!$A$2:$C$346,2,0))^2+(VLOOKUP($A95,városok!$A$2:$C$346,3,0)-VLOOKUP(Z$1,városok!$A$2:$C$346,3,0))^2)/1000,0)</f>
        <v>254</v>
      </c>
      <c r="AA95">
        <f ca="1">ROUND(SQRT((VLOOKUP($A95,városok!$A$2:$C$346,2,0)-VLOOKUP(AA$1,városok!$A$2:$C$346,2,0))^2+(VLOOKUP($A95,városok!$A$2:$C$346,3,0)-VLOOKUP(AA$1,városok!$A$2:$C$346,3,0))^2)/1000,0)</f>
        <v>300</v>
      </c>
      <c r="AB95">
        <f ca="1">ROUND(SQRT((VLOOKUP($A95,városok!$A$2:$C$346,2,0)-VLOOKUP(AB$1,városok!$A$2:$C$346,2,0))^2+(VLOOKUP($A95,városok!$A$2:$C$346,3,0)-VLOOKUP(AB$1,városok!$A$2:$C$346,3,0))^2)/1000,0)</f>
        <v>198</v>
      </c>
      <c r="AC95">
        <f ca="1">ROUND(SQRT((VLOOKUP($A95,városok!$A$2:$C$346,2,0)-VLOOKUP(AC$1,városok!$A$2:$C$346,2,0))^2+(VLOOKUP($A95,városok!$A$2:$C$346,3,0)-VLOOKUP(AC$1,városok!$A$2:$C$346,3,0))^2)/1000,0)</f>
        <v>179</v>
      </c>
      <c r="AD95">
        <f ca="1">ROUND(SQRT((VLOOKUP($A95,városok!$A$2:$C$346,2,0)-VLOOKUP(AD$1,városok!$A$2:$C$346,2,0))^2+(VLOOKUP($A95,városok!$A$2:$C$346,3,0)-VLOOKUP(AD$1,városok!$A$2:$C$346,3,0))^2)/1000,0)</f>
        <v>166</v>
      </c>
      <c r="AE95">
        <f ca="1">ROUND(SQRT((VLOOKUP($A95,városok!$A$2:$C$346,2,0)-VLOOKUP(AE$1,városok!$A$2:$C$346,2,0))^2+(VLOOKUP($A95,városok!$A$2:$C$346,3,0)-VLOOKUP(AE$1,városok!$A$2:$C$346,3,0))^2)/1000,0)</f>
        <v>154</v>
      </c>
      <c r="AF95">
        <f ca="1">ROUND(SQRT((VLOOKUP($A95,városok!$A$2:$C$346,2,0)-VLOOKUP(AF$1,városok!$A$2:$C$346,2,0))^2+(VLOOKUP($A95,városok!$A$2:$C$346,3,0)-VLOOKUP(AF$1,városok!$A$2:$C$346,3,0))^2)/1000,0)</f>
        <v>191</v>
      </c>
      <c r="AG95">
        <f ca="1">ROUND(SQRT((VLOOKUP($A95,városok!$A$2:$C$346,2,0)-VLOOKUP(AG$1,városok!$A$2:$C$346,2,0))^2+(VLOOKUP($A95,városok!$A$2:$C$346,3,0)-VLOOKUP(AG$1,városok!$A$2:$C$346,3,0))^2)/1000,0)</f>
        <v>174</v>
      </c>
      <c r="AH95">
        <f ca="1">ROUND(SQRT((VLOOKUP($A95,városok!$A$2:$C$346,2,0)-VLOOKUP(AH$1,városok!$A$2:$C$346,2,0))^2+(VLOOKUP($A95,városok!$A$2:$C$346,3,0)-VLOOKUP(AH$1,városok!$A$2:$C$346,3,0))^2)/1000,0)</f>
        <v>162</v>
      </c>
      <c r="AI95">
        <f ca="1">ROUND(SQRT((VLOOKUP($A95,városok!$A$2:$C$346,2,0)-VLOOKUP(AI$1,városok!$A$2:$C$346,2,0))^2+(VLOOKUP($A95,városok!$A$2:$C$346,3,0)-VLOOKUP(AI$1,városok!$A$2:$C$346,3,0))^2)/1000,0)</f>
        <v>201</v>
      </c>
      <c r="AJ95">
        <f ca="1">ROUND(SQRT((VLOOKUP($A95,városok!$A$2:$C$346,2,0)-VLOOKUP(AJ$1,városok!$A$2:$C$346,2,0))^2+(VLOOKUP($A95,városok!$A$2:$C$346,3,0)-VLOOKUP(AJ$1,városok!$A$2:$C$346,3,0))^2)/1000,0)</f>
        <v>159</v>
      </c>
      <c r="AK95">
        <f ca="1">ROUND(SQRT((VLOOKUP($A95,városok!$A$2:$C$346,2,0)-VLOOKUP(AK$1,városok!$A$2:$C$346,2,0))^2+(VLOOKUP($A95,városok!$A$2:$C$346,3,0)-VLOOKUP(AK$1,városok!$A$2:$C$346,3,0))^2)/1000,0)</f>
        <v>145</v>
      </c>
      <c r="AL95">
        <f ca="1">ROUND(SQRT((VLOOKUP($A95,városok!$A$2:$C$346,2,0)-VLOOKUP(AL$1,városok!$A$2:$C$346,2,0))^2+(VLOOKUP($A95,városok!$A$2:$C$346,3,0)-VLOOKUP(AL$1,városok!$A$2:$C$346,3,0))^2)/1000,0)</f>
        <v>140</v>
      </c>
      <c r="AM95">
        <f ca="1">ROUND(SQRT((VLOOKUP($A95,városok!$A$2:$C$346,2,0)-VLOOKUP(AM$1,városok!$A$2:$C$346,2,0))^2+(VLOOKUP($A95,városok!$A$2:$C$346,3,0)-VLOOKUP(AM$1,városok!$A$2:$C$346,3,0))^2)/1000,0)</f>
        <v>110</v>
      </c>
      <c r="AN95">
        <f ca="1">ROUND(SQRT((VLOOKUP($A95,városok!$A$2:$C$346,2,0)-VLOOKUP(AN$1,városok!$A$2:$C$346,2,0))^2+(VLOOKUP($A95,városok!$A$2:$C$346,3,0)-VLOOKUP(AN$1,városok!$A$2:$C$346,3,0))^2)/1000,0)</f>
        <v>195</v>
      </c>
      <c r="AO95">
        <f ca="1">ROUND(SQRT((VLOOKUP($A95,városok!$A$2:$C$346,2,0)-VLOOKUP(AO$1,városok!$A$2:$C$346,2,0))^2+(VLOOKUP($A95,városok!$A$2:$C$346,3,0)-VLOOKUP(AO$1,városok!$A$2:$C$346,3,0))^2)/1000,0)</f>
        <v>216</v>
      </c>
      <c r="AP95">
        <f ca="1">ROUND(SQRT((VLOOKUP($A95,városok!$A$2:$C$346,2,0)-VLOOKUP(AP$1,városok!$A$2:$C$346,2,0))^2+(VLOOKUP($A95,városok!$A$2:$C$346,3,0)-VLOOKUP(AP$1,városok!$A$2:$C$346,3,0))^2)/1000,0)</f>
        <v>198</v>
      </c>
      <c r="AQ95">
        <f ca="1">ROUND(SQRT((VLOOKUP($A95,városok!$A$2:$C$346,2,0)-VLOOKUP(AQ$1,városok!$A$2:$C$346,2,0))^2+(VLOOKUP($A95,városok!$A$2:$C$346,3,0)-VLOOKUP(AQ$1,városok!$A$2:$C$346,3,0))^2)/1000,0)</f>
        <v>188</v>
      </c>
      <c r="AR95">
        <f ca="1">ROUND(SQRT((VLOOKUP($A95,városok!$A$2:$C$346,2,0)-VLOOKUP(AR$1,városok!$A$2:$C$346,2,0))^2+(VLOOKUP($A95,városok!$A$2:$C$346,3,0)-VLOOKUP(AR$1,városok!$A$2:$C$346,3,0))^2)/1000,0)</f>
        <v>190</v>
      </c>
      <c r="AS95">
        <f ca="1">ROUND(SQRT((VLOOKUP($A95,városok!$A$2:$C$346,2,0)-VLOOKUP(AS$1,városok!$A$2:$C$346,2,0))^2+(VLOOKUP($A95,városok!$A$2:$C$346,3,0)-VLOOKUP(AS$1,városok!$A$2:$C$346,3,0))^2)/1000,0)</f>
        <v>211</v>
      </c>
      <c r="AT95">
        <f ca="1">ROUND(SQRT((VLOOKUP($A95,városok!$A$2:$C$346,2,0)-VLOOKUP(AT$1,városok!$A$2:$C$346,2,0))^2+(VLOOKUP($A95,városok!$A$2:$C$346,3,0)-VLOOKUP(AT$1,városok!$A$2:$C$346,3,0))^2)/1000,0)</f>
        <v>161</v>
      </c>
      <c r="AU95">
        <f ca="1">ROUND(SQRT((VLOOKUP($A95,városok!$A$2:$C$346,2,0)-VLOOKUP(AU$1,városok!$A$2:$C$346,2,0))^2+(VLOOKUP($A95,városok!$A$2:$C$346,3,0)-VLOOKUP(AU$1,városok!$A$2:$C$346,3,0))^2)/1000,0)</f>
        <v>155</v>
      </c>
      <c r="AV95">
        <f ca="1">ROUND(SQRT((VLOOKUP($A95,városok!$A$2:$C$346,2,0)-VLOOKUP(AV$1,városok!$A$2:$C$346,2,0))^2+(VLOOKUP($A95,városok!$A$2:$C$346,3,0)-VLOOKUP(AV$1,városok!$A$2:$C$346,3,0))^2)/1000,0)</f>
        <v>151</v>
      </c>
      <c r="AW95">
        <f ca="1">ROUND(SQRT((VLOOKUP($A95,városok!$A$2:$C$346,2,0)-VLOOKUP(AW$1,városok!$A$2:$C$346,2,0))^2+(VLOOKUP($A95,városok!$A$2:$C$346,3,0)-VLOOKUP(AW$1,városok!$A$2:$C$346,3,0))^2)/1000,0)</f>
        <v>151</v>
      </c>
      <c r="AX95">
        <f ca="1">ROUND(SQRT((VLOOKUP($A95,városok!$A$2:$C$346,2,0)-VLOOKUP(AX$1,városok!$A$2:$C$346,2,0))^2+(VLOOKUP($A95,városok!$A$2:$C$346,3,0)-VLOOKUP(AX$1,városok!$A$2:$C$346,3,0))^2)/1000,0)</f>
        <v>91</v>
      </c>
      <c r="AY95">
        <f ca="1">ROUND(SQRT((VLOOKUP($A95,városok!$A$2:$C$346,2,0)-VLOOKUP(AY$1,városok!$A$2:$C$346,2,0))^2+(VLOOKUP($A95,városok!$A$2:$C$346,3,0)-VLOOKUP(AY$1,városok!$A$2:$C$346,3,0))^2)/1000,0)</f>
        <v>175</v>
      </c>
      <c r="AZ95">
        <f ca="1">ROUND(SQRT((VLOOKUP($A95,városok!$A$2:$C$346,2,0)-VLOOKUP(AZ$1,városok!$A$2:$C$346,2,0))^2+(VLOOKUP($A95,városok!$A$2:$C$346,3,0)-VLOOKUP(AZ$1,városok!$A$2:$C$346,3,0))^2)/1000,0)</f>
        <v>188</v>
      </c>
      <c r="BA95">
        <f ca="1">ROUND(SQRT((VLOOKUP($A95,városok!$A$2:$C$346,2,0)-VLOOKUP(BA$1,városok!$A$2:$C$346,2,0))^2+(VLOOKUP($A95,városok!$A$2:$C$346,3,0)-VLOOKUP(BA$1,városok!$A$2:$C$346,3,0))^2)/1000,0)</f>
        <v>179</v>
      </c>
      <c r="BB95">
        <f ca="1">ROUND(SQRT((VLOOKUP($A95,városok!$A$2:$C$346,2,0)-VLOOKUP(BB$1,városok!$A$2:$C$346,2,0))^2+(VLOOKUP($A95,városok!$A$2:$C$346,3,0)-VLOOKUP(BB$1,városok!$A$2:$C$346,3,0))^2)/1000,0)</f>
        <v>154</v>
      </c>
      <c r="BC95">
        <f ca="1">ROUND(SQRT((VLOOKUP($A95,városok!$A$2:$C$346,2,0)-VLOOKUP(BC$1,városok!$A$2:$C$346,2,0))^2+(VLOOKUP($A95,városok!$A$2:$C$346,3,0)-VLOOKUP(BC$1,városok!$A$2:$C$346,3,0))^2)/1000,0)</f>
        <v>162</v>
      </c>
      <c r="BD95">
        <f ca="1">ROUND(SQRT((VLOOKUP($A95,városok!$A$2:$C$346,2,0)-VLOOKUP(BD$1,városok!$A$2:$C$346,2,0))^2+(VLOOKUP($A95,városok!$A$2:$C$346,3,0)-VLOOKUP(BD$1,városok!$A$2:$C$346,3,0))^2)/1000,0)</f>
        <v>159</v>
      </c>
      <c r="BE95">
        <f ca="1">ROUND(SQRT((VLOOKUP($A95,városok!$A$2:$C$346,2,0)-VLOOKUP(BE$1,városok!$A$2:$C$346,2,0))^2+(VLOOKUP($A95,városok!$A$2:$C$346,3,0)-VLOOKUP(BE$1,városok!$A$2:$C$346,3,0))^2)/1000,0)</f>
        <v>278</v>
      </c>
      <c r="BF95">
        <f ca="1">ROUND(SQRT((VLOOKUP($A95,városok!$A$2:$C$346,2,0)-VLOOKUP(BF$1,városok!$A$2:$C$346,2,0))^2+(VLOOKUP($A95,városok!$A$2:$C$346,3,0)-VLOOKUP(BF$1,városok!$A$2:$C$346,3,0))^2)/1000,0)</f>
        <v>278</v>
      </c>
      <c r="BG95">
        <f ca="1">ROUND(SQRT((VLOOKUP($A95,városok!$A$2:$C$346,2,0)-VLOOKUP(BG$1,városok!$A$2:$C$346,2,0))^2+(VLOOKUP($A95,városok!$A$2:$C$346,3,0)-VLOOKUP(BG$1,városok!$A$2:$C$346,3,0))^2)/1000,0)</f>
        <v>244</v>
      </c>
      <c r="BH95">
        <f ca="1">ROUND(SQRT((VLOOKUP($A95,városok!$A$2:$C$346,2,0)-VLOOKUP(BH$1,városok!$A$2:$C$346,2,0))^2+(VLOOKUP($A95,városok!$A$2:$C$346,3,0)-VLOOKUP(BH$1,városok!$A$2:$C$346,3,0))^2)/1000,0)</f>
        <v>244</v>
      </c>
      <c r="BI95">
        <f ca="1">ROUND(SQRT((VLOOKUP($A95,városok!$A$2:$C$346,2,0)-VLOOKUP(BI$1,városok!$A$2:$C$346,2,0))^2+(VLOOKUP($A95,városok!$A$2:$C$346,3,0)-VLOOKUP(BI$1,városok!$A$2:$C$346,3,0))^2)/1000,0)</f>
        <v>99</v>
      </c>
      <c r="BJ95">
        <f ca="1">ROUND(SQRT((VLOOKUP($A95,városok!$A$2:$C$346,2,0)-VLOOKUP(BJ$1,városok!$A$2:$C$346,2,0))^2+(VLOOKUP($A95,városok!$A$2:$C$346,3,0)-VLOOKUP(BJ$1,városok!$A$2:$C$346,3,0))^2)/1000,0)</f>
        <v>110</v>
      </c>
      <c r="BK95">
        <f ca="1">ROUND(SQRT((VLOOKUP($A95,városok!$A$2:$C$346,2,0)-VLOOKUP(BK$1,városok!$A$2:$C$346,2,0))^2+(VLOOKUP($A95,városok!$A$2:$C$346,3,0)-VLOOKUP(BK$1,városok!$A$2:$C$346,3,0))^2)/1000,0)</f>
        <v>92</v>
      </c>
      <c r="BL95">
        <f ca="1">ROUND(SQRT((VLOOKUP($A95,városok!$A$2:$C$346,2,0)-VLOOKUP(BL$1,városok!$A$2:$C$346,2,0))^2+(VLOOKUP($A95,városok!$A$2:$C$346,3,0)-VLOOKUP(BL$1,városok!$A$2:$C$346,3,0))^2)/1000,0)</f>
        <v>266</v>
      </c>
      <c r="BM95">
        <f ca="1">ROUND(SQRT((VLOOKUP($A95,városok!$A$2:$C$346,2,0)-VLOOKUP(BM$1,városok!$A$2:$C$346,2,0))^2+(VLOOKUP($A95,városok!$A$2:$C$346,3,0)-VLOOKUP(BM$1,városok!$A$2:$C$346,3,0))^2)/1000,0)</f>
        <v>253</v>
      </c>
      <c r="BN95">
        <f ca="1">ROUND(SQRT((VLOOKUP($A95,városok!$A$2:$C$346,2,0)-VLOOKUP(BN$1,városok!$A$2:$C$346,2,0))^2+(VLOOKUP($A95,városok!$A$2:$C$346,3,0)-VLOOKUP(BN$1,városok!$A$2:$C$346,3,0))^2)/1000,0)</f>
        <v>274</v>
      </c>
      <c r="BO95">
        <f ca="1">ROUND(SQRT((VLOOKUP($A95,városok!$A$2:$C$346,2,0)-VLOOKUP(BO$1,városok!$A$2:$C$346,2,0))^2+(VLOOKUP($A95,városok!$A$2:$C$346,3,0)-VLOOKUP(BO$1,városok!$A$2:$C$346,3,0))^2)/1000,0)</f>
        <v>169</v>
      </c>
      <c r="BP95">
        <f ca="1">ROUND(SQRT((VLOOKUP($A95,városok!$A$2:$C$346,2,0)-VLOOKUP(BP$1,városok!$A$2:$C$346,2,0))^2+(VLOOKUP($A95,városok!$A$2:$C$346,3,0)-VLOOKUP(BP$1,városok!$A$2:$C$346,3,0))^2)/1000,0)</f>
        <v>164</v>
      </c>
      <c r="BQ95">
        <f ca="1">ROUND(SQRT((VLOOKUP($A95,városok!$A$2:$C$346,2,0)-VLOOKUP(BQ$1,városok!$A$2:$C$346,2,0))^2+(VLOOKUP($A95,városok!$A$2:$C$346,3,0)-VLOOKUP(BQ$1,városok!$A$2:$C$346,3,0))^2)/1000,0)</f>
        <v>180</v>
      </c>
      <c r="BR95">
        <f ca="1">ROUND(SQRT((VLOOKUP($A95,városok!$A$2:$C$346,2,0)-VLOOKUP(BR$1,városok!$A$2:$C$346,2,0))^2+(VLOOKUP($A95,városok!$A$2:$C$346,3,0)-VLOOKUP(BR$1,városok!$A$2:$C$346,3,0))^2)/1000,0)</f>
        <v>211</v>
      </c>
      <c r="BS95">
        <f ca="1">ROUND(SQRT((VLOOKUP($A95,városok!$A$2:$C$346,2,0)-VLOOKUP(BS$1,városok!$A$2:$C$346,2,0))^2+(VLOOKUP($A95,városok!$A$2:$C$346,3,0)-VLOOKUP(BS$1,városok!$A$2:$C$346,3,0))^2)/1000,0)</f>
        <v>224</v>
      </c>
      <c r="BT95">
        <f ca="1">ROUND(SQRT((VLOOKUP($A95,városok!$A$2:$C$346,2,0)-VLOOKUP(BT$1,városok!$A$2:$C$346,2,0))^2+(VLOOKUP($A95,városok!$A$2:$C$346,3,0)-VLOOKUP(BT$1,városok!$A$2:$C$346,3,0))^2)/1000,0)</f>
        <v>243</v>
      </c>
    </row>
    <row r="96" spans="1:72" x14ac:dyDescent="0.2">
      <c r="A96" t="str">
        <f>városok!A96</f>
        <v>Sándorfalva</v>
      </c>
      <c r="B96">
        <f ca="1">ROUND(SQRT((VLOOKUP($A96,városok!$A$2:$C$346,2,0)-VLOOKUP(B$1,városok!$A$2:$C$346,2,0))^2+(VLOOKUP($A96,városok!$A$2:$C$346,3,0)-VLOOKUP(B$1,városok!$A$2:$C$346,3,0))^2)/1000,0)</f>
        <v>90</v>
      </c>
      <c r="C96">
        <f ca="1">ROUND(SQRT((VLOOKUP($A96,városok!$A$2:$C$346,2,0)-VLOOKUP(C$1,városok!$A$2:$C$346,2,0))^2+(VLOOKUP($A96,városok!$A$2:$C$346,3,0)-VLOOKUP(C$1,városok!$A$2:$C$346,3,0))^2)/1000,0)</f>
        <v>88</v>
      </c>
      <c r="D96">
        <f ca="1">ROUND(SQRT((VLOOKUP($A96,városok!$A$2:$C$346,2,0)-VLOOKUP(D$1,városok!$A$2:$C$346,2,0))^2+(VLOOKUP($A96,városok!$A$2:$C$346,3,0)-VLOOKUP(D$1,városok!$A$2:$C$346,3,0))^2)/1000,0)</f>
        <v>68</v>
      </c>
      <c r="E96">
        <f ca="1">ROUND(SQRT((VLOOKUP($A96,városok!$A$2:$C$346,2,0)-VLOOKUP(E$1,városok!$A$2:$C$346,2,0))^2+(VLOOKUP($A96,városok!$A$2:$C$346,3,0)-VLOOKUP(E$1,városok!$A$2:$C$346,3,0))^2)/1000,0)</f>
        <v>143</v>
      </c>
      <c r="F96">
        <f ca="1">ROUND(SQRT((VLOOKUP($A96,városok!$A$2:$C$346,2,0)-VLOOKUP(F$1,városok!$A$2:$C$346,2,0))^2+(VLOOKUP($A96,városok!$A$2:$C$346,3,0)-VLOOKUP(F$1,városok!$A$2:$C$346,3,0))^2)/1000,0)</f>
        <v>117</v>
      </c>
      <c r="G96">
        <f ca="1">ROUND(SQRT((VLOOKUP($A96,városok!$A$2:$C$346,2,0)-VLOOKUP(G$1,városok!$A$2:$C$346,2,0))^2+(VLOOKUP($A96,városok!$A$2:$C$346,3,0)-VLOOKUP(G$1,városok!$A$2:$C$346,3,0))^2)/1000,0)</f>
        <v>147</v>
      </c>
      <c r="H96">
        <f ca="1">ROUND(SQRT((VLOOKUP($A96,városok!$A$2:$C$346,2,0)-VLOOKUP(H$1,városok!$A$2:$C$346,2,0))^2+(VLOOKUP($A96,városok!$A$2:$C$346,3,0)-VLOOKUP(H$1,városok!$A$2:$C$346,3,0))^2)/1000,0)</f>
        <v>181</v>
      </c>
      <c r="I96">
        <f ca="1">ROUND(SQRT((VLOOKUP($A96,városok!$A$2:$C$346,2,0)-VLOOKUP(I$1,városok!$A$2:$C$346,2,0))^2+(VLOOKUP($A96,városok!$A$2:$C$346,3,0)-VLOOKUP(I$1,városok!$A$2:$C$346,3,0))^2)/1000,0)</f>
        <v>83</v>
      </c>
      <c r="J96">
        <f ca="1">ROUND(SQRT((VLOOKUP($A96,városok!$A$2:$C$346,2,0)-VLOOKUP(J$1,városok!$A$2:$C$346,2,0))^2+(VLOOKUP($A96,városok!$A$2:$C$346,3,0)-VLOOKUP(J$1,városok!$A$2:$C$346,3,0))^2)/1000,0)</f>
        <v>95</v>
      </c>
      <c r="K96">
        <f ca="1">ROUND(SQRT((VLOOKUP($A96,városok!$A$2:$C$346,2,0)-VLOOKUP(K$1,városok!$A$2:$C$346,2,0))^2+(VLOOKUP($A96,városok!$A$2:$C$346,3,0)-VLOOKUP(K$1,városok!$A$2:$C$346,3,0))^2)/1000,0)</f>
        <v>49</v>
      </c>
      <c r="L96">
        <f ca="1">ROUND(SQRT((VLOOKUP($A96,városok!$A$2:$C$346,2,0)-VLOOKUP(L$1,városok!$A$2:$C$346,2,0))^2+(VLOOKUP($A96,városok!$A$2:$C$346,3,0)-VLOOKUP(L$1,városok!$A$2:$C$346,3,0))^2)/1000,0)</f>
        <v>214</v>
      </c>
      <c r="M96">
        <f ca="1">ROUND(SQRT((VLOOKUP($A96,városok!$A$2:$C$346,2,0)-VLOOKUP(M$1,városok!$A$2:$C$346,2,0))^2+(VLOOKUP($A96,városok!$A$2:$C$346,3,0)-VLOOKUP(M$1,városok!$A$2:$C$346,3,0))^2)/1000,0)</f>
        <v>201</v>
      </c>
      <c r="N96">
        <f ca="1">ROUND(SQRT((VLOOKUP($A96,városok!$A$2:$C$346,2,0)-VLOOKUP(N$1,városok!$A$2:$C$346,2,0))^2+(VLOOKUP($A96,városok!$A$2:$C$346,3,0)-VLOOKUP(N$1,városok!$A$2:$C$346,3,0))^2)/1000,0)</f>
        <v>207</v>
      </c>
      <c r="O96">
        <f ca="1">ROUND(SQRT((VLOOKUP($A96,városok!$A$2:$C$346,2,0)-VLOOKUP(O$1,városok!$A$2:$C$346,2,0))^2+(VLOOKUP($A96,városok!$A$2:$C$346,3,0)-VLOOKUP(O$1,városok!$A$2:$C$346,3,0))^2)/1000,0)</f>
        <v>255</v>
      </c>
      <c r="P96">
        <f ca="1">ROUND(SQRT((VLOOKUP($A96,városok!$A$2:$C$346,2,0)-VLOOKUP(P$1,városok!$A$2:$C$346,2,0))^2+(VLOOKUP($A96,városok!$A$2:$C$346,3,0)-VLOOKUP(P$1,városok!$A$2:$C$346,3,0))^2)/1000,0)</f>
        <v>255</v>
      </c>
      <c r="Q96">
        <f ca="1">ROUND(SQRT((VLOOKUP($A96,városok!$A$2:$C$346,2,0)-VLOOKUP(Q$1,városok!$A$2:$C$346,2,0))^2+(VLOOKUP($A96,városok!$A$2:$C$346,3,0)-VLOOKUP(Q$1,városok!$A$2:$C$346,3,0))^2)/1000,0)</f>
        <v>18</v>
      </c>
      <c r="R96">
        <f ca="1">ROUND(SQRT((VLOOKUP($A96,városok!$A$2:$C$346,2,0)-VLOOKUP(R$1,városok!$A$2:$C$346,2,0))^2+(VLOOKUP($A96,városok!$A$2:$C$346,3,0)-VLOOKUP(R$1,városok!$A$2:$C$346,3,0))^2)/1000,0)</f>
        <v>33</v>
      </c>
      <c r="S96">
        <f ca="1">ROUND(SQRT((VLOOKUP($A96,városok!$A$2:$C$346,2,0)-VLOOKUP(S$1,városok!$A$2:$C$346,2,0))^2+(VLOOKUP($A96,városok!$A$2:$C$346,3,0)-VLOOKUP(S$1,városok!$A$2:$C$346,3,0))^2)/1000,0)</f>
        <v>13</v>
      </c>
      <c r="T96">
        <f ca="1">ROUND(SQRT((VLOOKUP($A96,városok!$A$2:$C$346,2,0)-VLOOKUP(T$1,városok!$A$2:$C$346,2,0))^2+(VLOOKUP($A96,városok!$A$2:$C$346,3,0)-VLOOKUP(T$1,városok!$A$2:$C$346,3,0))^2)/1000,0)</f>
        <v>168</v>
      </c>
      <c r="U96">
        <f ca="1">ROUND(SQRT((VLOOKUP($A96,városok!$A$2:$C$346,2,0)-VLOOKUP(U$1,városok!$A$2:$C$346,2,0))^2+(VLOOKUP($A96,városok!$A$2:$C$346,3,0)-VLOOKUP(U$1,városok!$A$2:$C$346,3,0))^2)/1000,0)</f>
        <v>112</v>
      </c>
      <c r="V96">
        <f ca="1">ROUND(SQRT((VLOOKUP($A96,városok!$A$2:$C$346,2,0)-VLOOKUP(V$1,városok!$A$2:$C$346,2,0))^2+(VLOOKUP($A96,városok!$A$2:$C$346,3,0)-VLOOKUP(V$1,városok!$A$2:$C$346,3,0))^2)/1000,0)</f>
        <v>158</v>
      </c>
      <c r="W96">
        <f ca="1">ROUND(SQRT((VLOOKUP($A96,városok!$A$2:$C$346,2,0)-VLOOKUP(W$1,városok!$A$2:$C$346,2,0))^2+(VLOOKUP($A96,városok!$A$2:$C$346,3,0)-VLOOKUP(W$1,városok!$A$2:$C$346,3,0))^2)/1000,0)</f>
        <v>128</v>
      </c>
      <c r="X96">
        <f ca="1">ROUND(SQRT((VLOOKUP($A96,városok!$A$2:$C$346,2,0)-VLOOKUP(X$1,városok!$A$2:$C$346,2,0))^2+(VLOOKUP($A96,városok!$A$2:$C$346,3,0)-VLOOKUP(X$1,városok!$A$2:$C$346,3,0))^2)/1000,0)</f>
        <v>170</v>
      </c>
      <c r="Y96">
        <f ca="1">ROUND(SQRT((VLOOKUP($A96,városok!$A$2:$C$346,2,0)-VLOOKUP(Y$1,városok!$A$2:$C$346,2,0))^2+(VLOOKUP($A96,városok!$A$2:$C$346,3,0)-VLOOKUP(Y$1,városok!$A$2:$C$346,3,0))^2)/1000,0)</f>
        <v>239</v>
      </c>
      <c r="Z96">
        <f ca="1">ROUND(SQRT((VLOOKUP($A96,városok!$A$2:$C$346,2,0)-VLOOKUP(Z$1,városok!$A$2:$C$346,2,0))^2+(VLOOKUP($A96,városok!$A$2:$C$346,3,0)-VLOOKUP(Z$1,városok!$A$2:$C$346,3,0))^2)/1000,0)</f>
        <v>257</v>
      </c>
      <c r="AA96">
        <f ca="1">ROUND(SQRT((VLOOKUP($A96,városok!$A$2:$C$346,2,0)-VLOOKUP(AA$1,városok!$A$2:$C$346,2,0))^2+(VLOOKUP($A96,városok!$A$2:$C$346,3,0)-VLOOKUP(AA$1,városok!$A$2:$C$346,3,0))^2)/1000,0)</f>
        <v>305</v>
      </c>
      <c r="AB96">
        <f ca="1">ROUND(SQRT((VLOOKUP($A96,városok!$A$2:$C$346,2,0)-VLOOKUP(AB$1,városok!$A$2:$C$346,2,0))^2+(VLOOKUP($A96,városok!$A$2:$C$346,3,0)-VLOOKUP(AB$1,városok!$A$2:$C$346,3,0))^2)/1000,0)</f>
        <v>174</v>
      </c>
      <c r="AC96">
        <f ca="1">ROUND(SQRT((VLOOKUP($A96,városok!$A$2:$C$346,2,0)-VLOOKUP(AC$1,városok!$A$2:$C$346,2,0))^2+(VLOOKUP($A96,városok!$A$2:$C$346,3,0)-VLOOKUP(AC$1,városok!$A$2:$C$346,3,0))^2)/1000,0)</f>
        <v>155</v>
      </c>
      <c r="AD96">
        <f ca="1">ROUND(SQRT((VLOOKUP($A96,városok!$A$2:$C$346,2,0)-VLOOKUP(AD$1,városok!$A$2:$C$346,2,0))^2+(VLOOKUP($A96,városok!$A$2:$C$346,3,0)-VLOOKUP(AD$1,városok!$A$2:$C$346,3,0))^2)/1000,0)</f>
        <v>143</v>
      </c>
      <c r="AE96">
        <f ca="1">ROUND(SQRT((VLOOKUP($A96,városok!$A$2:$C$346,2,0)-VLOOKUP(AE$1,városok!$A$2:$C$346,2,0))^2+(VLOOKUP($A96,városok!$A$2:$C$346,3,0)-VLOOKUP(AE$1,városok!$A$2:$C$346,3,0))^2)/1000,0)</f>
        <v>131</v>
      </c>
      <c r="AF96">
        <f ca="1">ROUND(SQRT((VLOOKUP($A96,városok!$A$2:$C$346,2,0)-VLOOKUP(AF$1,városok!$A$2:$C$346,2,0))^2+(VLOOKUP($A96,városok!$A$2:$C$346,3,0)-VLOOKUP(AF$1,városok!$A$2:$C$346,3,0))^2)/1000,0)</f>
        <v>172</v>
      </c>
      <c r="AG96">
        <f ca="1">ROUND(SQRT((VLOOKUP($A96,városok!$A$2:$C$346,2,0)-VLOOKUP(AG$1,városok!$A$2:$C$346,2,0))^2+(VLOOKUP($A96,városok!$A$2:$C$346,3,0)-VLOOKUP(AG$1,városok!$A$2:$C$346,3,0))^2)/1000,0)</f>
        <v>158</v>
      </c>
      <c r="AH96">
        <f ca="1">ROUND(SQRT((VLOOKUP($A96,városok!$A$2:$C$346,2,0)-VLOOKUP(AH$1,városok!$A$2:$C$346,2,0))^2+(VLOOKUP($A96,városok!$A$2:$C$346,3,0)-VLOOKUP(AH$1,városok!$A$2:$C$346,3,0))^2)/1000,0)</f>
        <v>149</v>
      </c>
      <c r="AI96">
        <f ca="1">ROUND(SQRT((VLOOKUP($A96,városok!$A$2:$C$346,2,0)-VLOOKUP(AI$1,városok!$A$2:$C$346,2,0))^2+(VLOOKUP($A96,városok!$A$2:$C$346,3,0)-VLOOKUP(AI$1,városok!$A$2:$C$346,3,0))^2)/1000,0)</f>
        <v>184</v>
      </c>
      <c r="AJ96">
        <f ca="1">ROUND(SQRT((VLOOKUP($A96,városok!$A$2:$C$346,2,0)-VLOOKUP(AJ$1,városok!$A$2:$C$346,2,0))^2+(VLOOKUP($A96,városok!$A$2:$C$346,3,0)-VLOOKUP(AJ$1,városok!$A$2:$C$346,3,0))^2)/1000,0)</f>
        <v>143</v>
      </c>
      <c r="AK96">
        <f ca="1">ROUND(SQRT((VLOOKUP($A96,városok!$A$2:$C$346,2,0)-VLOOKUP(AK$1,városok!$A$2:$C$346,2,0))^2+(VLOOKUP($A96,városok!$A$2:$C$346,3,0)-VLOOKUP(AK$1,városok!$A$2:$C$346,3,0))^2)/1000,0)</f>
        <v>122</v>
      </c>
      <c r="AL96">
        <f ca="1">ROUND(SQRT((VLOOKUP($A96,városok!$A$2:$C$346,2,0)-VLOOKUP(AL$1,városok!$A$2:$C$346,2,0))^2+(VLOOKUP($A96,városok!$A$2:$C$346,3,0)-VLOOKUP(AL$1,városok!$A$2:$C$346,3,0))^2)/1000,0)</f>
        <v>119</v>
      </c>
      <c r="AM96">
        <f ca="1">ROUND(SQRT((VLOOKUP($A96,városok!$A$2:$C$346,2,0)-VLOOKUP(AM$1,városok!$A$2:$C$346,2,0))^2+(VLOOKUP($A96,városok!$A$2:$C$346,3,0)-VLOOKUP(AM$1,városok!$A$2:$C$346,3,0))^2)/1000,0)</f>
        <v>91</v>
      </c>
      <c r="AN96">
        <f ca="1">ROUND(SQRT((VLOOKUP($A96,városok!$A$2:$C$346,2,0)-VLOOKUP(AN$1,városok!$A$2:$C$346,2,0))^2+(VLOOKUP($A96,városok!$A$2:$C$346,3,0)-VLOOKUP(AN$1,városok!$A$2:$C$346,3,0))^2)/1000,0)</f>
        <v>189</v>
      </c>
      <c r="AO96">
        <f ca="1">ROUND(SQRT((VLOOKUP($A96,városok!$A$2:$C$346,2,0)-VLOOKUP(AO$1,városok!$A$2:$C$346,2,0))^2+(VLOOKUP($A96,városok!$A$2:$C$346,3,0)-VLOOKUP(AO$1,városok!$A$2:$C$346,3,0))^2)/1000,0)</f>
        <v>215</v>
      </c>
      <c r="AP96">
        <f ca="1">ROUND(SQRT((VLOOKUP($A96,városok!$A$2:$C$346,2,0)-VLOOKUP(AP$1,városok!$A$2:$C$346,2,0))^2+(VLOOKUP($A96,városok!$A$2:$C$346,3,0)-VLOOKUP(AP$1,városok!$A$2:$C$346,3,0))^2)/1000,0)</f>
        <v>196</v>
      </c>
      <c r="AQ96">
        <f ca="1">ROUND(SQRT((VLOOKUP($A96,városok!$A$2:$C$346,2,0)-VLOOKUP(AQ$1,városok!$A$2:$C$346,2,0))^2+(VLOOKUP($A96,városok!$A$2:$C$346,3,0)-VLOOKUP(AQ$1,városok!$A$2:$C$346,3,0))^2)/1000,0)</f>
        <v>186</v>
      </c>
      <c r="AR96">
        <f ca="1">ROUND(SQRT((VLOOKUP($A96,városok!$A$2:$C$346,2,0)-VLOOKUP(AR$1,városok!$A$2:$C$346,2,0))^2+(VLOOKUP($A96,városok!$A$2:$C$346,3,0)-VLOOKUP(AR$1,városok!$A$2:$C$346,3,0))^2)/1000,0)</f>
        <v>176</v>
      </c>
      <c r="AS96">
        <f ca="1">ROUND(SQRT((VLOOKUP($A96,városok!$A$2:$C$346,2,0)-VLOOKUP(AS$1,városok!$A$2:$C$346,2,0))^2+(VLOOKUP($A96,városok!$A$2:$C$346,3,0)-VLOOKUP(AS$1,városok!$A$2:$C$346,3,0))^2)/1000,0)</f>
        <v>196</v>
      </c>
      <c r="AT96">
        <f ca="1">ROUND(SQRT((VLOOKUP($A96,városok!$A$2:$C$346,2,0)-VLOOKUP(AT$1,városok!$A$2:$C$346,2,0))^2+(VLOOKUP($A96,városok!$A$2:$C$346,3,0)-VLOOKUP(AT$1,városok!$A$2:$C$346,3,0))^2)/1000,0)</f>
        <v>157</v>
      </c>
      <c r="AU96">
        <f ca="1">ROUND(SQRT((VLOOKUP($A96,városok!$A$2:$C$346,2,0)-VLOOKUP(AU$1,városok!$A$2:$C$346,2,0))^2+(VLOOKUP($A96,városok!$A$2:$C$346,3,0)-VLOOKUP(AU$1,városok!$A$2:$C$346,3,0))^2)/1000,0)</f>
        <v>150</v>
      </c>
      <c r="AV96">
        <f ca="1">ROUND(SQRT((VLOOKUP($A96,városok!$A$2:$C$346,2,0)-VLOOKUP(AV$1,városok!$A$2:$C$346,2,0))^2+(VLOOKUP($A96,városok!$A$2:$C$346,3,0)-VLOOKUP(AV$1,városok!$A$2:$C$346,3,0))^2)/1000,0)</f>
        <v>146</v>
      </c>
      <c r="AW96">
        <f ca="1">ROUND(SQRT((VLOOKUP($A96,városok!$A$2:$C$346,2,0)-VLOOKUP(AW$1,városok!$A$2:$C$346,2,0))^2+(VLOOKUP($A96,városok!$A$2:$C$346,3,0)-VLOOKUP(AW$1,városok!$A$2:$C$346,3,0))^2)/1000,0)</f>
        <v>147</v>
      </c>
      <c r="AX96">
        <f ca="1">ROUND(SQRT((VLOOKUP($A96,városok!$A$2:$C$346,2,0)-VLOOKUP(AX$1,városok!$A$2:$C$346,2,0))^2+(VLOOKUP($A96,városok!$A$2:$C$346,3,0)-VLOOKUP(AX$1,városok!$A$2:$C$346,3,0))^2)/1000,0)</f>
        <v>78</v>
      </c>
      <c r="AY96">
        <f ca="1">ROUND(SQRT((VLOOKUP($A96,városok!$A$2:$C$346,2,0)-VLOOKUP(AY$1,városok!$A$2:$C$346,2,0))^2+(VLOOKUP($A96,városok!$A$2:$C$346,3,0)-VLOOKUP(AY$1,városok!$A$2:$C$346,3,0))^2)/1000,0)</f>
        <v>167</v>
      </c>
      <c r="AZ96">
        <f ca="1">ROUND(SQRT((VLOOKUP($A96,városok!$A$2:$C$346,2,0)-VLOOKUP(AZ$1,városok!$A$2:$C$346,2,0))^2+(VLOOKUP($A96,városok!$A$2:$C$346,3,0)-VLOOKUP(AZ$1,városok!$A$2:$C$346,3,0))^2)/1000,0)</f>
        <v>180</v>
      </c>
      <c r="BA96">
        <f ca="1">ROUND(SQRT((VLOOKUP($A96,városok!$A$2:$C$346,2,0)-VLOOKUP(BA$1,városok!$A$2:$C$346,2,0))^2+(VLOOKUP($A96,városok!$A$2:$C$346,3,0)-VLOOKUP(BA$1,városok!$A$2:$C$346,3,0))^2)/1000,0)</f>
        <v>190</v>
      </c>
      <c r="BB96">
        <f ca="1">ROUND(SQRT((VLOOKUP($A96,városok!$A$2:$C$346,2,0)-VLOOKUP(BB$1,városok!$A$2:$C$346,2,0))^2+(VLOOKUP($A96,városok!$A$2:$C$346,3,0)-VLOOKUP(BB$1,városok!$A$2:$C$346,3,0))^2)/1000,0)</f>
        <v>167</v>
      </c>
      <c r="BC96">
        <f ca="1">ROUND(SQRT((VLOOKUP($A96,városok!$A$2:$C$346,2,0)-VLOOKUP(BC$1,városok!$A$2:$C$346,2,0))^2+(VLOOKUP($A96,városok!$A$2:$C$346,3,0)-VLOOKUP(BC$1,városok!$A$2:$C$346,3,0))^2)/1000,0)</f>
        <v>177</v>
      </c>
      <c r="BD96">
        <f ca="1">ROUND(SQRT((VLOOKUP($A96,városok!$A$2:$C$346,2,0)-VLOOKUP(BD$1,városok!$A$2:$C$346,2,0))^2+(VLOOKUP($A96,városok!$A$2:$C$346,3,0)-VLOOKUP(BD$1,városok!$A$2:$C$346,3,0))^2)/1000,0)</f>
        <v>167</v>
      </c>
      <c r="BE96">
        <f ca="1">ROUND(SQRT((VLOOKUP($A96,városok!$A$2:$C$346,2,0)-VLOOKUP(BE$1,városok!$A$2:$C$346,2,0))^2+(VLOOKUP($A96,városok!$A$2:$C$346,3,0)-VLOOKUP(BE$1,városok!$A$2:$C$346,3,0))^2)/1000,0)</f>
        <v>255</v>
      </c>
      <c r="BF96">
        <f ca="1">ROUND(SQRT((VLOOKUP($A96,városok!$A$2:$C$346,2,0)-VLOOKUP(BF$1,városok!$A$2:$C$346,2,0))^2+(VLOOKUP($A96,városok!$A$2:$C$346,3,0)-VLOOKUP(BF$1,városok!$A$2:$C$346,3,0))^2)/1000,0)</f>
        <v>255</v>
      </c>
      <c r="BG96">
        <f ca="1">ROUND(SQRT((VLOOKUP($A96,városok!$A$2:$C$346,2,0)-VLOOKUP(BG$1,városok!$A$2:$C$346,2,0))^2+(VLOOKUP($A96,városok!$A$2:$C$346,3,0)-VLOOKUP(BG$1,városok!$A$2:$C$346,3,0))^2)/1000,0)</f>
        <v>222</v>
      </c>
      <c r="BH96">
        <f ca="1">ROUND(SQRT((VLOOKUP($A96,városok!$A$2:$C$346,2,0)-VLOOKUP(BH$1,városok!$A$2:$C$346,2,0))^2+(VLOOKUP($A96,városok!$A$2:$C$346,3,0)-VLOOKUP(BH$1,városok!$A$2:$C$346,3,0))^2)/1000,0)</f>
        <v>221</v>
      </c>
      <c r="BI96">
        <f ca="1">ROUND(SQRT((VLOOKUP($A96,városok!$A$2:$C$346,2,0)-VLOOKUP(BI$1,városok!$A$2:$C$346,2,0))^2+(VLOOKUP($A96,városok!$A$2:$C$346,3,0)-VLOOKUP(BI$1,városok!$A$2:$C$346,3,0))^2)/1000,0)</f>
        <v>114</v>
      </c>
      <c r="BJ96">
        <f ca="1">ROUND(SQRT((VLOOKUP($A96,városok!$A$2:$C$346,2,0)-VLOOKUP(BJ$1,városok!$A$2:$C$346,2,0))^2+(VLOOKUP($A96,városok!$A$2:$C$346,3,0)-VLOOKUP(BJ$1,városok!$A$2:$C$346,3,0))^2)/1000,0)</f>
        <v>127</v>
      </c>
      <c r="BK96">
        <f ca="1">ROUND(SQRT((VLOOKUP($A96,városok!$A$2:$C$346,2,0)-VLOOKUP(BK$1,városok!$A$2:$C$346,2,0))^2+(VLOOKUP($A96,városok!$A$2:$C$346,3,0)-VLOOKUP(BK$1,városok!$A$2:$C$346,3,0))^2)/1000,0)</f>
        <v>108</v>
      </c>
      <c r="BL96">
        <f ca="1">ROUND(SQRT((VLOOKUP($A96,városok!$A$2:$C$346,2,0)-VLOOKUP(BL$1,városok!$A$2:$C$346,2,0))^2+(VLOOKUP($A96,városok!$A$2:$C$346,3,0)-VLOOKUP(BL$1,városok!$A$2:$C$346,3,0))^2)/1000,0)</f>
        <v>277</v>
      </c>
      <c r="BM96">
        <f ca="1">ROUND(SQRT((VLOOKUP($A96,városok!$A$2:$C$346,2,0)-VLOOKUP(BM$1,városok!$A$2:$C$346,2,0))^2+(VLOOKUP($A96,városok!$A$2:$C$346,3,0)-VLOOKUP(BM$1,városok!$A$2:$C$346,3,0))^2)/1000,0)</f>
        <v>261</v>
      </c>
      <c r="BN96">
        <f ca="1">ROUND(SQRT((VLOOKUP($A96,városok!$A$2:$C$346,2,0)-VLOOKUP(BN$1,városok!$A$2:$C$346,2,0))^2+(VLOOKUP($A96,városok!$A$2:$C$346,3,0)-VLOOKUP(BN$1,városok!$A$2:$C$346,3,0))^2)/1000,0)</f>
        <v>283</v>
      </c>
      <c r="BO96">
        <f ca="1">ROUND(SQRT((VLOOKUP($A96,városok!$A$2:$C$346,2,0)-VLOOKUP(BO$1,városok!$A$2:$C$346,2,0))^2+(VLOOKUP($A96,városok!$A$2:$C$346,3,0)-VLOOKUP(BO$1,városok!$A$2:$C$346,3,0))^2)/1000,0)</f>
        <v>176</v>
      </c>
      <c r="BP96">
        <f ca="1">ROUND(SQRT((VLOOKUP($A96,városok!$A$2:$C$346,2,0)-VLOOKUP(BP$1,városok!$A$2:$C$346,2,0))^2+(VLOOKUP($A96,városok!$A$2:$C$346,3,0)-VLOOKUP(BP$1,városok!$A$2:$C$346,3,0))^2)/1000,0)</f>
        <v>170</v>
      </c>
      <c r="BQ96">
        <f ca="1">ROUND(SQRT((VLOOKUP($A96,városok!$A$2:$C$346,2,0)-VLOOKUP(BQ$1,városok!$A$2:$C$346,2,0))^2+(VLOOKUP($A96,városok!$A$2:$C$346,3,0)-VLOOKUP(BQ$1,városok!$A$2:$C$346,3,0))^2)/1000,0)</f>
        <v>186</v>
      </c>
      <c r="BR96">
        <f ca="1">ROUND(SQRT((VLOOKUP($A96,városok!$A$2:$C$346,2,0)-VLOOKUP(BR$1,városok!$A$2:$C$346,2,0))^2+(VLOOKUP($A96,városok!$A$2:$C$346,3,0)-VLOOKUP(BR$1,városok!$A$2:$C$346,3,0))^2)/1000,0)</f>
        <v>223</v>
      </c>
      <c r="BS96">
        <f ca="1">ROUND(SQRT((VLOOKUP($A96,városok!$A$2:$C$346,2,0)-VLOOKUP(BS$1,városok!$A$2:$C$346,2,0))^2+(VLOOKUP($A96,városok!$A$2:$C$346,3,0)-VLOOKUP(BS$1,városok!$A$2:$C$346,3,0))^2)/1000,0)</f>
        <v>239</v>
      </c>
      <c r="BT96">
        <f ca="1">ROUND(SQRT((VLOOKUP($A96,városok!$A$2:$C$346,2,0)-VLOOKUP(BT$1,városok!$A$2:$C$346,2,0))^2+(VLOOKUP($A96,városok!$A$2:$C$346,3,0)-VLOOKUP(BT$1,városok!$A$2:$C$346,3,0))^2)/1000,0)</f>
        <v>255</v>
      </c>
    </row>
    <row r="97" spans="1:72" x14ac:dyDescent="0.2">
      <c r="A97" t="str">
        <f>városok!A97</f>
        <v>Szeged</v>
      </c>
      <c r="B97">
        <f ca="1">ROUND(SQRT((VLOOKUP($A97,városok!$A$2:$C$346,2,0)-VLOOKUP(B$1,városok!$A$2:$C$346,2,0))^2+(VLOOKUP($A97,városok!$A$2:$C$346,3,0)-VLOOKUP(B$1,városok!$A$2:$C$346,3,0))^2)/1000,0)</f>
        <v>93</v>
      </c>
      <c r="C97">
        <f ca="1">ROUND(SQRT((VLOOKUP($A97,városok!$A$2:$C$346,2,0)-VLOOKUP(C$1,városok!$A$2:$C$346,2,0))^2+(VLOOKUP($A97,városok!$A$2:$C$346,3,0)-VLOOKUP(C$1,városok!$A$2:$C$346,3,0))^2)/1000,0)</f>
        <v>96</v>
      </c>
      <c r="D97">
        <f ca="1">ROUND(SQRT((VLOOKUP($A97,városok!$A$2:$C$346,2,0)-VLOOKUP(D$1,városok!$A$2:$C$346,2,0))^2+(VLOOKUP($A97,városok!$A$2:$C$346,3,0)-VLOOKUP(D$1,városok!$A$2:$C$346,3,0))^2)/1000,0)</f>
        <v>82</v>
      </c>
      <c r="E97">
        <f ca="1">ROUND(SQRT((VLOOKUP($A97,városok!$A$2:$C$346,2,0)-VLOOKUP(E$1,városok!$A$2:$C$346,2,0))^2+(VLOOKUP($A97,városok!$A$2:$C$346,3,0)-VLOOKUP(E$1,városok!$A$2:$C$346,3,0))^2)/1000,0)</f>
        <v>147</v>
      </c>
      <c r="F97">
        <f ca="1">ROUND(SQRT((VLOOKUP($A97,városok!$A$2:$C$346,2,0)-VLOOKUP(F$1,városok!$A$2:$C$346,2,0))^2+(VLOOKUP($A97,városok!$A$2:$C$346,3,0)-VLOOKUP(F$1,városok!$A$2:$C$346,3,0))^2)/1000,0)</f>
        <v>117</v>
      </c>
      <c r="G97">
        <f ca="1">ROUND(SQRT((VLOOKUP($A97,városok!$A$2:$C$346,2,0)-VLOOKUP(G$1,városok!$A$2:$C$346,2,0))^2+(VLOOKUP($A97,városok!$A$2:$C$346,3,0)-VLOOKUP(G$1,városok!$A$2:$C$346,3,0))^2)/1000,0)</f>
        <v>149</v>
      </c>
      <c r="H97">
        <f ca="1">ROUND(SQRT((VLOOKUP($A97,városok!$A$2:$C$346,2,0)-VLOOKUP(H$1,városok!$A$2:$C$346,2,0))^2+(VLOOKUP($A97,városok!$A$2:$C$346,3,0)-VLOOKUP(H$1,városok!$A$2:$C$346,3,0))^2)/1000,0)</f>
        <v>184</v>
      </c>
      <c r="I97">
        <f ca="1">ROUND(SQRT((VLOOKUP($A97,városok!$A$2:$C$346,2,0)-VLOOKUP(I$1,városok!$A$2:$C$346,2,0))^2+(VLOOKUP($A97,városok!$A$2:$C$346,3,0)-VLOOKUP(I$1,városok!$A$2:$C$346,3,0))^2)/1000,0)</f>
        <v>85</v>
      </c>
      <c r="J97">
        <f ca="1">ROUND(SQRT((VLOOKUP($A97,városok!$A$2:$C$346,2,0)-VLOOKUP(J$1,városok!$A$2:$C$346,2,0))^2+(VLOOKUP($A97,városok!$A$2:$C$346,3,0)-VLOOKUP(J$1,városok!$A$2:$C$346,3,0))^2)/1000,0)</f>
        <v>96</v>
      </c>
      <c r="K97">
        <f ca="1">ROUND(SQRT((VLOOKUP($A97,városok!$A$2:$C$346,2,0)-VLOOKUP(K$1,városok!$A$2:$C$346,2,0))^2+(VLOOKUP($A97,városok!$A$2:$C$346,3,0)-VLOOKUP(K$1,városok!$A$2:$C$346,3,0))^2)/1000,0)</f>
        <v>53</v>
      </c>
      <c r="L97">
        <f ca="1">ROUND(SQRT((VLOOKUP($A97,városok!$A$2:$C$346,2,0)-VLOOKUP(L$1,városok!$A$2:$C$346,2,0))^2+(VLOOKUP($A97,városok!$A$2:$C$346,3,0)-VLOOKUP(L$1,városok!$A$2:$C$346,3,0))^2)/1000,0)</f>
        <v>226</v>
      </c>
      <c r="M97">
        <f ca="1">ROUND(SQRT((VLOOKUP($A97,városok!$A$2:$C$346,2,0)-VLOOKUP(M$1,városok!$A$2:$C$346,2,0))^2+(VLOOKUP($A97,városok!$A$2:$C$346,3,0)-VLOOKUP(M$1,városok!$A$2:$C$346,3,0))^2)/1000,0)</f>
        <v>212</v>
      </c>
      <c r="N97">
        <f ca="1">ROUND(SQRT((VLOOKUP($A97,városok!$A$2:$C$346,2,0)-VLOOKUP(N$1,városok!$A$2:$C$346,2,0))^2+(VLOOKUP($A97,városok!$A$2:$C$346,3,0)-VLOOKUP(N$1,városok!$A$2:$C$346,3,0))^2)/1000,0)</f>
        <v>220</v>
      </c>
      <c r="O97">
        <f ca="1">ROUND(SQRT((VLOOKUP($A97,városok!$A$2:$C$346,2,0)-VLOOKUP(O$1,városok!$A$2:$C$346,2,0))^2+(VLOOKUP($A97,városok!$A$2:$C$346,3,0)-VLOOKUP(O$1,városok!$A$2:$C$346,3,0))^2)/1000,0)</f>
        <v>264</v>
      </c>
      <c r="P97">
        <f ca="1">ROUND(SQRT((VLOOKUP($A97,városok!$A$2:$C$346,2,0)-VLOOKUP(P$1,városok!$A$2:$C$346,2,0))^2+(VLOOKUP($A97,városok!$A$2:$C$346,3,0)-VLOOKUP(P$1,városok!$A$2:$C$346,3,0))^2)/1000,0)</f>
        <v>264</v>
      </c>
      <c r="Q97">
        <f ca="1">ROUND(SQRT((VLOOKUP($A97,városok!$A$2:$C$346,2,0)-VLOOKUP(Q$1,városok!$A$2:$C$346,2,0))^2+(VLOOKUP($A97,városok!$A$2:$C$346,3,0)-VLOOKUP(Q$1,városok!$A$2:$C$346,3,0))^2)/1000,0)</f>
        <v>23</v>
      </c>
      <c r="R97">
        <f ca="1">ROUND(SQRT((VLOOKUP($A97,városok!$A$2:$C$346,2,0)-VLOOKUP(R$1,városok!$A$2:$C$346,2,0))^2+(VLOOKUP($A97,városok!$A$2:$C$346,3,0)-VLOOKUP(R$1,városok!$A$2:$C$346,3,0))^2)/1000,0)</f>
        <v>25</v>
      </c>
      <c r="S97">
        <f ca="1">ROUND(SQRT((VLOOKUP($A97,városok!$A$2:$C$346,2,0)-VLOOKUP(S$1,városok!$A$2:$C$346,2,0))^2+(VLOOKUP($A97,városok!$A$2:$C$346,3,0)-VLOOKUP(S$1,városok!$A$2:$C$346,3,0))^2)/1000,0)</f>
        <v>0</v>
      </c>
      <c r="T97">
        <f ca="1">ROUND(SQRT((VLOOKUP($A97,városok!$A$2:$C$346,2,0)-VLOOKUP(T$1,városok!$A$2:$C$346,2,0))^2+(VLOOKUP($A97,városok!$A$2:$C$346,3,0)-VLOOKUP(T$1,városok!$A$2:$C$346,3,0))^2)/1000,0)</f>
        <v>181</v>
      </c>
      <c r="U97">
        <f ca="1">ROUND(SQRT((VLOOKUP($A97,városok!$A$2:$C$346,2,0)-VLOOKUP(U$1,városok!$A$2:$C$346,2,0))^2+(VLOOKUP($A97,városok!$A$2:$C$346,3,0)-VLOOKUP(U$1,városok!$A$2:$C$346,3,0))^2)/1000,0)</f>
        <v>123</v>
      </c>
      <c r="V97">
        <f ca="1">ROUND(SQRT((VLOOKUP($A97,városok!$A$2:$C$346,2,0)-VLOOKUP(V$1,városok!$A$2:$C$346,2,0))^2+(VLOOKUP($A97,városok!$A$2:$C$346,3,0)-VLOOKUP(V$1,városok!$A$2:$C$346,3,0))^2)/1000,0)</f>
        <v>168</v>
      </c>
      <c r="W97">
        <f ca="1">ROUND(SQRT((VLOOKUP($A97,városok!$A$2:$C$346,2,0)-VLOOKUP(W$1,városok!$A$2:$C$346,2,0))^2+(VLOOKUP($A97,városok!$A$2:$C$346,3,0)-VLOOKUP(W$1,városok!$A$2:$C$346,3,0))^2)/1000,0)</f>
        <v>138</v>
      </c>
      <c r="X97">
        <f ca="1">ROUND(SQRT((VLOOKUP($A97,városok!$A$2:$C$346,2,0)-VLOOKUP(X$1,városok!$A$2:$C$346,2,0))^2+(VLOOKUP($A97,városok!$A$2:$C$346,3,0)-VLOOKUP(X$1,városok!$A$2:$C$346,3,0))^2)/1000,0)</f>
        <v>182</v>
      </c>
      <c r="Y97">
        <f ca="1">ROUND(SQRT((VLOOKUP($A97,városok!$A$2:$C$346,2,0)-VLOOKUP(Y$1,városok!$A$2:$C$346,2,0))^2+(VLOOKUP($A97,városok!$A$2:$C$346,3,0)-VLOOKUP(Y$1,városok!$A$2:$C$346,3,0))^2)/1000,0)</f>
        <v>250</v>
      </c>
      <c r="Z97">
        <f ca="1">ROUND(SQRT((VLOOKUP($A97,városok!$A$2:$C$346,2,0)-VLOOKUP(Z$1,városok!$A$2:$C$346,2,0))^2+(VLOOKUP($A97,városok!$A$2:$C$346,3,0)-VLOOKUP(Z$1,városok!$A$2:$C$346,3,0))^2)/1000,0)</f>
        <v>268</v>
      </c>
      <c r="AA97">
        <f ca="1">ROUND(SQRT((VLOOKUP($A97,városok!$A$2:$C$346,2,0)-VLOOKUP(AA$1,városok!$A$2:$C$346,2,0))^2+(VLOOKUP($A97,városok!$A$2:$C$346,3,0)-VLOOKUP(AA$1,városok!$A$2:$C$346,3,0))^2)/1000,0)</f>
        <v>316</v>
      </c>
      <c r="AB97">
        <f ca="1">ROUND(SQRT((VLOOKUP($A97,városok!$A$2:$C$346,2,0)-VLOOKUP(AB$1,városok!$A$2:$C$346,2,0))^2+(VLOOKUP($A97,városok!$A$2:$C$346,3,0)-VLOOKUP(AB$1,városok!$A$2:$C$346,3,0))^2)/1000,0)</f>
        <v>181</v>
      </c>
      <c r="AC97">
        <f ca="1">ROUND(SQRT((VLOOKUP($A97,városok!$A$2:$C$346,2,0)-VLOOKUP(AC$1,városok!$A$2:$C$346,2,0))^2+(VLOOKUP($A97,városok!$A$2:$C$346,3,0)-VLOOKUP(AC$1,városok!$A$2:$C$346,3,0))^2)/1000,0)</f>
        <v>163</v>
      </c>
      <c r="AD97">
        <f ca="1">ROUND(SQRT((VLOOKUP($A97,városok!$A$2:$C$346,2,0)-VLOOKUP(AD$1,városok!$A$2:$C$346,2,0))^2+(VLOOKUP($A97,városok!$A$2:$C$346,3,0)-VLOOKUP(AD$1,városok!$A$2:$C$346,3,0))^2)/1000,0)</f>
        <v>152</v>
      </c>
      <c r="AE97">
        <f ca="1">ROUND(SQRT((VLOOKUP($A97,városok!$A$2:$C$346,2,0)-VLOOKUP(AE$1,városok!$A$2:$C$346,2,0))^2+(VLOOKUP($A97,városok!$A$2:$C$346,3,0)-VLOOKUP(AE$1,városok!$A$2:$C$346,3,0))^2)/1000,0)</f>
        <v>139</v>
      </c>
      <c r="AF97">
        <f ca="1">ROUND(SQRT((VLOOKUP($A97,városok!$A$2:$C$346,2,0)-VLOOKUP(AF$1,városok!$A$2:$C$346,2,0))^2+(VLOOKUP($A97,városok!$A$2:$C$346,3,0)-VLOOKUP(AF$1,városok!$A$2:$C$346,3,0))^2)/1000,0)</f>
        <v>185</v>
      </c>
      <c r="AG97">
        <f ca="1">ROUND(SQRT((VLOOKUP($A97,városok!$A$2:$C$346,2,0)-VLOOKUP(AG$1,városok!$A$2:$C$346,2,0))^2+(VLOOKUP($A97,városok!$A$2:$C$346,3,0)-VLOOKUP(AG$1,városok!$A$2:$C$346,3,0))^2)/1000,0)</f>
        <v>171</v>
      </c>
      <c r="AH97">
        <f ca="1">ROUND(SQRT((VLOOKUP($A97,városok!$A$2:$C$346,2,0)-VLOOKUP(AH$1,városok!$A$2:$C$346,2,0))^2+(VLOOKUP($A97,városok!$A$2:$C$346,3,0)-VLOOKUP(AH$1,városok!$A$2:$C$346,3,0))^2)/1000,0)</f>
        <v>162</v>
      </c>
      <c r="AI97">
        <f ca="1">ROUND(SQRT((VLOOKUP($A97,városok!$A$2:$C$346,2,0)-VLOOKUP(AI$1,városok!$A$2:$C$346,2,0))^2+(VLOOKUP($A97,városok!$A$2:$C$346,3,0)-VLOOKUP(AI$1,városok!$A$2:$C$346,3,0))^2)/1000,0)</f>
        <v>197</v>
      </c>
      <c r="AJ97">
        <f ca="1">ROUND(SQRT((VLOOKUP($A97,városok!$A$2:$C$346,2,0)-VLOOKUP(AJ$1,városok!$A$2:$C$346,2,0))^2+(VLOOKUP($A97,városok!$A$2:$C$346,3,0)-VLOOKUP(AJ$1,városok!$A$2:$C$346,3,0))^2)/1000,0)</f>
        <v>156</v>
      </c>
      <c r="AK97">
        <f ca="1">ROUND(SQRT((VLOOKUP($A97,városok!$A$2:$C$346,2,0)-VLOOKUP(AK$1,városok!$A$2:$C$346,2,0))^2+(VLOOKUP($A97,városok!$A$2:$C$346,3,0)-VLOOKUP(AK$1,városok!$A$2:$C$346,3,0))^2)/1000,0)</f>
        <v>131</v>
      </c>
      <c r="AL97">
        <f ca="1">ROUND(SQRT((VLOOKUP($A97,városok!$A$2:$C$346,2,0)-VLOOKUP(AL$1,városok!$A$2:$C$346,2,0))^2+(VLOOKUP($A97,városok!$A$2:$C$346,3,0)-VLOOKUP(AL$1,városok!$A$2:$C$346,3,0))^2)/1000,0)</f>
        <v>130</v>
      </c>
      <c r="AM97">
        <f ca="1">ROUND(SQRT((VLOOKUP($A97,városok!$A$2:$C$346,2,0)-VLOOKUP(AM$1,városok!$A$2:$C$346,2,0))^2+(VLOOKUP($A97,városok!$A$2:$C$346,3,0)-VLOOKUP(AM$1,városok!$A$2:$C$346,3,0))^2)/1000,0)</f>
        <v>104</v>
      </c>
      <c r="AN97">
        <f ca="1">ROUND(SQRT((VLOOKUP($A97,városok!$A$2:$C$346,2,0)-VLOOKUP(AN$1,városok!$A$2:$C$346,2,0))^2+(VLOOKUP($A97,városok!$A$2:$C$346,3,0)-VLOOKUP(AN$1,városok!$A$2:$C$346,3,0))^2)/1000,0)</f>
        <v>202</v>
      </c>
      <c r="AO97">
        <f ca="1">ROUND(SQRT((VLOOKUP($A97,városok!$A$2:$C$346,2,0)-VLOOKUP(AO$1,városok!$A$2:$C$346,2,0))^2+(VLOOKUP($A97,városok!$A$2:$C$346,3,0)-VLOOKUP(AO$1,városok!$A$2:$C$346,3,0))^2)/1000,0)</f>
        <v>227</v>
      </c>
      <c r="AP97">
        <f ca="1">ROUND(SQRT((VLOOKUP($A97,városok!$A$2:$C$346,2,0)-VLOOKUP(AP$1,városok!$A$2:$C$346,2,0))^2+(VLOOKUP($A97,városok!$A$2:$C$346,3,0)-VLOOKUP(AP$1,városok!$A$2:$C$346,3,0))^2)/1000,0)</f>
        <v>208</v>
      </c>
      <c r="AQ97">
        <f ca="1">ROUND(SQRT((VLOOKUP($A97,városok!$A$2:$C$346,2,0)-VLOOKUP(AQ$1,városok!$A$2:$C$346,2,0))^2+(VLOOKUP($A97,városok!$A$2:$C$346,3,0)-VLOOKUP(AQ$1,városok!$A$2:$C$346,3,0))^2)/1000,0)</f>
        <v>198</v>
      </c>
      <c r="AR97">
        <f ca="1">ROUND(SQRT((VLOOKUP($A97,városok!$A$2:$C$346,2,0)-VLOOKUP(AR$1,városok!$A$2:$C$346,2,0))^2+(VLOOKUP($A97,városok!$A$2:$C$346,3,0)-VLOOKUP(AR$1,városok!$A$2:$C$346,3,0))^2)/1000,0)</f>
        <v>189</v>
      </c>
      <c r="AS97">
        <f ca="1">ROUND(SQRT((VLOOKUP($A97,városok!$A$2:$C$346,2,0)-VLOOKUP(AS$1,városok!$A$2:$C$346,2,0))^2+(VLOOKUP($A97,városok!$A$2:$C$346,3,0)-VLOOKUP(AS$1,városok!$A$2:$C$346,3,0))^2)/1000,0)</f>
        <v>209</v>
      </c>
      <c r="AT97">
        <f ca="1">ROUND(SQRT((VLOOKUP($A97,városok!$A$2:$C$346,2,0)-VLOOKUP(AT$1,városok!$A$2:$C$346,2,0))^2+(VLOOKUP($A97,városok!$A$2:$C$346,3,0)-VLOOKUP(AT$1,városok!$A$2:$C$346,3,0))^2)/1000,0)</f>
        <v>170</v>
      </c>
      <c r="AU97">
        <f ca="1">ROUND(SQRT((VLOOKUP($A97,városok!$A$2:$C$346,2,0)-VLOOKUP(AU$1,városok!$A$2:$C$346,2,0))^2+(VLOOKUP($A97,városok!$A$2:$C$346,3,0)-VLOOKUP(AU$1,városok!$A$2:$C$346,3,0))^2)/1000,0)</f>
        <v>163</v>
      </c>
      <c r="AV97">
        <f ca="1">ROUND(SQRT((VLOOKUP($A97,városok!$A$2:$C$346,2,0)-VLOOKUP(AV$1,városok!$A$2:$C$346,2,0))^2+(VLOOKUP($A97,városok!$A$2:$C$346,3,0)-VLOOKUP(AV$1,városok!$A$2:$C$346,3,0))^2)/1000,0)</f>
        <v>159</v>
      </c>
      <c r="AW97">
        <f ca="1">ROUND(SQRT((VLOOKUP($A97,városok!$A$2:$C$346,2,0)-VLOOKUP(AW$1,városok!$A$2:$C$346,2,0))^2+(VLOOKUP($A97,városok!$A$2:$C$346,3,0)-VLOOKUP(AW$1,városok!$A$2:$C$346,3,0))^2)/1000,0)</f>
        <v>159</v>
      </c>
      <c r="AX97">
        <f ca="1">ROUND(SQRT((VLOOKUP($A97,városok!$A$2:$C$346,2,0)-VLOOKUP(AX$1,városok!$A$2:$C$346,2,0))^2+(VLOOKUP($A97,városok!$A$2:$C$346,3,0)-VLOOKUP(AX$1,városok!$A$2:$C$346,3,0))^2)/1000,0)</f>
        <v>92</v>
      </c>
      <c r="AY97">
        <f ca="1">ROUND(SQRT((VLOOKUP($A97,városok!$A$2:$C$346,2,0)-VLOOKUP(AY$1,városok!$A$2:$C$346,2,0))^2+(VLOOKUP($A97,városok!$A$2:$C$346,3,0)-VLOOKUP(AY$1,városok!$A$2:$C$346,3,0))^2)/1000,0)</f>
        <v>180</v>
      </c>
      <c r="AZ97">
        <f ca="1">ROUND(SQRT((VLOOKUP($A97,városok!$A$2:$C$346,2,0)-VLOOKUP(AZ$1,városok!$A$2:$C$346,2,0))^2+(VLOOKUP($A97,városok!$A$2:$C$346,3,0)-VLOOKUP(AZ$1,városok!$A$2:$C$346,3,0))^2)/1000,0)</f>
        <v>193</v>
      </c>
      <c r="BA97">
        <f ca="1">ROUND(SQRT((VLOOKUP($A97,városok!$A$2:$C$346,2,0)-VLOOKUP(BA$1,városok!$A$2:$C$346,2,0))^2+(VLOOKUP($A97,városok!$A$2:$C$346,3,0)-VLOOKUP(BA$1,városok!$A$2:$C$346,3,0))^2)/1000,0)</f>
        <v>198</v>
      </c>
      <c r="BB97">
        <f ca="1">ROUND(SQRT((VLOOKUP($A97,városok!$A$2:$C$346,2,0)-VLOOKUP(BB$1,városok!$A$2:$C$346,2,0))^2+(VLOOKUP($A97,városok!$A$2:$C$346,3,0)-VLOOKUP(BB$1,városok!$A$2:$C$346,3,0))^2)/1000,0)</f>
        <v>174</v>
      </c>
      <c r="BC97">
        <f ca="1">ROUND(SQRT((VLOOKUP($A97,városok!$A$2:$C$346,2,0)-VLOOKUP(BC$1,városok!$A$2:$C$346,2,0))^2+(VLOOKUP($A97,városok!$A$2:$C$346,3,0)-VLOOKUP(BC$1,városok!$A$2:$C$346,3,0))^2)/1000,0)</f>
        <v>182</v>
      </c>
      <c r="BD97">
        <f ca="1">ROUND(SQRT((VLOOKUP($A97,városok!$A$2:$C$346,2,0)-VLOOKUP(BD$1,városok!$A$2:$C$346,2,0))^2+(VLOOKUP($A97,városok!$A$2:$C$346,3,0)-VLOOKUP(BD$1,városok!$A$2:$C$346,3,0))^2)/1000,0)</f>
        <v>177</v>
      </c>
      <c r="BE97">
        <f ca="1">ROUND(SQRT((VLOOKUP($A97,városok!$A$2:$C$346,2,0)-VLOOKUP(BE$1,városok!$A$2:$C$346,2,0))^2+(VLOOKUP($A97,városok!$A$2:$C$346,3,0)-VLOOKUP(BE$1,városok!$A$2:$C$346,3,0))^2)/1000,0)</f>
        <v>260</v>
      </c>
      <c r="BF97">
        <f ca="1">ROUND(SQRT((VLOOKUP($A97,városok!$A$2:$C$346,2,0)-VLOOKUP(BF$1,városok!$A$2:$C$346,2,0))^2+(VLOOKUP($A97,városok!$A$2:$C$346,3,0)-VLOOKUP(BF$1,városok!$A$2:$C$346,3,0))^2)/1000,0)</f>
        <v>263</v>
      </c>
      <c r="BG97">
        <f ca="1">ROUND(SQRT((VLOOKUP($A97,városok!$A$2:$C$346,2,0)-VLOOKUP(BG$1,városok!$A$2:$C$346,2,0))^2+(VLOOKUP($A97,városok!$A$2:$C$346,3,0)-VLOOKUP(BG$1,városok!$A$2:$C$346,3,0))^2)/1000,0)</f>
        <v>231</v>
      </c>
      <c r="BH97">
        <f ca="1">ROUND(SQRT((VLOOKUP($A97,városok!$A$2:$C$346,2,0)-VLOOKUP(BH$1,városok!$A$2:$C$346,2,0))^2+(VLOOKUP($A97,városok!$A$2:$C$346,3,0)-VLOOKUP(BH$1,városok!$A$2:$C$346,3,0))^2)/1000,0)</f>
        <v>231</v>
      </c>
      <c r="BI97">
        <f ca="1">ROUND(SQRT((VLOOKUP($A97,városok!$A$2:$C$346,2,0)-VLOOKUP(BI$1,városok!$A$2:$C$346,2,0))^2+(VLOOKUP($A97,városok!$A$2:$C$346,3,0)-VLOOKUP(BI$1,városok!$A$2:$C$346,3,0))^2)/1000,0)</f>
        <v>120</v>
      </c>
      <c r="BJ97">
        <f ca="1">ROUND(SQRT((VLOOKUP($A97,városok!$A$2:$C$346,2,0)-VLOOKUP(BJ$1,városok!$A$2:$C$346,2,0))^2+(VLOOKUP($A97,városok!$A$2:$C$346,3,0)-VLOOKUP(BJ$1,városok!$A$2:$C$346,3,0))^2)/1000,0)</f>
        <v>131</v>
      </c>
      <c r="BK97">
        <f ca="1">ROUND(SQRT((VLOOKUP($A97,városok!$A$2:$C$346,2,0)-VLOOKUP(BK$1,városok!$A$2:$C$346,2,0))^2+(VLOOKUP($A97,városok!$A$2:$C$346,3,0)-VLOOKUP(BK$1,városok!$A$2:$C$346,3,0))^2)/1000,0)</f>
        <v>113</v>
      </c>
      <c r="BL97">
        <f ca="1">ROUND(SQRT((VLOOKUP($A97,városok!$A$2:$C$346,2,0)-VLOOKUP(BL$1,városok!$A$2:$C$346,2,0))^2+(VLOOKUP($A97,városok!$A$2:$C$346,3,0)-VLOOKUP(BL$1,városok!$A$2:$C$346,3,0))^2)/1000,0)</f>
        <v>285</v>
      </c>
      <c r="BM97">
        <f ca="1">ROUND(SQRT((VLOOKUP($A97,városok!$A$2:$C$346,2,0)-VLOOKUP(BM$1,városok!$A$2:$C$346,2,0))^2+(VLOOKUP($A97,városok!$A$2:$C$346,3,0)-VLOOKUP(BM$1,városok!$A$2:$C$346,3,0))^2)/1000,0)</f>
        <v>271</v>
      </c>
      <c r="BN97">
        <f ca="1">ROUND(SQRT((VLOOKUP($A97,városok!$A$2:$C$346,2,0)-VLOOKUP(BN$1,városok!$A$2:$C$346,2,0))^2+(VLOOKUP($A97,városok!$A$2:$C$346,3,0)-VLOOKUP(BN$1,városok!$A$2:$C$346,3,0))^2)/1000,0)</f>
        <v>292</v>
      </c>
      <c r="BO97">
        <f ca="1">ROUND(SQRT((VLOOKUP($A97,városok!$A$2:$C$346,2,0)-VLOOKUP(BO$1,városok!$A$2:$C$346,2,0))^2+(VLOOKUP($A97,városok!$A$2:$C$346,3,0)-VLOOKUP(BO$1,városok!$A$2:$C$346,3,0))^2)/1000,0)</f>
        <v>186</v>
      </c>
      <c r="BP97">
        <f ca="1">ROUND(SQRT((VLOOKUP($A97,városok!$A$2:$C$346,2,0)-VLOOKUP(BP$1,városok!$A$2:$C$346,2,0))^2+(VLOOKUP($A97,városok!$A$2:$C$346,3,0)-VLOOKUP(BP$1,városok!$A$2:$C$346,3,0))^2)/1000,0)</f>
        <v>180</v>
      </c>
      <c r="BQ97">
        <f ca="1">ROUND(SQRT((VLOOKUP($A97,városok!$A$2:$C$346,2,0)-VLOOKUP(BQ$1,városok!$A$2:$C$346,2,0))^2+(VLOOKUP($A97,városok!$A$2:$C$346,3,0)-VLOOKUP(BQ$1,városok!$A$2:$C$346,3,0))^2)/1000,0)</f>
        <v>196</v>
      </c>
      <c r="BR97">
        <f ca="1">ROUND(SQRT((VLOOKUP($A97,városok!$A$2:$C$346,2,0)-VLOOKUP(BR$1,városok!$A$2:$C$346,2,0))^2+(VLOOKUP($A97,városok!$A$2:$C$346,3,0)-VLOOKUP(BR$1,városok!$A$2:$C$346,3,0))^2)/1000,0)</f>
        <v>230</v>
      </c>
      <c r="BS97">
        <f ca="1">ROUND(SQRT((VLOOKUP($A97,városok!$A$2:$C$346,2,0)-VLOOKUP(BS$1,városok!$A$2:$C$346,2,0))^2+(VLOOKUP($A97,városok!$A$2:$C$346,3,0)-VLOOKUP(BS$1,városok!$A$2:$C$346,3,0))^2)/1000,0)</f>
        <v>245</v>
      </c>
      <c r="BT97">
        <f ca="1">ROUND(SQRT((VLOOKUP($A97,városok!$A$2:$C$346,2,0)-VLOOKUP(BT$1,városok!$A$2:$C$346,2,0))^2+(VLOOKUP($A97,városok!$A$2:$C$346,3,0)-VLOOKUP(BT$1,városok!$A$2:$C$346,3,0))^2)/1000,0)</f>
        <v>263</v>
      </c>
    </row>
    <row r="98" spans="1:72" x14ac:dyDescent="0.2">
      <c r="A98" t="str">
        <f>városok!A98</f>
        <v>Szentes</v>
      </c>
      <c r="B98">
        <f ca="1">ROUND(SQRT((VLOOKUP($A98,városok!$A$2:$C$346,2,0)-VLOOKUP(B$1,városok!$A$2:$C$346,2,0))^2+(VLOOKUP($A98,városok!$A$2:$C$346,3,0)-VLOOKUP(B$1,városok!$A$2:$C$346,3,0))^2)/1000,0)</f>
        <v>113</v>
      </c>
      <c r="C98">
        <f ca="1">ROUND(SQRT((VLOOKUP($A98,városok!$A$2:$C$346,2,0)-VLOOKUP(C$1,városok!$A$2:$C$346,2,0))^2+(VLOOKUP($A98,városok!$A$2:$C$346,3,0)-VLOOKUP(C$1,városok!$A$2:$C$346,3,0))^2)/1000,0)</f>
        <v>99</v>
      </c>
      <c r="D98">
        <f ca="1">ROUND(SQRT((VLOOKUP($A98,városok!$A$2:$C$346,2,0)-VLOOKUP(D$1,városok!$A$2:$C$346,2,0))^2+(VLOOKUP($A98,városok!$A$2:$C$346,3,0)-VLOOKUP(D$1,városok!$A$2:$C$346,3,0))^2)/1000,0)</f>
        <v>52</v>
      </c>
      <c r="E98">
        <f ca="1">ROUND(SQRT((VLOOKUP($A98,városok!$A$2:$C$346,2,0)-VLOOKUP(E$1,városok!$A$2:$C$346,2,0))^2+(VLOOKUP($A98,városok!$A$2:$C$346,3,0)-VLOOKUP(E$1,városok!$A$2:$C$346,3,0))^2)/1000,0)</f>
        <v>162</v>
      </c>
      <c r="F98">
        <f ca="1">ROUND(SQRT((VLOOKUP($A98,városok!$A$2:$C$346,2,0)-VLOOKUP(F$1,városok!$A$2:$C$346,2,0))^2+(VLOOKUP($A98,városok!$A$2:$C$346,3,0)-VLOOKUP(F$1,városok!$A$2:$C$346,3,0))^2)/1000,0)</f>
        <v>142</v>
      </c>
      <c r="G98">
        <f ca="1">ROUND(SQRT((VLOOKUP($A98,városok!$A$2:$C$346,2,0)-VLOOKUP(G$1,városok!$A$2:$C$346,2,0))^2+(VLOOKUP($A98,városok!$A$2:$C$346,3,0)-VLOOKUP(G$1,városok!$A$2:$C$346,3,0))^2)/1000,0)</f>
        <v>168</v>
      </c>
      <c r="H98">
        <f ca="1">ROUND(SQRT((VLOOKUP($A98,városok!$A$2:$C$346,2,0)-VLOOKUP(H$1,városok!$A$2:$C$346,2,0))^2+(VLOOKUP($A98,városok!$A$2:$C$346,3,0)-VLOOKUP(H$1,városok!$A$2:$C$346,3,0))^2)/1000,0)</f>
        <v>201</v>
      </c>
      <c r="I98">
        <f ca="1">ROUND(SQRT((VLOOKUP($A98,városok!$A$2:$C$346,2,0)-VLOOKUP(I$1,városok!$A$2:$C$346,2,0))^2+(VLOOKUP($A98,városok!$A$2:$C$346,3,0)-VLOOKUP(I$1,városok!$A$2:$C$346,3,0))^2)/1000,0)</f>
        <v>63</v>
      </c>
      <c r="J98">
        <f ca="1">ROUND(SQRT((VLOOKUP($A98,városok!$A$2:$C$346,2,0)-VLOOKUP(J$1,városok!$A$2:$C$346,2,0))^2+(VLOOKUP($A98,városok!$A$2:$C$346,3,0)-VLOOKUP(J$1,városok!$A$2:$C$346,3,0))^2)/1000,0)</f>
        <v>78</v>
      </c>
      <c r="K98">
        <f ca="1">ROUND(SQRT((VLOOKUP($A98,városok!$A$2:$C$346,2,0)-VLOOKUP(K$1,városok!$A$2:$C$346,2,0))^2+(VLOOKUP($A98,városok!$A$2:$C$346,3,0)-VLOOKUP(K$1,városok!$A$2:$C$346,3,0))^2)/1000,0)</f>
        <v>33</v>
      </c>
      <c r="L98">
        <f ca="1">ROUND(SQRT((VLOOKUP($A98,városok!$A$2:$C$346,2,0)-VLOOKUP(L$1,városok!$A$2:$C$346,2,0))^2+(VLOOKUP($A98,városok!$A$2:$C$346,3,0)-VLOOKUP(L$1,városok!$A$2:$C$346,3,0))^2)/1000,0)</f>
        <v>180</v>
      </c>
      <c r="M98">
        <f ca="1">ROUND(SQRT((VLOOKUP($A98,városok!$A$2:$C$346,2,0)-VLOOKUP(M$1,városok!$A$2:$C$346,2,0))^2+(VLOOKUP($A98,városok!$A$2:$C$346,3,0)-VLOOKUP(M$1,városok!$A$2:$C$346,3,0))^2)/1000,0)</f>
        <v>166</v>
      </c>
      <c r="N98">
        <f ca="1">ROUND(SQRT((VLOOKUP($A98,városok!$A$2:$C$346,2,0)-VLOOKUP(N$1,városok!$A$2:$C$346,2,0))^2+(VLOOKUP($A98,városok!$A$2:$C$346,3,0)-VLOOKUP(N$1,városok!$A$2:$C$346,3,0))^2)/1000,0)</f>
        <v>174</v>
      </c>
      <c r="O98">
        <f ca="1">ROUND(SQRT((VLOOKUP($A98,városok!$A$2:$C$346,2,0)-VLOOKUP(O$1,városok!$A$2:$C$346,2,0))^2+(VLOOKUP($A98,városok!$A$2:$C$346,3,0)-VLOOKUP(O$1,városok!$A$2:$C$346,3,0))^2)/1000,0)</f>
        <v>220</v>
      </c>
      <c r="P98">
        <f ca="1">ROUND(SQRT((VLOOKUP($A98,városok!$A$2:$C$346,2,0)-VLOOKUP(P$1,városok!$A$2:$C$346,2,0))^2+(VLOOKUP($A98,városok!$A$2:$C$346,3,0)-VLOOKUP(P$1,városok!$A$2:$C$346,3,0))^2)/1000,0)</f>
        <v>220</v>
      </c>
      <c r="Q98">
        <f ca="1">ROUND(SQRT((VLOOKUP($A98,városok!$A$2:$C$346,2,0)-VLOOKUP(Q$1,városok!$A$2:$C$346,2,0))^2+(VLOOKUP($A98,városok!$A$2:$C$346,3,0)-VLOOKUP(Q$1,városok!$A$2:$C$346,3,0))^2)/1000,0)</f>
        <v>27</v>
      </c>
      <c r="R98">
        <f ca="1">ROUND(SQRT((VLOOKUP($A98,városok!$A$2:$C$346,2,0)-VLOOKUP(R$1,városok!$A$2:$C$346,2,0))^2+(VLOOKUP($A98,városok!$A$2:$C$346,3,0)-VLOOKUP(R$1,városok!$A$2:$C$346,3,0))^2)/1000,0)</f>
        <v>51</v>
      </c>
      <c r="S98">
        <f ca="1">ROUND(SQRT((VLOOKUP($A98,városok!$A$2:$C$346,2,0)-VLOOKUP(S$1,városok!$A$2:$C$346,2,0))^2+(VLOOKUP($A98,városok!$A$2:$C$346,3,0)-VLOOKUP(S$1,városok!$A$2:$C$346,3,0))^2)/1000,0)</f>
        <v>46</v>
      </c>
      <c r="T98">
        <f ca="1">ROUND(SQRT((VLOOKUP($A98,városok!$A$2:$C$346,2,0)-VLOOKUP(T$1,városok!$A$2:$C$346,2,0))^2+(VLOOKUP($A98,városok!$A$2:$C$346,3,0)-VLOOKUP(T$1,városok!$A$2:$C$346,3,0))^2)/1000,0)</f>
        <v>154</v>
      </c>
      <c r="U98">
        <f ca="1">ROUND(SQRT((VLOOKUP($A98,városok!$A$2:$C$346,2,0)-VLOOKUP(U$1,városok!$A$2:$C$346,2,0))^2+(VLOOKUP($A98,városok!$A$2:$C$346,3,0)-VLOOKUP(U$1,városok!$A$2:$C$346,3,0))^2)/1000,0)</f>
        <v>107</v>
      </c>
      <c r="V98">
        <f ca="1">ROUND(SQRT((VLOOKUP($A98,városok!$A$2:$C$346,2,0)-VLOOKUP(V$1,városok!$A$2:$C$346,2,0))^2+(VLOOKUP($A98,városok!$A$2:$C$346,3,0)-VLOOKUP(V$1,városok!$A$2:$C$346,3,0))^2)/1000,0)</f>
        <v>156</v>
      </c>
      <c r="W98">
        <f ca="1">ROUND(SQRT((VLOOKUP($A98,városok!$A$2:$C$346,2,0)-VLOOKUP(W$1,városok!$A$2:$C$346,2,0))^2+(VLOOKUP($A98,városok!$A$2:$C$346,3,0)-VLOOKUP(W$1,városok!$A$2:$C$346,3,0))^2)/1000,0)</f>
        <v>128</v>
      </c>
      <c r="X98">
        <f ca="1">ROUND(SQRT((VLOOKUP($A98,városok!$A$2:$C$346,2,0)-VLOOKUP(X$1,városok!$A$2:$C$346,2,0))^2+(VLOOKUP($A98,városok!$A$2:$C$346,3,0)-VLOOKUP(X$1,városok!$A$2:$C$346,3,0))^2)/1000,0)</f>
        <v>163</v>
      </c>
      <c r="Y98">
        <f ca="1">ROUND(SQRT((VLOOKUP($A98,városok!$A$2:$C$346,2,0)-VLOOKUP(Y$1,városok!$A$2:$C$346,2,0))^2+(VLOOKUP($A98,városok!$A$2:$C$346,3,0)-VLOOKUP(Y$1,városok!$A$2:$C$346,3,0))^2)/1000,0)</f>
        <v>230</v>
      </c>
      <c r="Z98">
        <f ca="1">ROUND(SQRT((VLOOKUP($A98,városok!$A$2:$C$346,2,0)-VLOOKUP(Z$1,városok!$A$2:$C$346,2,0))^2+(VLOOKUP($A98,városok!$A$2:$C$346,3,0)-VLOOKUP(Z$1,városok!$A$2:$C$346,3,0))^2)/1000,0)</f>
        <v>248</v>
      </c>
      <c r="AA98">
        <f ca="1">ROUND(SQRT((VLOOKUP($A98,városok!$A$2:$C$346,2,0)-VLOOKUP(AA$1,városok!$A$2:$C$346,2,0))^2+(VLOOKUP($A98,városok!$A$2:$C$346,3,0)-VLOOKUP(AA$1,városok!$A$2:$C$346,3,0))^2)/1000,0)</f>
        <v>301</v>
      </c>
      <c r="AB98">
        <f ca="1">ROUND(SQRT((VLOOKUP($A98,városok!$A$2:$C$346,2,0)-VLOOKUP(AB$1,városok!$A$2:$C$346,2,0))^2+(VLOOKUP($A98,városok!$A$2:$C$346,3,0)-VLOOKUP(AB$1,városok!$A$2:$C$346,3,0))^2)/1000,0)</f>
        <v>142</v>
      </c>
      <c r="AC98">
        <f ca="1">ROUND(SQRT((VLOOKUP($A98,városok!$A$2:$C$346,2,0)-VLOOKUP(AC$1,városok!$A$2:$C$346,2,0))^2+(VLOOKUP($A98,városok!$A$2:$C$346,3,0)-VLOOKUP(AC$1,városok!$A$2:$C$346,3,0))^2)/1000,0)</f>
        <v>123</v>
      </c>
      <c r="AD98">
        <f ca="1">ROUND(SQRT((VLOOKUP($A98,városok!$A$2:$C$346,2,0)-VLOOKUP(AD$1,városok!$A$2:$C$346,2,0))^2+(VLOOKUP($A98,városok!$A$2:$C$346,3,0)-VLOOKUP(AD$1,városok!$A$2:$C$346,3,0))^2)/1000,0)</f>
        <v>110</v>
      </c>
      <c r="AE98">
        <f ca="1">ROUND(SQRT((VLOOKUP($A98,városok!$A$2:$C$346,2,0)-VLOOKUP(AE$1,városok!$A$2:$C$346,2,0))^2+(VLOOKUP($A98,városok!$A$2:$C$346,3,0)-VLOOKUP(AE$1,városok!$A$2:$C$346,3,0))^2)/1000,0)</f>
        <v>98</v>
      </c>
      <c r="AF98">
        <f ca="1">ROUND(SQRT((VLOOKUP($A98,városok!$A$2:$C$346,2,0)-VLOOKUP(AF$1,városok!$A$2:$C$346,2,0))^2+(VLOOKUP($A98,városok!$A$2:$C$346,3,0)-VLOOKUP(AF$1,városok!$A$2:$C$346,3,0))^2)/1000,0)</f>
        <v>139</v>
      </c>
      <c r="AG98">
        <f ca="1">ROUND(SQRT((VLOOKUP($A98,városok!$A$2:$C$346,2,0)-VLOOKUP(AG$1,városok!$A$2:$C$346,2,0))^2+(VLOOKUP($A98,városok!$A$2:$C$346,3,0)-VLOOKUP(AG$1,városok!$A$2:$C$346,3,0))^2)/1000,0)</f>
        <v>128</v>
      </c>
      <c r="AH98">
        <f ca="1">ROUND(SQRT((VLOOKUP($A98,városok!$A$2:$C$346,2,0)-VLOOKUP(AH$1,városok!$A$2:$C$346,2,0))^2+(VLOOKUP($A98,városok!$A$2:$C$346,3,0)-VLOOKUP(AH$1,városok!$A$2:$C$346,3,0))^2)/1000,0)</f>
        <v>121</v>
      </c>
      <c r="AI98">
        <f ca="1">ROUND(SQRT((VLOOKUP($A98,városok!$A$2:$C$346,2,0)-VLOOKUP(AI$1,városok!$A$2:$C$346,2,0))^2+(VLOOKUP($A98,városok!$A$2:$C$346,3,0)-VLOOKUP(AI$1,városok!$A$2:$C$346,3,0))^2)/1000,0)</f>
        <v>152</v>
      </c>
      <c r="AJ98">
        <f ca="1">ROUND(SQRT((VLOOKUP($A98,városok!$A$2:$C$346,2,0)-VLOOKUP(AJ$1,városok!$A$2:$C$346,2,0))^2+(VLOOKUP($A98,városok!$A$2:$C$346,3,0)-VLOOKUP(AJ$1,városok!$A$2:$C$346,3,0))^2)/1000,0)</f>
        <v>112</v>
      </c>
      <c r="AK98">
        <f ca="1">ROUND(SQRT((VLOOKUP($A98,városok!$A$2:$C$346,2,0)-VLOOKUP(AK$1,városok!$A$2:$C$346,2,0))^2+(VLOOKUP($A98,városok!$A$2:$C$346,3,0)-VLOOKUP(AK$1,városok!$A$2:$C$346,3,0))^2)/1000,0)</f>
        <v>89</v>
      </c>
      <c r="AL98">
        <f ca="1">ROUND(SQRT((VLOOKUP($A98,városok!$A$2:$C$346,2,0)-VLOOKUP(AL$1,városok!$A$2:$C$346,2,0))^2+(VLOOKUP($A98,városok!$A$2:$C$346,3,0)-VLOOKUP(AL$1,városok!$A$2:$C$346,3,0))^2)/1000,0)</f>
        <v>84</v>
      </c>
      <c r="AM98">
        <f ca="1">ROUND(SQRT((VLOOKUP($A98,városok!$A$2:$C$346,2,0)-VLOOKUP(AM$1,városok!$A$2:$C$346,2,0))^2+(VLOOKUP($A98,városok!$A$2:$C$346,3,0)-VLOOKUP(AM$1,városok!$A$2:$C$346,3,0))^2)/1000,0)</f>
        <v>59</v>
      </c>
      <c r="AN98">
        <f ca="1">ROUND(SQRT((VLOOKUP($A98,városok!$A$2:$C$346,2,0)-VLOOKUP(AN$1,városok!$A$2:$C$346,2,0))^2+(VLOOKUP($A98,városok!$A$2:$C$346,3,0)-VLOOKUP(AN$1,városok!$A$2:$C$346,3,0))^2)/1000,0)</f>
        <v>171</v>
      </c>
      <c r="AO98">
        <f ca="1">ROUND(SQRT((VLOOKUP($A98,városok!$A$2:$C$346,2,0)-VLOOKUP(AO$1,városok!$A$2:$C$346,2,0))^2+(VLOOKUP($A98,városok!$A$2:$C$346,3,0)-VLOOKUP(AO$1,városok!$A$2:$C$346,3,0))^2)/1000,0)</f>
        <v>202</v>
      </c>
      <c r="AP98">
        <f ca="1">ROUND(SQRT((VLOOKUP($A98,városok!$A$2:$C$346,2,0)-VLOOKUP(AP$1,városok!$A$2:$C$346,2,0))^2+(VLOOKUP($A98,városok!$A$2:$C$346,3,0)-VLOOKUP(AP$1,városok!$A$2:$C$346,3,0))^2)/1000,0)</f>
        <v>183</v>
      </c>
      <c r="AQ98">
        <f ca="1">ROUND(SQRT((VLOOKUP($A98,városok!$A$2:$C$346,2,0)-VLOOKUP(AQ$1,városok!$A$2:$C$346,2,0))^2+(VLOOKUP($A98,városok!$A$2:$C$346,3,0)-VLOOKUP(AQ$1,városok!$A$2:$C$346,3,0))^2)/1000,0)</f>
        <v>173</v>
      </c>
      <c r="AR98">
        <f ca="1">ROUND(SQRT((VLOOKUP($A98,városok!$A$2:$C$346,2,0)-VLOOKUP(AR$1,városok!$A$2:$C$346,2,0))^2+(VLOOKUP($A98,városok!$A$2:$C$346,3,0)-VLOOKUP(AR$1,városok!$A$2:$C$346,3,0))^2)/1000,0)</f>
        <v>147</v>
      </c>
      <c r="AS98">
        <f ca="1">ROUND(SQRT((VLOOKUP($A98,városok!$A$2:$C$346,2,0)-VLOOKUP(AS$1,városok!$A$2:$C$346,2,0))^2+(VLOOKUP($A98,városok!$A$2:$C$346,3,0)-VLOOKUP(AS$1,városok!$A$2:$C$346,3,0))^2)/1000,0)</f>
        <v>165</v>
      </c>
      <c r="AT98">
        <f ca="1">ROUND(SQRT((VLOOKUP($A98,városok!$A$2:$C$346,2,0)-VLOOKUP(AT$1,városok!$A$2:$C$346,2,0))^2+(VLOOKUP($A98,városok!$A$2:$C$346,3,0)-VLOOKUP(AT$1,városok!$A$2:$C$346,3,0))^2)/1000,0)</f>
        <v>142</v>
      </c>
      <c r="AU98">
        <f ca="1">ROUND(SQRT((VLOOKUP($A98,városok!$A$2:$C$346,2,0)-VLOOKUP(AU$1,városok!$A$2:$C$346,2,0))^2+(VLOOKUP($A98,városok!$A$2:$C$346,3,0)-VLOOKUP(AU$1,városok!$A$2:$C$346,3,0))^2)/1000,0)</f>
        <v>133</v>
      </c>
      <c r="AV98">
        <f ca="1">ROUND(SQRT((VLOOKUP($A98,városok!$A$2:$C$346,2,0)-VLOOKUP(AV$1,városok!$A$2:$C$346,2,0))^2+(VLOOKUP($A98,városok!$A$2:$C$346,3,0)-VLOOKUP(AV$1,városok!$A$2:$C$346,3,0))^2)/1000,0)</f>
        <v>130</v>
      </c>
      <c r="AW98">
        <f ca="1">ROUND(SQRT((VLOOKUP($A98,városok!$A$2:$C$346,2,0)-VLOOKUP(AW$1,városok!$A$2:$C$346,2,0))^2+(VLOOKUP($A98,városok!$A$2:$C$346,3,0)-VLOOKUP(AW$1,városok!$A$2:$C$346,3,0))^2)/1000,0)</f>
        <v>131</v>
      </c>
      <c r="AX98">
        <f ca="1">ROUND(SQRT((VLOOKUP($A98,városok!$A$2:$C$346,2,0)-VLOOKUP(AX$1,városok!$A$2:$C$346,2,0))^2+(VLOOKUP($A98,városok!$A$2:$C$346,3,0)-VLOOKUP(AX$1,városok!$A$2:$C$346,3,0))^2)/1000,0)</f>
        <v>55</v>
      </c>
      <c r="AY98">
        <f ca="1">ROUND(SQRT((VLOOKUP($A98,városok!$A$2:$C$346,2,0)-VLOOKUP(AY$1,városok!$A$2:$C$346,2,0))^2+(VLOOKUP($A98,városok!$A$2:$C$346,3,0)-VLOOKUP(AY$1,városok!$A$2:$C$346,3,0))^2)/1000,0)</f>
        <v>146</v>
      </c>
      <c r="AZ98">
        <f ca="1">ROUND(SQRT((VLOOKUP($A98,városok!$A$2:$C$346,2,0)-VLOOKUP(AZ$1,városok!$A$2:$C$346,2,0))^2+(VLOOKUP($A98,városok!$A$2:$C$346,3,0)-VLOOKUP(AZ$1,városok!$A$2:$C$346,3,0))^2)/1000,0)</f>
        <v>159</v>
      </c>
      <c r="BA98">
        <f ca="1">ROUND(SQRT((VLOOKUP($A98,városok!$A$2:$C$346,2,0)-VLOOKUP(BA$1,városok!$A$2:$C$346,2,0))^2+(VLOOKUP($A98,városok!$A$2:$C$346,3,0)-VLOOKUP(BA$1,városok!$A$2:$C$346,3,0))^2)/1000,0)</f>
        <v>196</v>
      </c>
      <c r="BB98">
        <f ca="1">ROUND(SQRT((VLOOKUP($A98,városok!$A$2:$C$346,2,0)-VLOOKUP(BB$1,városok!$A$2:$C$346,2,0))^2+(VLOOKUP($A98,városok!$A$2:$C$346,3,0)-VLOOKUP(BB$1,városok!$A$2:$C$346,3,0))^2)/1000,0)</f>
        <v>178</v>
      </c>
      <c r="BC98">
        <f ca="1">ROUND(SQRT((VLOOKUP($A98,városok!$A$2:$C$346,2,0)-VLOOKUP(BC$1,városok!$A$2:$C$346,2,0))^2+(VLOOKUP($A98,városok!$A$2:$C$346,3,0)-VLOOKUP(BC$1,városok!$A$2:$C$346,3,0))^2)/1000,0)</f>
        <v>192</v>
      </c>
      <c r="BD98">
        <f ca="1">ROUND(SQRT((VLOOKUP($A98,városok!$A$2:$C$346,2,0)-VLOOKUP(BD$1,városok!$A$2:$C$346,2,0))^2+(VLOOKUP($A98,városok!$A$2:$C$346,3,0)-VLOOKUP(BD$1,városok!$A$2:$C$346,3,0))^2)/1000,0)</f>
        <v>170</v>
      </c>
      <c r="BE98">
        <f ca="1">ROUND(SQRT((VLOOKUP($A98,városok!$A$2:$C$346,2,0)-VLOOKUP(BE$1,városok!$A$2:$C$346,2,0))^2+(VLOOKUP($A98,városok!$A$2:$C$346,3,0)-VLOOKUP(BE$1,városok!$A$2:$C$346,3,0))^2)/1000,0)</f>
        <v>225</v>
      </c>
      <c r="BF98">
        <f ca="1">ROUND(SQRT((VLOOKUP($A98,városok!$A$2:$C$346,2,0)-VLOOKUP(BF$1,városok!$A$2:$C$346,2,0))^2+(VLOOKUP($A98,városok!$A$2:$C$346,3,0)-VLOOKUP(BF$1,városok!$A$2:$C$346,3,0))^2)/1000,0)</f>
        <v>222</v>
      </c>
      <c r="BG98">
        <f ca="1">ROUND(SQRT((VLOOKUP($A98,városok!$A$2:$C$346,2,0)-VLOOKUP(BG$1,városok!$A$2:$C$346,2,0))^2+(VLOOKUP($A98,városok!$A$2:$C$346,3,0)-VLOOKUP(BG$1,városok!$A$2:$C$346,3,0))^2)/1000,0)</f>
        <v>187</v>
      </c>
      <c r="BH98">
        <f ca="1">ROUND(SQRT((VLOOKUP($A98,városok!$A$2:$C$346,2,0)-VLOOKUP(BH$1,városok!$A$2:$C$346,2,0))^2+(VLOOKUP($A98,városok!$A$2:$C$346,3,0)-VLOOKUP(BH$1,városok!$A$2:$C$346,3,0))^2)/1000,0)</f>
        <v>187</v>
      </c>
      <c r="BI98">
        <f ca="1">ROUND(SQRT((VLOOKUP($A98,városok!$A$2:$C$346,2,0)-VLOOKUP(BI$1,városok!$A$2:$C$346,2,0))^2+(VLOOKUP($A98,városok!$A$2:$C$346,3,0)-VLOOKUP(BI$1,városok!$A$2:$C$346,3,0))^2)/1000,0)</f>
        <v>129</v>
      </c>
      <c r="BJ98">
        <f ca="1">ROUND(SQRT((VLOOKUP($A98,városok!$A$2:$C$346,2,0)-VLOOKUP(BJ$1,városok!$A$2:$C$346,2,0))^2+(VLOOKUP($A98,városok!$A$2:$C$346,3,0)-VLOOKUP(BJ$1,városok!$A$2:$C$346,3,0))^2)/1000,0)</f>
        <v>144</v>
      </c>
      <c r="BK98">
        <f ca="1">ROUND(SQRT((VLOOKUP($A98,városok!$A$2:$C$346,2,0)-VLOOKUP(BK$1,városok!$A$2:$C$346,2,0))^2+(VLOOKUP($A98,városok!$A$2:$C$346,3,0)-VLOOKUP(BK$1,városok!$A$2:$C$346,3,0))^2)/1000,0)</f>
        <v>124</v>
      </c>
      <c r="BL98">
        <f ca="1">ROUND(SQRT((VLOOKUP($A98,városok!$A$2:$C$346,2,0)-VLOOKUP(BL$1,városok!$A$2:$C$346,2,0))^2+(VLOOKUP($A98,városok!$A$2:$C$346,3,0)-VLOOKUP(BL$1,városok!$A$2:$C$346,3,0))^2)/1000,0)</f>
        <v>282</v>
      </c>
      <c r="BM98">
        <f ca="1">ROUND(SQRT((VLOOKUP($A98,városok!$A$2:$C$346,2,0)-VLOOKUP(BM$1,városok!$A$2:$C$346,2,0))^2+(VLOOKUP($A98,városok!$A$2:$C$346,3,0)-VLOOKUP(BM$1,városok!$A$2:$C$346,3,0))^2)/1000,0)</f>
        <v>262</v>
      </c>
      <c r="BN98">
        <f ca="1">ROUND(SQRT((VLOOKUP($A98,városok!$A$2:$C$346,2,0)-VLOOKUP(BN$1,városok!$A$2:$C$346,2,0))^2+(VLOOKUP($A98,városok!$A$2:$C$346,3,0)-VLOOKUP(BN$1,városok!$A$2:$C$346,3,0))^2)/1000,0)</f>
        <v>284</v>
      </c>
      <c r="BO98">
        <f ca="1">ROUND(SQRT((VLOOKUP($A98,városok!$A$2:$C$346,2,0)-VLOOKUP(BO$1,városok!$A$2:$C$346,2,0))^2+(VLOOKUP($A98,városok!$A$2:$C$346,3,0)-VLOOKUP(BO$1,városok!$A$2:$C$346,3,0))^2)/1000,0)</f>
        <v>176</v>
      </c>
      <c r="BP98">
        <f ca="1">ROUND(SQRT((VLOOKUP($A98,városok!$A$2:$C$346,2,0)-VLOOKUP(BP$1,városok!$A$2:$C$346,2,0))^2+(VLOOKUP($A98,városok!$A$2:$C$346,3,0)-VLOOKUP(BP$1,városok!$A$2:$C$346,3,0))^2)/1000,0)</f>
        <v>169</v>
      </c>
      <c r="BQ98">
        <f ca="1">ROUND(SQRT((VLOOKUP($A98,városok!$A$2:$C$346,2,0)-VLOOKUP(BQ$1,városok!$A$2:$C$346,2,0))^2+(VLOOKUP($A98,városok!$A$2:$C$346,3,0)-VLOOKUP(BQ$1,városok!$A$2:$C$346,3,0))^2)/1000,0)</f>
        <v>185</v>
      </c>
      <c r="BR98">
        <f ca="1">ROUND(SQRT((VLOOKUP($A98,városok!$A$2:$C$346,2,0)-VLOOKUP(BR$1,városok!$A$2:$C$346,2,0))^2+(VLOOKUP($A98,városok!$A$2:$C$346,3,0)-VLOOKUP(BR$1,városok!$A$2:$C$346,3,0))^2)/1000,0)</f>
        <v>230</v>
      </c>
      <c r="BS98">
        <f ca="1">ROUND(SQRT((VLOOKUP($A98,városok!$A$2:$C$346,2,0)-VLOOKUP(BS$1,városok!$A$2:$C$346,2,0))^2+(VLOOKUP($A98,városok!$A$2:$C$346,3,0)-VLOOKUP(BS$1,városok!$A$2:$C$346,3,0))^2)/1000,0)</f>
        <v>251</v>
      </c>
      <c r="BT98">
        <f ca="1">ROUND(SQRT((VLOOKUP($A98,városok!$A$2:$C$346,2,0)-VLOOKUP(BT$1,városok!$A$2:$C$346,2,0))^2+(VLOOKUP($A98,városok!$A$2:$C$346,3,0)-VLOOKUP(BT$1,városok!$A$2:$C$346,3,0))^2)/1000,0)</f>
        <v>262</v>
      </c>
    </row>
    <row r="99" spans="1:72" x14ac:dyDescent="0.2">
      <c r="A99" t="str">
        <f>városok!A99</f>
        <v>Aba</v>
      </c>
      <c r="B99">
        <f ca="1">ROUND(SQRT((VLOOKUP($A99,városok!$A$2:$C$346,2,0)-VLOOKUP(B$1,városok!$A$2:$C$346,2,0))^2+(VLOOKUP($A99,városok!$A$2:$C$346,3,0)-VLOOKUP(B$1,városok!$A$2:$C$346,3,0))^2)/1000,0)</f>
        <v>100</v>
      </c>
      <c r="C99">
        <f ca="1">ROUND(SQRT((VLOOKUP($A99,városok!$A$2:$C$346,2,0)-VLOOKUP(C$1,városok!$A$2:$C$346,2,0))^2+(VLOOKUP($A99,városok!$A$2:$C$346,3,0)-VLOOKUP(C$1,városok!$A$2:$C$346,3,0))^2)/1000,0)</f>
        <v>66</v>
      </c>
      <c r="D99">
        <f ca="1">ROUND(SQRT((VLOOKUP($A99,városok!$A$2:$C$346,2,0)-VLOOKUP(D$1,városok!$A$2:$C$346,2,0))^2+(VLOOKUP($A99,városok!$A$2:$C$346,3,0)-VLOOKUP(D$1,városok!$A$2:$C$346,3,0))^2)/1000,0)</f>
        <v>90</v>
      </c>
      <c r="E99">
        <f ca="1">ROUND(SQRT((VLOOKUP($A99,városok!$A$2:$C$346,2,0)-VLOOKUP(E$1,városok!$A$2:$C$346,2,0))^2+(VLOOKUP($A99,városok!$A$2:$C$346,3,0)-VLOOKUP(E$1,városok!$A$2:$C$346,3,0))^2)/1000,0)</f>
        <v>96</v>
      </c>
      <c r="F99">
        <f ca="1">ROUND(SQRT((VLOOKUP($A99,városok!$A$2:$C$346,2,0)-VLOOKUP(F$1,városok!$A$2:$C$346,2,0))^2+(VLOOKUP($A99,városok!$A$2:$C$346,3,0)-VLOOKUP(F$1,városok!$A$2:$C$346,3,0))^2)/1000,0)</f>
        <v>117</v>
      </c>
      <c r="G99">
        <f ca="1">ROUND(SQRT((VLOOKUP($A99,városok!$A$2:$C$346,2,0)-VLOOKUP(G$1,városok!$A$2:$C$346,2,0))^2+(VLOOKUP($A99,városok!$A$2:$C$346,3,0)-VLOOKUP(G$1,városok!$A$2:$C$346,3,0))^2)/1000,0)</f>
        <v>108</v>
      </c>
      <c r="H99">
        <f ca="1">ROUND(SQRT((VLOOKUP($A99,városok!$A$2:$C$346,2,0)-VLOOKUP(H$1,városok!$A$2:$C$346,2,0))^2+(VLOOKUP($A99,városok!$A$2:$C$346,3,0)-VLOOKUP(H$1,városok!$A$2:$C$346,3,0))^2)/1000,0)</f>
        <v>123</v>
      </c>
      <c r="I99">
        <f ca="1">ROUND(SQRT((VLOOKUP($A99,városok!$A$2:$C$346,2,0)-VLOOKUP(I$1,városok!$A$2:$C$346,2,0))^2+(VLOOKUP($A99,városok!$A$2:$C$346,3,0)-VLOOKUP(I$1,városok!$A$2:$C$346,3,0))^2)/1000,0)</f>
        <v>199</v>
      </c>
      <c r="J99">
        <f ca="1">ROUND(SQRT((VLOOKUP($A99,városok!$A$2:$C$346,2,0)-VLOOKUP(J$1,városok!$A$2:$C$346,2,0))^2+(VLOOKUP($A99,városok!$A$2:$C$346,3,0)-VLOOKUP(J$1,városok!$A$2:$C$346,3,0))^2)/1000,0)</f>
        <v>214</v>
      </c>
      <c r="K99">
        <f ca="1">ROUND(SQRT((VLOOKUP($A99,városok!$A$2:$C$346,2,0)-VLOOKUP(K$1,városok!$A$2:$C$346,2,0))^2+(VLOOKUP($A99,városok!$A$2:$C$346,3,0)-VLOOKUP(K$1,városok!$A$2:$C$346,3,0))^2)/1000,0)</f>
        <v>172</v>
      </c>
      <c r="L99">
        <f ca="1">ROUND(SQRT((VLOOKUP($A99,városok!$A$2:$C$346,2,0)-VLOOKUP(L$1,városok!$A$2:$C$346,2,0))^2+(VLOOKUP($A99,városok!$A$2:$C$346,3,0)-VLOOKUP(L$1,városok!$A$2:$C$346,3,0))^2)/1000,0)</f>
        <v>209</v>
      </c>
      <c r="M99">
        <f ca="1">ROUND(SQRT((VLOOKUP($A99,városok!$A$2:$C$346,2,0)-VLOOKUP(M$1,városok!$A$2:$C$346,2,0))^2+(VLOOKUP($A99,városok!$A$2:$C$346,3,0)-VLOOKUP(M$1,városok!$A$2:$C$346,3,0))^2)/1000,0)</f>
        <v>208</v>
      </c>
      <c r="N99">
        <f ca="1">ROUND(SQRT((VLOOKUP($A99,városok!$A$2:$C$346,2,0)-VLOOKUP(N$1,városok!$A$2:$C$346,2,0))^2+(VLOOKUP($A99,városok!$A$2:$C$346,3,0)-VLOOKUP(N$1,városok!$A$2:$C$346,3,0))^2)/1000,0)</f>
        <v>187</v>
      </c>
      <c r="O99">
        <f ca="1">ROUND(SQRT((VLOOKUP($A99,városok!$A$2:$C$346,2,0)-VLOOKUP(O$1,városok!$A$2:$C$346,2,0))^2+(VLOOKUP($A99,városok!$A$2:$C$346,3,0)-VLOOKUP(O$1,városok!$A$2:$C$346,3,0))^2)/1000,0)</f>
        <v>279</v>
      </c>
      <c r="P99">
        <f ca="1">ROUND(SQRT((VLOOKUP($A99,városok!$A$2:$C$346,2,0)-VLOOKUP(P$1,városok!$A$2:$C$346,2,0))^2+(VLOOKUP($A99,városok!$A$2:$C$346,3,0)-VLOOKUP(P$1,városok!$A$2:$C$346,3,0))^2)/1000,0)</f>
        <v>279</v>
      </c>
      <c r="Q99">
        <f ca="1">ROUND(SQRT((VLOOKUP($A99,városok!$A$2:$C$346,2,0)-VLOOKUP(Q$1,városok!$A$2:$C$346,2,0))^2+(VLOOKUP($A99,városok!$A$2:$C$346,3,0)-VLOOKUP(Q$1,városok!$A$2:$C$346,3,0))^2)/1000,0)</f>
        <v>153</v>
      </c>
      <c r="R99">
        <f ca="1">ROUND(SQRT((VLOOKUP($A99,városok!$A$2:$C$346,2,0)-VLOOKUP(R$1,városok!$A$2:$C$346,2,0))^2+(VLOOKUP($A99,városok!$A$2:$C$346,3,0)-VLOOKUP(R$1,városok!$A$2:$C$346,3,0))^2)/1000,0)</f>
        <v>175</v>
      </c>
      <c r="S99">
        <f ca="1">ROUND(SQRT((VLOOKUP($A99,városok!$A$2:$C$346,2,0)-VLOOKUP(S$1,városok!$A$2:$C$346,2,0))^2+(VLOOKUP($A99,városok!$A$2:$C$346,3,0)-VLOOKUP(S$1,városok!$A$2:$C$346,3,0))^2)/1000,0)</f>
        <v>153</v>
      </c>
      <c r="T99">
        <f ca="1">ROUND(SQRT((VLOOKUP($A99,városok!$A$2:$C$346,2,0)-VLOOKUP(T$1,városok!$A$2:$C$346,2,0))^2+(VLOOKUP($A99,városok!$A$2:$C$346,3,0)-VLOOKUP(T$1,városok!$A$2:$C$346,3,0))^2)/1000,0)</f>
        <v>51</v>
      </c>
      <c r="U99">
        <f ca="1">ROUND(SQRT((VLOOKUP($A99,városok!$A$2:$C$346,2,0)-VLOOKUP(U$1,városok!$A$2:$C$346,2,0))^2+(VLOOKUP($A99,városok!$A$2:$C$346,3,0)-VLOOKUP(U$1,városok!$A$2:$C$346,3,0))^2)/1000,0)</f>
        <v>32</v>
      </c>
      <c r="V99">
        <f ca="1">ROUND(SQRT((VLOOKUP($A99,városok!$A$2:$C$346,2,0)-VLOOKUP(V$1,városok!$A$2:$C$346,2,0))^2+(VLOOKUP($A99,városok!$A$2:$C$346,3,0)-VLOOKUP(V$1,városok!$A$2:$C$346,3,0))^2)/1000,0)</f>
        <v>17</v>
      </c>
      <c r="W99">
        <f ca="1">ROUND(SQRT((VLOOKUP($A99,városok!$A$2:$C$346,2,0)-VLOOKUP(W$1,városok!$A$2:$C$346,2,0))^2+(VLOOKUP($A99,városok!$A$2:$C$346,3,0)-VLOOKUP(W$1,városok!$A$2:$C$346,3,0))^2)/1000,0)</f>
        <v>18</v>
      </c>
      <c r="X99">
        <f ca="1">ROUND(SQRT((VLOOKUP($A99,városok!$A$2:$C$346,2,0)-VLOOKUP(X$1,városok!$A$2:$C$346,2,0))^2+(VLOOKUP($A99,városok!$A$2:$C$346,3,0)-VLOOKUP(X$1,városok!$A$2:$C$346,3,0))^2)/1000,0)</f>
        <v>32</v>
      </c>
      <c r="Y99">
        <f ca="1">ROUND(SQRT((VLOOKUP($A99,városok!$A$2:$C$346,2,0)-VLOOKUP(Y$1,városok!$A$2:$C$346,2,0))^2+(VLOOKUP($A99,városok!$A$2:$C$346,3,0)-VLOOKUP(Y$1,városok!$A$2:$C$346,3,0))^2)/1000,0)</f>
        <v>99</v>
      </c>
      <c r="Z99">
        <f ca="1">ROUND(SQRT((VLOOKUP($A99,városok!$A$2:$C$346,2,0)-VLOOKUP(Z$1,városok!$A$2:$C$346,2,0))^2+(VLOOKUP($A99,városok!$A$2:$C$346,3,0)-VLOOKUP(Z$1,városok!$A$2:$C$346,3,0))^2)/1000,0)</f>
        <v>116</v>
      </c>
      <c r="AA99">
        <f ca="1">ROUND(SQRT((VLOOKUP($A99,városok!$A$2:$C$346,2,0)-VLOOKUP(AA$1,városok!$A$2:$C$346,2,0))^2+(VLOOKUP($A99,városok!$A$2:$C$346,3,0)-VLOOKUP(AA$1,városok!$A$2:$C$346,3,0))^2)/1000,0)</f>
        <v>164</v>
      </c>
      <c r="AB99">
        <f ca="1">ROUND(SQRT((VLOOKUP($A99,városok!$A$2:$C$346,2,0)-VLOOKUP(AB$1,városok!$A$2:$C$346,2,0))^2+(VLOOKUP($A99,városok!$A$2:$C$346,3,0)-VLOOKUP(AB$1,városok!$A$2:$C$346,3,0))^2)/1000,0)</f>
        <v>241</v>
      </c>
      <c r="AC99">
        <f ca="1">ROUND(SQRT((VLOOKUP($A99,városok!$A$2:$C$346,2,0)-VLOOKUP(AC$1,városok!$A$2:$C$346,2,0))^2+(VLOOKUP($A99,városok!$A$2:$C$346,3,0)-VLOOKUP(AC$1,városok!$A$2:$C$346,3,0))^2)/1000,0)</f>
        <v>222</v>
      </c>
      <c r="AD99">
        <f ca="1">ROUND(SQRT((VLOOKUP($A99,városok!$A$2:$C$346,2,0)-VLOOKUP(AD$1,városok!$A$2:$C$346,2,0))^2+(VLOOKUP($A99,városok!$A$2:$C$346,3,0)-VLOOKUP(AD$1,városok!$A$2:$C$346,3,0))^2)/1000,0)</f>
        <v>204</v>
      </c>
      <c r="AE99">
        <f ca="1">ROUND(SQRT((VLOOKUP($A99,városok!$A$2:$C$346,2,0)-VLOOKUP(AE$1,városok!$A$2:$C$346,2,0))^2+(VLOOKUP($A99,városok!$A$2:$C$346,3,0)-VLOOKUP(AE$1,városok!$A$2:$C$346,3,0))^2)/1000,0)</f>
        <v>202</v>
      </c>
      <c r="AF99">
        <f ca="1">ROUND(SQRT((VLOOKUP($A99,városok!$A$2:$C$346,2,0)-VLOOKUP(AF$1,városok!$A$2:$C$346,2,0))^2+(VLOOKUP($A99,városok!$A$2:$C$346,3,0)-VLOOKUP(AF$1,városok!$A$2:$C$346,3,0))^2)/1000,0)</f>
        <v>170</v>
      </c>
      <c r="AG99">
        <f ca="1">ROUND(SQRT((VLOOKUP($A99,városok!$A$2:$C$346,2,0)-VLOOKUP(AG$1,városok!$A$2:$C$346,2,0))^2+(VLOOKUP($A99,városok!$A$2:$C$346,3,0)-VLOOKUP(AG$1,városok!$A$2:$C$346,3,0))^2)/1000,0)</f>
        <v>135</v>
      </c>
      <c r="AH99">
        <f ca="1">ROUND(SQRT((VLOOKUP($A99,városok!$A$2:$C$346,2,0)-VLOOKUP(AH$1,városok!$A$2:$C$346,2,0))^2+(VLOOKUP($A99,városok!$A$2:$C$346,3,0)-VLOOKUP(AH$1,városok!$A$2:$C$346,3,0))^2)/1000,0)</f>
        <v>112</v>
      </c>
      <c r="AI99">
        <f ca="1">ROUND(SQRT((VLOOKUP($A99,városok!$A$2:$C$346,2,0)-VLOOKUP(AI$1,városok!$A$2:$C$346,2,0))^2+(VLOOKUP($A99,városok!$A$2:$C$346,3,0)-VLOOKUP(AI$1,városok!$A$2:$C$346,3,0))^2)/1000,0)</f>
        <v>161</v>
      </c>
      <c r="AJ99">
        <f ca="1">ROUND(SQRT((VLOOKUP($A99,városok!$A$2:$C$346,2,0)-VLOOKUP(AJ$1,városok!$A$2:$C$346,2,0))^2+(VLOOKUP($A99,városok!$A$2:$C$346,3,0)-VLOOKUP(AJ$1,városok!$A$2:$C$346,3,0))^2)/1000,0)</f>
        <v>129</v>
      </c>
      <c r="AK99">
        <f ca="1">ROUND(SQRT((VLOOKUP($A99,városok!$A$2:$C$346,2,0)-VLOOKUP(AK$1,városok!$A$2:$C$346,2,0))^2+(VLOOKUP($A99,városok!$A$2:$C$346,3,0)-VLOOKUP(AK$1,városok!$A$2:$C$346,3,0))^2)/1000,0)</f>
        <v>188</v>
      </c>
      <c r="AL99">
        <f ca="1">ROUND(SQRT((VLOOKUP($A99,városok!$A$2:$C$346,2,0)-VLOOKUP(AL$1,városok!$A$2:$C$346,2,0))^2+(VLOOKUP($A99,városok!$A$2:$C$346,3,0)-VLOOKUP(AL$1,városok!$A$2:$C$346,3,0))^2)/1000,0)</f>
        <v>164</v>
      </c>
      <c r="AM99">
        <f ca="1">ROUND(SQRT((VLOOKUP($A99,városok!$A$2:$C$346,2,0)-VLOOKUP(AM$1,városok!$A$2:$C$346,2,0))^2+(VLOOKUP($A99,városok!$A$2:$C$346,3,0)-VLOOKUP(AM$1,városok!$A$2:$C$346,3,0))^2)/1000,0)</f>
        <v>127</v>
      </c>
      <c r="AN99">
        <f ca="1">ROUND(SQRT((VLOOKUP($A99,városok!$A$2:$C$346,2,0)-VLOOKUP(AN$1,városok!$A$2:$C$346,2,0))^2+(VLOOKUP($A99,városok!$A$2:$C$346,3,0)-VLOOKUP(AN$1,városok!$A$2:$C$346,3,0))^2)/1000,0)</f>
        <v>86</v>
      </c>
      <c r="AO99">
        <f ca="1">ROUND(SQRT((VLOOKUP($A99,városok!$A$2:$C$346,2,0)-VLOOKUP(AO$1,városok!$A$2:$C$346,2,0))^2+(VLOOKUP($A99,városok!$A$2:$C$346,3,0)-VLOOKUP(AO$1,városok!$A$2:$C$346,3,0))^2)/1000,0)</f>
        <v>84</v>
      </c>
      <c r="AP99">
        <f ca="1">ROUND(SQRT((VLOOKUP($A99,városok!$A$2:$C$346,2,0)-VLOOKUP(AP$1,városok!$A$2:$C$346,2,0))^2+(VLOOKUP($A99,városok!$A$2:$C$346,3,0)-VLOOKUP(AP$1,városok!$A$2:$C$346,3,0))^2)/1000,0)</f>
        <v>69</v>
      </c>
      <c r="AQ99">
        <f ca="1">ROUND(SQRT((VLOOKUP($A99,városok!$A$2:$C$346,2,0)-VLOOKUP(AQ$1,városok!$A$2:$C$346,2,0))^2+(VLOOKUP($A99,városok!$A$2:$C$346,3,0)-VLOOKUP(AQ$1,városok!$A$2:$C$346,3,0))^2)/1000,0)</f>
        <v>60</v>
      </c>
      <c r="AR99">
        <f ca="1">ROUND(SQRT((VLOOKUP($A99,városok!$A$2:$C$346,2,0)-VLOOKUP(AR$1,városok!$A$2:$C$346,2,0))^2+(VLOOKUP($A99,városok!$A$2:$C$346,3,0)-VLOOKUP(AR$1,városok!$A$2:$C$346,3,0))^2)/1000,0)</f>
        <v>132</v>
      </c>
      <c r="AS99">
        <f ca="1">ROUND(SQRT((VLOOKUP($A99,városok!$A$2:$C$346,2,0)-VLOOKUP(AS$1,városok!$A$2:$C$346,2,0))^2+(VLOOKUP($A99,városok!$A$2:$C$346,3,0)-VLOOKUP(AS$1,városok!$A$2:$C$346,3,0))^2)/1000,0)</f>
        <v>154</v>
      </c>
      <c r="AT99">
        <f ca="1">ROUND(SQRT((VLOOKUP($A99,városok!$A$2:$C$346,2,0)-VLOOKUP(AT$1,városok!$A$2:$C$346,2,0))^2+(VLOOKUP($A99,városok!$A$2:$C$346,3,0)-VLOOKUP(AT$1,városok!$A$2:$C$346,3,0))^2)/1000,0)</f>
        <v>53</v>
      </c>
      <c r="AU99">
        <f ca="1">ROUND(SQRT((VLOOKUP($A99,városok!$A$2:$C$346,2,0)-VLOOKUP(AU$1,városok!$A$2:$C$346,2,0))^2+(VLOOKUP($A99,városok!$A$2:$C$346,3,0)-VLOOKUP(AU$1,városok!$A$2:$C$346,3,0))^2)/1000,0)</f>
        <v>58</v>
      </c>
      <c r="AV99">
        <f ca="1">ROUND(SQRT((VLOOKUP($A99,városok!$A$2:$C$346,2,0)-VLOOKUP(AV$1,városok!$A$2:$C$346,2,0))^2+(VLOOKUP($A99,városok!$A$2:$C$346,3,0)-VLOOKUP(AV$1,városok!$A$2:$C$346,3,0))^2)/1000,0)</f>
        <v>53</v>
      </c>
      <c r="AW99">
        <f ca="1">ROUND(SQRT((VLOOKUP($A99,városok!$A$2:$C$346,2,0)-VLOOKUP(AW$1,városok!$A$2:$C$346,2,0))^2+(VLOOKUP($A99,városok!$A$2:$C$346,3,0)-VLOOKUP(AW$1,városok!$A$2:$C$346,3,0))^2)/1000,0)</f>
        <v>50</v>
      </c>
      <c r="AX99">
        <f ca="1">ROUND(SQRT((VLOOKUP($A99,városok!$A$2:$C$346,2,0)-VLOOKUP(AX$1,városok!$A$2:$C$346,2,0))^2+(VLOOKUP($A99,városok!$A$2:$C$346,3,0)-VLOOKUP(AX$1,városok!$A$2:$C$346,3,0))^2)/1000,0)</f>
        <v>95</v>
      </c>
      <c r="AY99">
        <f ca="1">ROUND(SQRT((VLOOKUP($A99,városok!$A$2:$C$346,2,0)-VLOOKUP(AY$1,városok!$A$2:$C$346,2,0))^2+(VLOOKUP($A99,városok!$A$2:$C$346,3,0)-VLOOKUP(AY$1,városok!$A$2:$C$346,3,0))^2)/1000,0)</f>
        <v>83</v>
      </c>
      <c r="AZ99">
        <f ca="1">ROUND(SQRT((VLOOKUP($A99,városok!$A$2:$C$346,2,0)-VLOOKUP(AZ$1,városok!$A$2:$C$346,2,0))^2+(VLOOKUP($A99,városok!$A$2:$C$346,3,0)-VLOOKUP(AZ$1,városok!$A$2:$C$346,3,0))^2)/1000,0)</f>
        <v>90</v>
      </c>
      <c r="BA99">
        <f ca="1">ROUND(SQRT((VLOOKUP($A99,városok!$A$2:$C$346,2,0)-VLOOKUP(BA$1,városok!$A$2:$C$346,2,0))^2+(VLOOKUP($A99,városok!$A$2:$C$346,3,0)-VLOOKUP(BA$1,városok!$A$2:$C$346,3,0))^2)/1000,0)</f>
        <v>69</v>
      </c>
      <c r="BB99">
        <f ca="1">ROUND(SQRT((VLOOKUP($A99,városok!$A$2:$C$346,2,0)-VLOOKUP(BB$1,városok!$A$2:$C$346,2,0))^2+(VLOOKUP($A99,városok!$A$2:$C$346,3,0)-VLOOKUP(BB$1,városok!$A$2:$C$346,3,0))^2)/1000,0)</f>
        <v>71</v>
      </c>
      <c r="BC99">
        <f ca="1">ROUND(SQRT((VLOOKUP($A99,városok!$A$2:$C$346,2,0)-VLOOKUP(BC$1,városok!$A$2:$C$346,2,0))^2+(VLOOKUP($A99,városok!$A$2:$C$346,3,0)-VLOOKUP(BC$1,városok!$A$2:$C$346,3,0))^2)/1000,0)</f>
        <v>94</v>
      </c>
      <c r="BD99">
        <f ca="1">ROUND(SQRT((VLOOKUP($A99,városok!$A$2:$C$346,2,0)-VLOOKUP(BD$1,városok!$A$2:$C$346,2,0))^2+(VLOOKUP($A99,városok!$A$2:$C$346,3,0)-VLOOKUP(BD$1,városok!$A$2:$C$346,3,0))^2)/1000,0)</f>
        <v>38</v>
      </c>
      <c r="BE99">
        <f ca="1">ROUND(SQRT((VLOOKUP($A99,városok!$A$2:$C$346,2,0)-VLOOKUP(BE$1,városok!$A$2:$C$346,2,0))^2+(VLOOKUP($A99,városok!$A$2:$C$346,3,0)-VLOOKUP(BE$1,városok!$A$2:$C$346,3,0))^2)/1000,0)</f>
        <v>325</v>
      </c>
      <c r="BF99">
        <f ca="1">ROUND(SQRT((VLOOKUP($A99,városok!$A$2:$C$346,2,0)-VLOOKUP(BF$1,városok!$A$2:$C$346,2,0))^2+(VLOOKUP($A99,városok!$A$2:$C$346,3,0)-VLOOKUP(BF$1,városok!$A$2:$C$346,3,0))^2)/1000,0)</f>
        <v>298</v>
      </c>
      <c r="BG99">
        <f ca="1">ROUND(SQRT((VLOOKUP($A99,városok!$A$2:$C$346,2,0)-VLOOKUP(BG$1,városok!$A$2:$C$346,2,0))^2+(VLOOKUP($A99,városok!$A$2:$C$346,3,0)-VLOOKUP(BG$1,városok!$A$2:$C$346,3,0))^2)/1000,0)</f>
        <v>252</v>
      </c>
      <c r="BH99">
        <f ca="1">ROUND(SQRT((VLOOKUP($A99,városok!$A$2:$C$346,2,0)-VLOOKUP(BH$1,városok!$A$2:$C$346,2,0))^2+(VLOOKUP($A99,városok!$A$2:$C$346,3,0)-VLOOKUP(BH$1,városok!$A$2:$C$346,3,0))^2)/1000,0)</f>
        <v>252</v>
      </c>
      <c r="BI99">
        <f ca="1">ROUND(SQRT((VLOOKUP($A99,városok!$A$2:$C$346,2,0)-VLOOKUP(BI$1,városok!$A$2:$C$346,2,0))^2+(VLOOKUP($A99,városok!$A$2:$C$346,3,0)-VLOOKUP(BI$1,városok!$A$2:$C$346,3,0))^2)/1000,0)</f>
        <v>71</v>
      </c>
      <c r="BJ99">
        <f ca="1">ROUND(SQRT((VLOOKUP($A99,városok!$A$2:$C$346,2,0)-VLOOKUP(BJ$1,városok!$A$2:$C$346,2,0))^2+(VLOOKUP($A99,városok!$A$2:$C$346,3,0)-VLOOKUP(BJ$1,városok!$A$2:$C$346,3,0))^2)/1000,0)</f>
        <v>84</v>
      </c>
      <c r="BK99">
        <f ca="1">ROUND(SQRT((VLOOKUP($A99,városok!$A$2:$C$346,2,0)-VLOOKUP(BK$1,városok!$A$2:$C$346,2,0))^2+(VLOOKUP($A99,városok!$A$2:$C$346,3,0)-VLOOKUP(BK$1,városok!$A$2:$C$346,3,0))^2)/1000,0)</f>
        <v>77</v>
      </c>
      <c r="BL99">
        <f ca="1">ROUND(SQRT((VLOOKUP($A99,városok!$A$2:$C$346,2,0)-VLOOKUP(BL$1,városok!$A$2:$C$346,2,0))^2+(VLOOKUP($A99,városok!$A$2:$C$346,3,0)-VLOOKUP(BL$1,városok!$A$2:$C$346,3,0))^2)/1000,0)</f>
        <v>146</v>
      </c>
      <c r="BM99">
        <f ca="1">ROUND(SQRT((VLOOKUP($A99,városok!$A$2:$C$346,2,0)-VLOOKUP(BM$1,városok!$A$2:$C$346,2,0))^2+(VLOOKUP($A99,városok!$A$2:$C$346,3,0)-VLOOKUP(BM$1,városok!$A$2:$C$346,3,0))^2)/1000,0)</f>
        <v>123</v>
      </c>
      <c r="BN99">
        <f ca="1">ROUND(SQRT((VLOOKUP($A99,városok!$A$2:$C$346,2,0)-VLOOKUP(BN$1,városok!$A$2:$C$346,2,0))^2+(VLOOKUP($A99,városok!$A$2:$C$346,3,0)-VLOOKUP(BN$1,városok!$A$2:$C$346,3,0))^2)/1000,0)</f>
        <v>146</v>
      </c>
      <c r="BO99">
        <f ca="1">ROUND(SQRT((VLOOKUP($A99,városok!$A$2:$C$346,2,0)-VLOOKUP(BO$1,városok!$A$2:$C$346,2,0))^2+(VLOOKUP($A99,városok!$A$2:$C$346,3,0)-VLOOKUP(BO$1,városok!$A$2:$C$346,3,0))^2)/1000,0)</f>
        <v>39</v>
      </c>
      <c r="BP99">
        <f ca="1">ROUND(SQRT((VLOOKUP($A99,városok!$A$2:$C$346,2,0)-VLOOKUP(BP$1,városok!$A$2:$C$346,2,0))^2+(VLOOKUP($A99,városok!$A$2:$C$346,3,0)-VLOOKUP(BP$1,városok!$A$2:$C$346,3,0))^2)/1000,0)</f>
        <v>32</v>
      </c>
      <c r="BQ99">
        <f ca="1">ROUND(SQRT((VLOOKUP($A99,városok!$A$2:$C$346,2,0)-VLOOKUP(BQ$1,városok!$A$2:$C$346,2,0))^2+(VLOOKUP($A99,városok!$A$2:$C$346,3,0)-VLOOKUP(BQ$1,városok!$A$2:$C$346,3,0))^2)/1000,0)</f>
        <v>47</v>
      </c>
      <c r="BR99">
        <f ca="1">ROUND(SQRT((VLOOKUP($A99,városok!$A$2:$C$346,2,0)-VLOOKUP(BR$1,városok!$A$2:$C$346,2,0))^2+(VLOOKUP($A99,városok!$A$2:$C$346,3,0)-VLOOKUP(BR$1,városok!$A$2:$C$346,3,0))^2)/1000,0)</f>
        <v>101</v>
      </c>
      <c r="BS99">
        <f ca="1">ROUND(SQRT((VLOOKUP($A99,városok!$A$2:$C$346,2,0)-VLOOKUP(BS$1,városok!$A$2:$C$346,2,0))^2+(VLOOKUP($A99,városok!$A$2:$C$346,3,0)-VLOOKUP(BS$1,városok!$A$2:$C$346,3,0))^2)/1000,0)</f>
        <v>134</v>
      </c>
      <c r="BT99">
        <f ca="1">ROUND(SQRT((VLOOKUP($A99,városok!$A$2:$C$346,2,0)-VLOOKUP(BT$1,városok!$A$2:$C$346,2,0))^2+(VLOOKUP($A99,városok!$A$2:$C$346,3,0)-VLOOKUP(BT$1,városok!$A$2:$C$346,3,0))^2)/1000,0)</f>
        <v>130</v>
      </c>
    </row>
    <row r="100" spans="1:72" x14ac:dyDescent="0.2">
      <c r="A100" t="str">
        <f>városok!A100</f>
        <v>Adony</v>
      </c>
      <c r="B100">
        <f ca="1">ROUND(SQRT((VLOOKUP($A100,városok!$A$2:$C$346,2,0)-VLOOKUP(B$1,városok!$A$2:$C$346,2,0))^2+(VLOOKUP($A100,városok!$A$2:$C$346,3,0)-VLOOKUP(B$1,városok!$A$2:$C$346,3,0))^2)/1000,0)</f>
        <v>105</v>
      </c>
      <c r="C100">
        <f ca="1">ROUND(SQRT((VLOOKUP($A100,városok!$A$2:$C$346,2,0)-VLOOKUP(C$1,városok!$A$2:$C$346,2,0))^2+(VLOOKUP($A100,városok!$A$2:$C$346,3,0)-VLOOKUP(C$1,városok!$A$2:$C$346,3,0))^2)/1000,0)</f>
        <v>67</v>
      </c>
      <c r="D100">
        <f ca="1">ROUND(SQRT((VLOOKUP($A100,városok!$A$2:$C$346,2,0)-VLOOKUP(D$1,városok!$A$2:$C$346,2,0))^2+(VLOOKUP($A100,városok!$A$2:$C$346,3,0)-VLOOKUP(D$1,városok!$A$2:$C$346,3,0))^2)/1000,0)</f>
        <v>67</v>
      </c>
      <c r="E100">
        <f ca="1">ROUND(SQRT((VLOOKUP($A100,városok!$A$2:$C$346,2,0)-VLOOKUP(E$1,városok!$A$2:$C$346,2,0))^2+(VLOOKUP($A100,városok!$A$2:$C$346,3,0)-VLOOKUP(E$1,városok!$A$2:$C$346,3,0))^2)/1000,0)</f>
        <v>114</v>
      </c>
      <c r="F100">
        <f ca="1">ROUND(SQRT((VLOOKUP($A100,városok!$A$2:$C$346,2,0)-VLOOKUP(F$1,városok!$A$2:$C$346,2,0))^2+(VLOOKUP($A100,városok!$A$2:$C$346,3,0)-VLOOKUP(F$1,városok!$A$2:$C$346,3,0))^2)/1000,0)</f>
        <v>127</v>
      </c>
      <c r="G100">
        <f ca="1">ROUND(SQRT((VLOOKUP($A100,városok!$A$2:$C$346,2,0)-VLOOKUP(G$1,városok!$A$2:$C$346,2,0))^2+(VLOOKUP($A100,városok!$A$2:$C$346,3,0)-VLOOKUP(G$1,városok!$A$2:$C$346,3,0))^2)/1000,0)</f>
        <v>125</v>
      </c>
      <c r="H100">
        <f ca="1">ROUND(SQRT((VLOOKUP($A100,városok!$A$2:$C$346,2,0)-VLOOKUP(H$1,városok!$A$2:$C$346,2,0))^2+(VLOOKUP($A100,városok!$A$2:$C$346,3,0)-VLOOKUP(H$1,városok!$A$2:$C$346,3,0))^2)/1000,0)</f>
        <v>145</v>
      </c>
      <c r="I100">
        <f ca="1">ROUND(SQRT((VLOOKUP($A100,városok!$A$2:$C$346,2,0)-VLOOKUP(I$1,városok!$A$2:$C$346,2,0))^2+(VLOOKUP($A100,városok!$A$2:$C$346,3,0)-VLOOKUP(I$1,városok!$A$2:$C$346,3,0))^2)/1000,0)</f>
        <v>176</v>
      </c>
      <c r="J100">
        <f ca="1">ROUND(SQRT((VLOOKUP($A100,városok!$A$2:$C$346,2,0)-VLOOKUP(J$1,városok!$A$2:$C$346,2,0))^2+(VLOOKUP($A100,városok!$A$2:$C$346,3,0)-VLOOKUP(J$1,városok!$A$2:$C$346,3,0))^2)/1000,0)</f>
        <v>191</v>
      </c>
      <c r="K100">
        <f ca="1">ROUND(SQRT((VLOOKUP($A100,városok!$A$2:$C$346,2,0)-VLOOKUP(K$1,városok!$A$2:$C$346,2,0))^2+(VLOOKUP($A100,városok!$A$2:$C$346,3,0)-VLOOKUP(K$1,városok!$A$2:$C$346,3,0))^2)/1000,0)</f>
        <v>151</v>
      </c>
      <c r="L100">
        <f ca="1">ROUND(SQRT((VLOOKUP($A100,városok!$A$2:$C$346,2,0)-VLOOKUP(L$1,városok!$A$2:$C$346,2,0))^2+(VLOOKUP($A100,városok!$A$2:$C$346,3,0)-VLOOKUP(L$1,városok!$A$2:$C$346,3,0))^2)/1000,0)</f>
        <v>183</v>
      </c>
      <c r="M100">
        <f ca="1">ROUND(SQRT((VLOOKUP($A100,városok!$A$2:$C$346,2,0)-VLOOKUP(M$1,városok!$A$2:$C$346,2,0))^2+(VLOOKUP($A100,városok!$A$2:$C$346,3,0)-VLOOKUP(M$1,városok!$A$2:$C$346,3,0))^2)/1000,0)</f>
        <v>182</v>
      </c>
      <c r="N100">
        <f ca="1">ROUND(SQRT((VLOOKUP($A100,városok!$A$2:$C$346,2,0)-VLOOKUP(N$1,városok!$A$2:$C$346,2,0))^2+(VLOOKUP($A100,városok!$A$2:$C$346,3,0)-VLOOKUP(N$1,városok!$A$2:$C$346,3,0))^2)/1000,0)</f>
        <v>163</v>
      </c>
      <c r="O100">
        <f ca="1">ROUND(SQRT((VLOOKUP($A100,városok!$A$2:$C$346,2,0)-VLOOKUP(O$1,városok!$A$2:$C$346,2,0))^2+(VLOOKUP($A100,városok!$A$2:$C$346,3,0)-VLOOKUP(O$1,városok!$A$2:$C$346,3,0))^2)/1000,0)</f>
        <v>252</v>
      </c>
      <c r="P100">
        <f ca="1">ROUND(SQRT((VLOOKUP($A100,városok!$A$2:$C$346,2,0)-VLOOKUP(P$1,városok!$A$2:$C$346,2,0))^2+(VLOOKUP($A100,városok!$A$2:$C$346,3,0)-VLOOKUP(P$1,városok!$A$2:$C$346,3,0))^2)/1000,0)</f>
        <v>252</v>
      </c>
      <c r="Q100">
        <f ca="1">ROUND(SQRT((VLOOKUP($A100,városok!$A$2:$C$346,2,0)-VLOOKUP(Q$1,városok!$A$2:$C$346,2,0))^2+(VLOOKUP($A100,városok!$A$2:$C$346,3,0)-VLOOKUP(Q$1,városok!$A$2:$C$346,3,0))^2)/1000,0)</f>
        <v>136</v>
      </c>
      <c r="R100">
        <f ca="1">ROUND(SQRT((VLOOKUP($A100,városok!$A$2:$C$346,2,0)-VLOOKUP(R$1,városok!$A$2:$C$346,2,0))^2+(VLOOKUP($A100,városok!$A$2:$C$346,3,0)-VLOOKUP(R$1,városok!$A$2:$C$346,3,0))^2)/1000,0)</f>
        <v>159</v>
      </c>
      <c r="S100">
        <f ca="1">ROUND(SQRT((VLOOKUP($A100,városok!$A$2:$C$346,2,0)-VLOOKUP(S$1,városok!$A$2:$C$346,2,0))^2+(VLOOKUP($A100,városok!$A$2:$C$346,3,0)-VLOOKUP(S$1,városok!$A$2:$C$346,3,0))^2)/1000,0)</f>
        <v>139</v>
      </c>
      <c r="T100">
        <f ca="1">ROUND(SQRT((VLOOKUP($A100,városok!$A$2:$C$346,2,0)-VLOOKUP(T$1,városok!$A$2:$C$346,2,0))^2+(VLOOKUP($A100,városok!$A$2:$C$346,3,0)-VLOOKUP(T$1,városok!$A$2:$C$346,3,0))^2)/1000,0)</f>
        <v>44</v>
      </c>
      <c r="U100">
        <f ca="1">ROUND(SQRT((VLOOKUP($A100,városok!$A$2:$C$346,2,0)-VLOOKUP(U$1,városok!$A$2:$C$346,2,0))^2+(VLOOKUP($A100,városok!$A$2:$C$346,3,0)-VLOOKUP(U$1,városok!$A$2:$C$346,3,0))^2)/1000,0)</f>
        <v>18</v>
      </c>
      <c r="V100">
        <f ca="1">ROUND(SQRT((VLOOKUP($A100,városok!$A$2:$C$346,2,0)-VLOOKUP(V$1,városok!$A$2:$C$346,2,0))^2+(VLOOKUP($A100,városok!$A$2:$C$346,3,0)-VLOOKUP(V$1,városok!$A$2:$C$346,3,0))^2)/1000,0)</f>
        <v>43</v>
      </c>
      <c r="W100">
        <f ca="1">ROUND(SQRT((VLOOKUP($A100,városok!$A$2:$C$346,2,0)-VLOOKUP(W$1,városok!$A$2:$C$346,2,0))^2+(VLOOKUP($A100,városok!$A$2:$C$346,3,0)-VLOOKUP(W$1,városok!$A$2:$C$346,3,0))^2)/1000,0)</f>
        <v>32</v>
      </c>
      <c r="X100">
        <f ca="1">ROUND(SQRT((VLOOKUP($A100,városok!$A$2:$C$346,2,0)-VLOOKUP(X$1,városok!$A$2:$C$346,2,0))^2+(VLOOKUP($A100,városok!$A$2:$C$346,3,0)-VLOOKUP(X$1,városok!$A$2:$C$346,3,0))^2)/1000,0)</f>
        <v>45</v>
      </c>
      <c r="Y100">
        <f ca="1">ROUND(SQRT((VLOOKUP($A100,városok!$A$2:$C$346,2,0)-VLOOKUP(Y$1,városok!$A$2:$C$346,2,0))^2+(VLOOKUP($A100,városok!$A$2:$C$346,3,0)-VLOOKUP(Y$1,városok!$A$2:$C$346,3,0))^2)/1000,0)</f>
        <v>112</v>
      </c>
      <c r="Z100">
        <f ca="1">ROUND(SQRT((VLOOKUP($A100,városok!$A$2:$C$346,2,0)-VLOOKUP(Z$1,városok!$A$2:$C$346,2,0))^2+(VLOOKUP($A100,városok!$A$2:$C$346,3,0)-VLOOKUP(Z$1,városok!$A$2:$C$346,3,0))^2)/1000,0)</f>
        <v>130</v>
      </c>
      <c r="AA100">
        <f ca="1">ROUND(SQRT((VLOOKUP($A100,városok!$A$2:$C$346,2,0)-VLOOKUP(AA$1,városok!$A$2:$C$346,2,0))^2+(VLOOKUP($A100,városok!$A$2:$C$346,3,0)-VLOOKUP(AA$1,városok!$A$2:$C$346,3,0))^2)/1000,0)</f>
        <v>183</v>
      </c>
      <c r="AB100">
        <f ca="1">ROUND(SQRT((VLOOKUP($A100,városok!$A$2:$C$346,2,0)-VLOOKUP(AB$1,városok!$A$2:$C$346,2,0))^2+(VLOOKUP($A100,városok!$A$2:$C$346,3,0)-VLOOKUP(AB$1,városok!$A$2:$C$346,3,0))^2)/1000,0)</f>
        <v>214</v>
      </c>
      <c r="AC100">
        <f ca="1">ROUND(SQRT((VLOOKUP($A100,városok!$A$2:$C$346,2,0)-VLOOKUP(AC$1,városok!$A$2:$C$346,2,0))^2+(VLOOKUP($A100,városok!$A$2:$C$346,3,0)-VLOOKUP(AC$1,városok!$A$2:$C$346,3,0))^2)/1000,0)</f>
        <v>195</v>
      </c>
      <c r="AD100">
        <f ca="1">ROUND(SQRT((VLOOKUP($A100,városok!$A$2:$C$346,2,0)-VLOOKUP(AD$1,városok!$A$2:$C$346,2,0))^2+(VLOOKUP($A100,városok!$A$2:$C$346,3,0)-VLOOKUP(AD$1,városok!$A$2:$C$346,3,0))^2)/1000,0)</f>
        <v>177</v>
      </c>
      <c r="AE100">
        <f ca="1">ROUND(SQRT((VLOOKUP($A100,városok!$A$2:$C$346,2,0)-VLOOKUP(AE$1,városok!$A$2:$C$346,2,0))^2+(VLOOKUP($A100,városok!$A$2:$C$346,3,0)-VLOOKUP(AE$1,városok!$A$2:$C$346,3,0))^2)/1000,0)</f>
        <v>176</v>
      </c>
      <c r="AF100">
        <f ca="1">ROUND(SQRT((VLOOKUP($A100,városok!$A$2:$C$346,2,0)-VLOOKUP(AF$1,városok!$A$2:$C$346,2,0))^2+(VLOOKUP($A100,városok!$A$2:$C$346,3,0)-VLOOKUP(AF$1,városok!$A$2:$C$346,3,0))^2)/1000,0)</f>
        <v>143</v>
      </c>
      <c r="AG100">
        <f ca="1">ROUND(SQRT((VLOOKUP($A100,városok!$A$2:$C$346,2,0)-VLOOKUP(AG$1,városok!$A$2:$C$346,2,0))^2+(VLOOKUP($A100,városok!$A$2:$C$346,3,0)-VLOOKUP(AG$1,városok!$A$2:$C$346,3,0))^2)/1000,0)</f>
        <v>109</v>
      </c>
      <c r="AH100">
        <f ca="1">ROUND(SQRT((VLOOKUP($A100,városok!$A$2:$C$346,2,0)-VLOOKUP(AH$1,városok!$A$2:$C$346,2,0))^2+(VLOOKUP($A100,városok!$A$2:$C$346,3,0)-VLOOKUP(AH$1,városok!$A$2:$C$346,3,0))^2)/1000,0)</f>
        <v>86</v>
      </c>
      <c r="AI100">
        <f ca="1">ROUND(SQRT((VLOOKUP($A100,városok!$A$2:$C$346,2,0)-VLOOKUP(AI$1,városok!$A$2:$C$346,2,0))^2+(VLOOKUP($A100,városok!$A$2:$C$346,3,0)-VLOOKUP(AI$1,városok!$A$2:$C$346,3,0))^2)/1000,0)</f>
        <v>136</v>
      </c>
      <c r="AJ100">
        <f ca="1">ROUND(SQRT((VLOOKUP($A100,városok!$A$2:$C$346,2,0)-VLOOKUP(AJ$1,városok!$A$2:$C$346,2,0))^2+(VLOOKUP($A100,városok!$A$2:$C$346,3,0)-VLOOKUP(AJ$1,városok!$A$2:$C$346,3,0))^2)/1000,0)</f>
        <v>102</v>
      </c>
      <c r="AK100">
        <f ca="1">ROUND(SQRT((VLOOKUP($A100,városok!$A$2:$C$346,2,0)-VLOOKUP(AK$1,városok!$A$2:$C$346,2,0))^2+(VLOOKUP($A100,városok!$A$2:$C$346,3,0)-VLOOKUP(AK$1,városok!$A$2:$C$346,3,0))^2)/1000,0)</f>
        <v>161</v>
      </c>
      <c r="AL100">
        <f ca="1">ROUND(SQRT((VLOOKUP($A100,városok!$A$2:$C$346,2,0)-VLOOKUP(AL$1,városok!$A$2:$C$346,2,0))^2+(VLOOKUP($A100,városok!$A$2:$C$346,3,0)-VLOOKUP(AL$1,városok!$A$2:$C$346,3,0))^2)/1000,0)</f>
        <v>136</v>
      </c>
      <c r="AM100">
        <f ca="1">ROUND(SQRT((VLOOKUP($A100,városok!$A$2:$C$346,2,0)-VLOOKUP(AM$1,városok!$A$2:$C$346,2,0))^2+(VLOOKUP($A100,városok!$A$2:$C$346,3,0)-VLOOKUP(AM$1,városok!$A$2:$C$346,3,0))^2)/1000,0)</f>
        <v>100</v>
      </c>
      <c r="AN100">
        <f ca="1">ROUND(SQRT((VLOOKUP($A100,városok!$A$2:$C$346,2,0)-VLOOKUP(AN$1,városok!$A$2:$C$346,2,0))^2+(VLOOKUP($A100,városok!$A$2:$C$346,3,0)-VLOOKUP(AN$1,városok!$A$2:$C$346,3,0))^2)/1000,0)</f>
        <v>75</v>
      </c>
      <c r="AO100">
        <f ca="1">ROUND(SQRT((VLOOKUP($A100,városok!$A$2:$C$346,2,0)-VLOOKUP(AO$1,városok!$A$2:$C$346,2,0))^2+(VLOOKUP($A100,városok!$A$2:$C$346,3,0)-VLOOKUP(AO$1,városok!$A$2:$C$346,3,0))^2)/1000,0)</f>
        <v>89</v>
      </c>
      <c r="AP100">
        <f ca="1">ROUND(SQRT((VLOOKUP($A100,városok!$A$2:$C$346,2,0)-VLOOKUP(AP$1,városok!$A$2:$C$346,2,0))^2+(VLOOKUP($A100,városok!$A$2:$C$346,3,0)-VLOOKUP(AP$1,városok!$A$2:$C$346,3,0))^2)/1000,0)</f>
        <v>71</v>
      </c>
      <c r="AQ100">
        <f ca="1">ROUND(SQRT((VLOOKUP($A100,városok!$A$2:$C$346,2,0)-VLOOKUP(AQ$1,városok!$A$2:$C$346,2,0))^2+(VLOOKUP($A100,városok!$A$2:$C$346,3,0)-VLOOKUP(AQ$1,városok!$A$2:$C$346,3,0))^2)/1000,0)</f>
        <v>60</v>
      </c>
      <c r="AR100">
        <f ca="1">ROUND(SQRT((VLOOKUP($A100,városok!$A$2:$C$346,2,0)-VLOOKUP(AR$1,városok!$A$2:$C$346,2,0))^2+(VLOOKUP($A100,városok!$A$2:$C$346,3,0)-VLOOKUP(AR$1,városok!$A$2:$C$346,3,0))^2)/1000,0)</f>
        <v>109</v>
      </c>
      <c r="AS100">
        <f ca="1">ROUND(SQRT((VLOOKUP($A100,városok!$A$2:$C$346,2,0)-VLOOKUP(AS$1,városok!$A$2:$C$346,2,0))^2+(VLOOKUP($A100,városok!$A$2:$C$346,3,0)-VLOOKUP(AS$1,városok!$A$2:$C$346,3,0))^2)/1000,0)</f>
        <v>131</v>
      </c>
      <c r="AT100">
        <f ca="1">ROUND(SQRT((VLOOKUP($A100,városok!$A$2:$C$346,2,0)-VLOOKUP(AT$1,városok!$A$2:$C$346,2,0))^2+(VLOOKUP($A100,városok!$A$2:$C$346,3,0)-VLOOKUP(AT$1,városok!$A$2:$C$346,3,0))^2)/1000,0)</f>
        <v>39</v>
      </c>
      <c r="AU100">
        <f ca="1">ROUND(SQRT((VLOOKUP($A100,városok!$A$2:$C$346,2,0)-VLOOKUP(AU$1,városok!$A$2:$C$346,2,0))^2+(VLOOKUP($A100,városok!$A$2:$C$346,3,0)-VLOOKUP(AU$1,városok!$A$2:$C$346,3,0))^2)/1000,0)</f>
        <v>38</v>
      </c>
      <c r="AV100">
        <f ca="1">ROUND(SQRT((VLOOKUP($A100,városok!$A$2:$C$346,2,0)-VLOOKUP(AV$1,városok!$A$2:$C$346,2,0))^2+(VLOOKUP($A100,városok!$A$2:$C$346,3,0)-VLOOKUP(AV$1,városok!$A$2:$C$346,3,0))^2)/1000,0)</f>
        <v>33</v>
      </c>
      <c r="AW100">
        <f ca="1">ROUND(SQRT((VLOOKUP($A100,városok!$A$2:$C$346,2,0)-VLOOKUP(AW$1,városok!$A$2:$C$346,2,0))^2+(VLOOKUP($A100,városok!$A$2:$C$346,3,0)-VLOOKUP(AW$1,városok!$A$2:$C$346,3,0))^2)/1000,0)</f>
        <v>31</v>
      </c>
      <c r="AX100">
        <f ca="1">ROUND(SQRT((VLOOKUP($A100,városok!$A$2:$C$346,2,0)-VLOOKUP(AX$1,városok!$A$2:$C$346,2,0))^2+(VLOOKUP($A100,városok!$A$2:$C$346,3,0)-VLOOKUP(AX$1,városok!$A$2:$C$346,3,0))^2)/1000,0)</f>
        <v>70</v>
      </c>
      <c r="AY100">
        <f ca="1">ROUND(SQRT((VLOOKUP($A100,városok!$A$2:$C$346,2,0)-VLOOKUP(AY$1,városok!$A$2:$C$346,2,0))^2+(VLOOKUP($A100,városok!$A$2:$C$346,3,0)-VLOOKUP(AY$1,városok!$A$2:$C$346,3,0))^2)/1000,0)</f>
        <v>64</v>
      </c>
      <c r="AZ100">
        <f ca="1">ROUND(SQRT((VLOOKUP($A100,városok!$A$2:$C$346,2,0)-VLOOKUP(AZ$1,városok!$A$2:$C$346,2,0))^2+(VLOOKUP($A100,városok!$A$2:$C$346,3,0)-VLOOKUP(AZ$1,városok!$A$2:$C$346,3,0))^2)/1000,0)</f>
        <v>74</v>
      </c>
      <c r="BA100">
        <f ca="1">ROUND(SQRT((VLOOKUP($A100,városok!$A$2:$C$346,2,0)-VLOOKUP(BA$1,városok!$A$2:$C$346,2,0))^2+(VLOOKUP($A100,városok!$A$2:$C$346,3,0)-VLOOKUP(BA$1,városok!$A$2:$C$346,3,0))^2)/1000,0)</f>
        <v>96</v>
      </c>
      <c r="BB100">
        <f ca="1">ROUND(SQRT((VLOOKUP($A100,városok!$A$2:$C$346,2,0)-VLOOKUP(BB$1,városok!$A$2:$C$346,2,0))^2+(VLOOKUP($A100,városok!$A$2:$C$346,3,0)-VLOOKUP(BB$1,városok!$A$2:$C$346,3,0))^2)/1000,0)</f>
        <v>96</v>
      </c>
      <c r="BC100">
        <f ca="1">ROUND(SQRT((VLOOKUP($A100,városok!$A$2:$C$346,2,0)-VLOOKUP(BC$1,városok!$A$2:$C$346,2,0))^2+(VLOOKUP($A100,városok!$A$2:$C$346,3,0)-VLOOKUP(BC$1,városok!$A$2:$C$346,3,0))^2)/1000,0)</f>
        <v>118</v>
      </c>
      <c r="BD100">
        <f ca="1">ROUND(SQRT((VLOOKUP($A100,városok!$A$2:$C$346,2,0)-VLOOKUP(BD$1,városok!$A$2:$C$346,2,0))^2+(VLOOKUP($A100,városok!$A$2:$C$346,3,0)-VLOOKUP(BD$1,városok!$A$2:$C$346,3,0))^2)/1000,0)</f>
        <v>65</v>
      </c>
      <c r="BE100">
        <f ca="1">ROUND(SQRT((VLOOKUP($A100,városok!$A$2:$C$346,2,0)-VLOOKUP(BE$1,városok!$A$2:$C$346,2,0))^2+(VLOOKUP($A100,városok!$A$2:$C$346,3,0)-VLOOKUP(BE$1,városok!$A$2:$C$346,3,0))^2)/1000,0)</f>
        <v>298</v>
      </c>
      <c r="BF100">
        <f ca="1">ROUND(SQRT((VLOOKUP($A100,városok!$A$2:$C$346,2,0)-VLOOKUP(BF$1,városok!$A$2:$C$346,2,0))^2+(VLOOKUP($A100,városok!$A$2:$C$346,3,0)-VLOOKUP(BF$1,városok!$A$2:$C$346,3,0))^2)/1000,0)</f>
        <v>270</v>
      </c>
      <c r="BG100">
        <f ca="1">ROUND(SQRT((VLOOKUP($A100,városok!$A$2:$C$346,2,0)-VLOOKUP(BG$1,városok!$A$2:$C$346,2,0))^2+(VLOOKUP($A100,városok!$A$2:$C$346,3,0)-VLOOKUP(BG$1,városok!$A$2:$C$346,3,0))^2)/1000,0)</f>
        <v>225</v>
      </c>
      <c r="BH100">
        <f ca="1">ROUND(SQRT((VLOOKUP($A100,városok!$A$2:$C$346,2,0)-VLOOKUP(BH$1,városok!$A$2:$C$346,2,0))^2+(VLOOKUP($A100,városok!$A$2:$C$346,3,0)-VLOOKUP(BH$1,városok!$A$2:$C$346,3,0))^2)/1000,0)</f>
        <v>225</v>
      </c>
      <c r="BI100">
        <f ca="1">ROUND(SQRT((VLOOKUP($A100,városok!$A$2:$C$346,2,0)-VLOOKUP(BI$1,városok!$A$2:$C$346,2,0))^2+(VLOOKUP($A100,városok!$A$2:$C$346,3,0)-VLOOKUP(BI$1,városok!$A$2:$C$346,3,0))^2)/1000,0)</f>
        <v>83</v>
      </c>
      <c r="BJ100">
        <f ca="1">ROUND(SQRT((VLOOKUP($A100,városok!$A$2:$C$346,2,0)-VLOOKUP(BJ$1,városok!$A$2:$C$346,2,0))^2+(VLOOKUP($A100,városok!$A$2:$C$346,3,0)-VLOOKUP(BJ$1,városok!$A$2:$C$346,3,0))^2)/1000,0)</f>
        <v>98</v>
      </c>
      <c r="BK100">
        <f ca="1">ROUND(SQRT((VLOOKUP($A100,városok!$A$2:$C$346,2,0)-VLOOKUP(BK$1,városok!$A$2:$C$346,2,0))^2+(VLOOKUP($A100,városok!$A$2:$C$346,3,0)-VLOOKUP(BK$1,városok!$A$2:$C$346,3,0))^2)/1000,0)</f>
        <v>87</v>
      </c>
      <c r="BL100">
        <f ca="1">ROUND(SQRT((VLOOKUP($A100,városok!$A$2:$C$346,2,0)-VLOOKUP(BL$1,városok!$A$2:$C$346,2,0))^2+(VLOOKUP($A100,városok!$A$2:$C$346,3,0)-VLOOKUP(BL$1,városok!$A$2:$C$346,3,0))^2)/1000,0)</f>
        <v>172</v>
      </c>
      <c r="BM100">
        <f ca="1">ROUND(SQRT((VLOOKUP($A100,városok!$A$2:$C$346,2,0)-VLOOKUP(BM$1,városok!$A$2:$C$346,2,0))^2+(VLOOKUP($A100,városok!$A$2:$C$346,3,0)-VLOOKUP(BM$1,városok!$A$2:$C$346,3,0))^2)/1000,0)</f>
        <v>147</v>
      </c>
      <c r="BN100">
        <f ca="1">ROUND(SQRT((VLOOKUP($A100,városok!$A$2:$C$346,2,0)-VLOOKUP(BN$1,városok!$A$2:$C$346,2,0))^2+(VLOOKUP($A100,városok!$A$2:$C$346,3,0)-VLOOKUP(BN$1,városok!$A$2:$C$346,3,0))^2)/1000,0)</f>
        <v>170</v>
      </c>
      <c r="BO100">
        <f ca="1">ROUND(SQRT((VLOOKUP($A100,városok!$A$2:$C$346,2,0)-VLOOKUP(BO$1,városok!$A$2:$C$346,2,0))^2+(VLOOKUP($A100,városok!$A$2:$C$346,3,0)-VLOOKUP(BO$1,városok!$A$2:$C$346,3,0))^2)/1000,0)</f>
        <v>65</v>
      </c>
      <c r="BP100">
        <f ca="1">ROUND(SQRT((VLOOKUP($A100,városok!$A$2:$C$346,2,0)-VLOOKUP(BP$1,városok!$A$2:$C$346,2,0))^2+(VLOOKUP($A100,városok!$A$2:$C$346,3,0)-VLOOKUP(BP$1,városok!$A$2:$C$346,3,0))^2)/1000,0)</f>
        <v>58</v>
      </c>
      <c r="BQ100">
        <f ca="1">ROUND(SQRT((VLOOKUP($A100,városok!$A$2:$C$346,2,0)-VLOOKUP(BQ$1,városok!$A$2:$C$346,2,0))^2+(VLOOKUP($A100,városok!$A$2:$C$346,3,0)-VLOOKUP(BQ$1,városok!$A$2:$C$346,3,0))^2)/1000,0)</f>
        <v>72</v>
      </c>
      <c r="BR100">
        <f ca="1">ROUND(SQRT((VLOOKUP($A100,városok!$A$2:$C$346,2,0)-VLOOKUP(BR$1,városok!$A$2:$C$346,2,0))^2+(VLOOKUP($A100,városok!$A$2:$C$346,3,0)-VLOOKUP(BR$1,városok!$A$2:$C$346,3,0))^2)/1000,0)</f>
        <v>129</v>
      </c>
      <c r="BS100">
        <f ca="1">ROUND(SQRT((VLOOKUP($A100,városok!$A$2:$C$346,2,0)-VLOOKUP(BS$1,városok!$A$2:$C$346,2,0))^2+(VLOOKUP($A100,városok!$A$2:$C$346,3,0)-VLOOKUP(BS$1,városok!$A$2:$C$346,3,0))^2)/1000,0)</f>
        <v>161</v>
      </c>
      <c r="BT100">
        <f ca="1">ROUND(SQRT((VLOOKUP($A100,városok!$A$2:$C$346,2,0)-VLOOKUP(BT$1,városok!$A$2:$C$346,2,0))^2+(VLOOKUP($A100,városok!$A$2:$C$346,3,0)-VLOOKUP(BT$1,városok!$A$2:$C$346,3,0))^2)/1000,0)</f>
        <v>157</v>
      </c>
    </row>
    <row r="101" spans="1:72" x14ac:dyDescent="0.2">
      <c r="A101" t="str">
        <f>városok!A101</f>
        <v>Bicske</v>
      </c>
      <c r="B101">
        <f ca="1">ROUND(SQRT((VLOOKUP($A101,városok!$A$2:$C$346,2,0)-VLOOKUP(B$1,városok!$A$2:$C$346,2,0))^2+(VLOOKUP($A101,városok!$A$2:$C$346,3,0)-VLOOKUP(B$1,városok!$A$2:$C$346,3,0))^2)/1000,0)</f>
        <v>147</v>
      </c>
      <c r="C101">
        <f ca="1">ROUND(SQRT((VLOOKUP($A101,városok!$A$2:$C$346,2,0)-VLOOKUP(C$1,városok!$A$2:$C$346,2,0))^2+(VLOOKUP($A101,városok!$A$2:$C$346,3,0)-VLOOKUP(C$1,városok!$A$2:$C$346,3,0))^2)/1000,0)</f>
        <v>110</v>
      </c>
      <c r="D101">
        <f ca="1">ROUND(SQRT((VLOOKUP($A101,városok!$A$2:$C$346,2,0)-VLOOKUP(D$1,városok!$A$2:$C$346,2,0))^2+(VLOOKUP($A101,városok!$A$2:$C$346,3,0)-VLOOKUP(D$1,városok!$A$2:$C$346,3,0))^2)/1000,0)</f>
        <v>103</v>
      </c>
      <c r="E101">
        <f ca="1">ROUND(SQRT((VLOOKUP($A101,városok!$A$2:$C$346,2,0)-VLOOKUP(E$1,városok!$A$2:$C$346,2,0))^2+(VLOOKUP($A101,városok!$A$2:$C$346,3,0)-VLOOKUP(E$1,városok!$A$2:$C$346,3,0))^2)/1000,0)</f>
        <v>147</v>
      </c>
      <c r="F101">
        <f ca="1">ROUND(SQRT((VLOOKUP($A101,városok!$A$2:$C$346,2,0)-VLOOKUP(F$1,városok!$A$2:$C$346,2,0))^2+(VLOOKUP($A101,városok!$A$2:$C$346,3,0)-VLOOKUP(F$1,városok!$A$2:$C$346,3,0))^2)/1000,0)</f>
        <v>167</v>
      </c>
      <c r="G101">
        <f ca="1">ROUND(SQRT((VLOOKUP($A101,városok!$A$2:$C$346,2,0)-VLOOKUP(G$1,városok!$A$2:$C$346,2,0))^2+(VLOOKUP($A101,városok!$A$2:$C$346,3,0)-VLOOKUP(G$1,városok!$A$2:$C$346,3,0))^2)/1000,0)</f>
        <v>160</v>
      </c>
      <c r="H101">
        <f ca="1">ROUND(SQRT((VLOOKUP($A101,városok!$A$2:$C$346,2,0)-VLOOKUP(H$1,városok!$A$2:$C$346,2,0))^2+(VLOOKUP($A101,városok!$A$2:$C$346,3,0)-VLOOKUP(H$1,városok!$A$2:$C$346,3,0))^2)/1000,0)</f>
        <v>173</v>
      </c>
      <c r="I101">
        <f ca="1">ROUND(SQRT((VLOOKUP($A101,városok!$A$2:$C$346,2,0)-VLOOKUP(I$1,városok!$A$2:$C$346,2,0))^2+(VLOOKUP($A101,városok!$A$2:$C$346,3,0)-VLOOKUP(I$1,városok!$A$2:$C$346,3,0))^2)/1000,0)</f>
        <v>207</v>
      </c>
      <c r="J101">
        <f ca="1">ROUND(SQRT((VLOOKUP($A101,városok!$A$2:$C$346,2,0)-VLOOKUP(J$1,városok!$A$2:$C$346,2,0))^2+(VLOOKUP($A101,városok!$A$2:$C$346,3,0)-VLOOKUP(J$1,városok!$A$2:$C$346,3,0))^2)/1000,0)</f>
        <v>221</v>
      </c>
      <c r="K101">
        <f ca="1">ROUND(SQRT((VLOOKUP($A101,városok!$A$2:$C$346,2,0)-VLOOKUP(K$1,városok!$A$2:$C$346,2,0))^2+(VLOOKUP($A101,városok!$A$2:$C$346,3,0)-VLOOKUP(K$1,városok!$A$2:$C$346,3,0))^2)/1000,0)</f>
        <v>186</v>
      </c>
      <c r="L101">
        <f ca="1">ROUND(SQRT((VLOOKUP($A101,városok!$A$2:$C$346,2,0)-VLOOKUP(L$1,városok!$A$2:$C$346,2,0))^2+(VLOOKUP($A101,városok!$A$2:$C$346,3,0)-VLOOKUP(L$1,városok!$A$2:$C$346,3,0))^2)/1000,0)</f>
        <v>172</v>
      </c>
      <c r="M101">
        <f ca="1">ROUND(SQRT((VLOOKUP($A101,városok!$A$2:$C$346,2,0)-VLOOKUP(M$1,városok!$A$2:$C$346,2,0))^2+(VLOOKUP($A101,városok!$A$2:$C$346,3,0)-VLOOKUP(M$1,városok!$A$2:$C$346,3,0))^2)/1000,0)</f>
        <v>176</v>
      </c>
      <c r="N101">
        <f ca="1">ROUND(SQRT((VLOOKUP($A101,városok!$A$2:$C$346,2,0)-VLOOKUP(N$1,városok!$A$2:$C$346,2,0))^2+(VLOOKUP($A101,városok!$A$2:$C$346,3,0)-VLOOKUP(N$1,városok!$A$2:$C$346,3,0))^2)/1000,0)</f>
        <v>148</v>
      </c>
      <c r="O101">
        <f ca="1">ROUND(SQRT((VLOOKUP($A101,városok!$A$2:$C$346,2,0)-VLOOKUP(O$1,városok!$A$2:$C$346,2,0))^2+(VLOOKUP($A101,városok!$A$2:$C$346,3,0)-VLOOKUP(O$1,városok!$A$2:$C$346,3,0))^2)/1000,0)</f>
        <v>247</v>
      </c>
      <c r="P101">
        <f ca="1">ROUND(SQRT((VLOOKUP($A101,városok!$A$2:$C$346,2,0)-VLOOKUP(P$1,városok!$A$2:$C$346,2,0))^2+(VLOOKUP($A101,városok!$A$2:$C$346,3,0)-VLOOKUP(P$1,városok!$A$2:$C$346,3,0))^2)/1000,0)</f>
        <v>247</v>
      </c>
      <c r="Q101">
        <f ca="1">ROUND(SQRT((VLOOKUP($A101,városok!$A$2:$C$346,2,0)-VLOOKUP(Q$1,városok!$A$2:$C$346,2,0))^2+(VLOOKUP($A101,városok!$A$2:$C$346,3,0)-VLOOKUP(Q$1,városok!$A$2:$C$346,3,0))^2)/1000,0)</f>
        <v>175</v>
      </c>
      <c r="R101">
        <f ca="1">ROUND(SQRT((VLOOKUP($A101,városok!$A$2:$C$346,2,0)-VLOOKUP(R$1,városok!$A$2:$C$346,2,0))^2+(VLOOKUP($A101,városok!$A$2:$C$346,3,0)-VLOOKUP(R$1,városok!$A$2:$C$346,3,0))^2)/1000,0)</f>
        <v>199</v>
      </c>
      <c r="S101">
        <f ca="1">ROUND(SQRT((VLOOKUP($A101,városok!$A$2:$C$346,2,0)-VLOOKUP(S$1,városok!$A$2:$C$346,2,0))^2+(VLOOKUP($A101,városok!$A$2:$C$346,3,0)-VLOOKUP(S$1,városok!$A$2:$C$346,3,0))^2)/1000,0)</f>
        <v>181</v>
      </c>
      <c r="T101">
        <f ca="1">ROUND(SQRT((VLOOKUP($A101,városok!$A$2:$C$346,2,0)-VLOOKUP(T$1,városok!$A$2:$C$346,2,0))^2+(VLOOKUP($A101,városok!$A$2:$C$346,3,0)-VLOOKUP(T$1,városok!$A$2:$C$346,3,0))^2)/1000,0)</f>
        <v>0</v>
      </c>
      <c r="U101">
        <f ca="1">ROUND(SQRT((VLOOKUP($A101,városok!$A$2:$C$346,2,0)-VLOOKUP(U$1,városok!$A$2:$C$346,2,0))^2+(VLOOKUP($A101,városok!$A$2:$C$346,3,0)-VLOOKUP(U$1,városok!$A$2:$C$346,3,0))^2)/1000,0)</f>
        <v>62</v>
      </c>
      <c r="V101">
        <f ca="1">ROUND(SQRT((VLOOKUP($A101,városok!$A$2:$C$346,2,0)-VLOOKUP(V$1,városok!$A$2:$C$346,2,0))^2+(VLOOKUP($A101,városok!$A$2:$C$346,3,0)-VLOOKUP(V$1,városok!$A$2:$C$346,3,0))^2)/1000,0)</f>
        <v>54</v>
      </c>
      <c r="W101">
        <f ca="1">ROUND(SQRT((VLOOKUP($A101,városok!$A$2:$C$346,2,0)-VLOOKUP(W$1,városok!$A$2:$C$346,2,0))^2+(VLOOKUP($A101,városok!$A$2:$C$346,3,0)-VLOOKUP(W$1,városok!$A$2:$C$346,3,0))^2)/1000,0)</f>
        <v>67</v>
      </c>
      <c r="X101">
        <f ca="1">ROUND(SQRT((VLOOKUP($A101,városok!$A$2:$C$346,2,0)-VLOOKUP(X$1,városok!$A$2:$C$346,2,0))^2+(VLOOKUP($A101,városok!$A$2:$C$346,3,0)-VLOOKUP(X$1,városok!$A$2:$C$346,3,0))^2)/1000,0)</f>
        <v>32</v>
      </c>
      <c r="Y101">
        <f ca="1">ROUND(SQRT((VLOOKUP($A101,városok!$A$2:$C$346,2,0)-VLOOKUP(Y$1,városok!$A$2:$C$346,2,0))^2+(VLOOKUP($A101,városok!$A$2:$C$346,3,0)-VLOOKUP(Y$1,városok!$A$2:$C$346,3,0))^2)/1000,0)</f>
        <v>78</v>
      </c>
      <c r="Z101">
        <f ca="1">ROUND(SQRT((VLOOKUP($A101,városok!$A$2:$C$346,2,0)-VLOOKUP(Z$1,városok!$A$2:$C$346,2,0))^2+(VLOOKUP($A101,városok!$A$2:$C$346,3,0)-VLOOKUP(Z$1,városok!$A$2:$C$346,3,0))^2)/1000,0)</f>
        <v>97</v>
      </c>
      <c r="AA101">
        <f ca="1">ROUND(SQRT((VLOOKUP($A101,városok!$A$2:$C$346,2,0)-VLOOKUP(AA$1,városok!$A$2:$C$346,2,0))^2+(VLOOKUP($A101,városok!$A$2:$C$346,3,0)-VLOOKUP(AA$1,városok!$A$2:$C$346,3,0))^2)/1000,0)</f>
        <v>156</v>
      </c>
      <c r="AB101">
        <f ca="1">ROUND(SQRT((VLOOKUP($A101,városok!$A$2:$C$346,2,0)-VLOOKUP(AB$1,városok!$A$2:$C$346,2,0))^2+(VLOOKUP($A101,városok!$A$2:$C$346,3,0)-VLOOKUP(AB$1,városok!$A$2:$C$346,3,0))^2)/1000,0)</f>
        <v>226</v>
      </c>
      <c r="AC101">
        <f ca="1">ROUND(SQRT((VLOOKUP($A101,városok!$A$2:$C$346,2,0)-VLOOKUP(AC$1,városok!$A$2:$C$346,2,0))^2+(VLOOKUP($A101,városok!$A$2:$C$346,3,0)-VLOOKUP(AC$1,városok!$A$2:$C$346,3,0))^2)/1000,0)</f>
        <v>208</v>
      </c>
      <c r="AD101">
        <f ca="1">ROUND(SQRT((VLOOKUP($A101,városok!$A$2:$C$346,2,0)-VLOOKUP(AD$1,városok!$A$2:$C$346,2,0))^2+(VLOOKUP($A101,városok!$A$2:$C$346,3,0)-VLOOKUP(AD$1,városok!$A$2:$C$346,3,0))^2)/1000,0)</f>
        <v>191</v>
      </c>
      <c r="AE101">
        <f ca="1">ROUND(SQRT((VLOOKUP($A101,városok!$A$2:$C$346,2,0)-VLOOKUP(AE$1,városok!$A$2:$C$346,2,0))^2+(VLOOKUP($A101,városok!$A$2:$C$346,3,0)-VLOOKUP(AE$1,városok!$A$2:$C$346,3,0))^2)/1000,0)</f>
        <v>193</v>
      </c>
      <c r="AF101">
        <f ca="1">ROUND(SQRT((VLOOKUP($A101,városok!$A$2:$C$346,2,0)-VLOOKUP(AF$1,városok!$A$2:$C$346,2,0))^2+(VLOOKUP($A101,városok!$A$2:$C$346,3,0)-VLOOKUP(AF$1,városok!$A$2:$C$346,3,0))^2)/1000,0)</f>
        <v>139</v>
      </c>
      <c r="AG101">
        <f ca="1">ROUND(SQRT((VLOOKUP($A101,városok!$A$2:$C$346,2,0)-VLOOKUP(AG$1,városok!$A$2:$C$346,2,0))^2+(VLOOKUP($A101,városok!$A$2:$C$346,3,0)-VLOOKUP(AG$1,városok!$A$2:$C$346,3,0))^2)/1000,0)</f>
        <v>102</v>
      </c>
      <c r="AH101">
        <f ca="1">ROUND(SQRT((VLOOKUP($A101,városok!$A$2:$C$346,2,0)-VLOOKUP(AH$1,városok!$A$2:$C$346,2,0))^2+(VLOOKUP($A101,városok!$A$2:$C$346,3,0)-VLOOKUP(AH$1,városok!$A$2:$C$346,3,0))^2)/1000,0)</f>
        <v>81</v>
      </c>
      <c r="AI101">
        <f ca="1">ROUND(SQRT((VLOOKUP($A101,városok!$A$2:$C$346,2,0)-VLOOKUP(AI$1,városok!$A$2:$C$346,2,0))^2+(VLOOKUP($A101,városok!$A$2:$C$346,3,0)-VLOOKUP(AI$1,városok!$A$2:$C$346,3,0))^2)/1000,0)</f>
        <v>125</v>
      </c>
      <c r="AJ101">
        <f ca="1">ROUND(SQRT((VLOOKUP($A101,városok!$A$2:$C$346,2,0)-VLOOKUP(AJ$1,városok!$A$2:$C$346,2,0))^2+(VLOOKUP($A101,városok!$A$2:$C$346,3,0)-VLOOKUP(AJ$1,városok!$A$2:$C$346,3,0))^2)/1000,0)</f>
        <v>102</v>
      </c>
      <c r="AK101">
        <f ca="1">ROUND(SQRT((VLOOKUP($A101,városok!$A$2:$C$346,2,0)-VLOOKUP(AK$1,városok!$A$2:$C$346,2,0))^2+(VLOOKUP($A101,városok!$A$2:$C$346,3,0)-VLOOKUP(AK$1,városok!$A$2:$C$346,3,0))^2)/1000,0)</f>
        <v>178</v>
      </c>
      <c r="AL101">
        <f ca="1">ROUND(SQRT((VLOOKUP($A101,városok!$A$2:$C$346,2,0)-VLOOKUP(AL$1,városok!$A$2:$C$346,2,0))^2+(VLOOKUP($A101,városok!$A$2:$C$346,3,0)-VLOOKUP(AL$1,városok!$A$2:$C$346,3,0))^2)/1000,0)</f>
        <v>151</v>
      </c>
      <c r="AM101">
        <f ca="1">ROUND(SQRT((VLOOKUP($A101,városok!$A$2:$C$346,2,0)-VLOOKUP(AM$1,városok!$A$2:$C$346,2,0))^2+(VLOOKUP($A101,városok!$A$2:$C$346,3,0)-VLOOKUP(AM$1,városok!$A$2:$C$346,3,0))^2)/1000,0)</f>
        <v>122</v>
      </c>
      <c r="AN101">
        <f ca="1">ROUND(SQRT((VLOOKUP($A101,városok!$A$2:$C$346,2,0)-VLOOKUP(AN$1,városok!$A$2:$C$346,2,0))^2+(VLOOKUP($A101,városok!$A$2:$C$346,3,0)-VLOOKUP(AN$1,városok!$A$2:$C$346,3,0))^2)/1000,0)</f>
        <v>34</v>
      </c>
      <c r="AO101">
        <f ca="1">ROUND(SQRT((VLOOKUP($A101,városok!$A$2:$C$346,2,0)-VLOOKUP(AO$1,városok!$A$2:$C$346,2,0))^2+(VLOOKUP($A101,városok!$A$2:$C$346,3,0)-VLOOKUP(AO$1,városok!$A$2:$C$346,3,0))^2)/1000,0)</f>
        <v>48</v>
      </c>
      <c r="AP101">
        <f ca="1">ROUND(SQRT((VLOOKUP($A101,városok!$A$2:$C$346,2,0)-VLOOKUP(AP$1,városok!$A$2:$C$346,2,0))^2+(VLOOKUP($A101,városok!$A$2:$C$346,3,0)-VLOOKUP(AP$1,városok!$A$2:$C$346,3,0))^2)/1000,0)</f>
        <v>29</v>
      </c>
      <c r="AQ101">
        <f ca="1">ROUND(SQRT((VLOOKUP($A101,városok!$A$2:$C$346,2,0)-VLOOKUP(AQ$1,városok!$A$2:$C$346,2,0))^2+(VLOOKUP($A101,városok!$A$2:$C$346,3,0)-VLOOKUP(AQ$1,városok!$A$2:$C$346,3,0))^2)/1000,0)</f>
        <v>19</v>
      </c>
      <c r="AR101">
        <f ca="1">ROUND(SQRT((VLOOKUP($A101,városok!$A$2:$C$346,2,0)-VLOOKUP(AR$1,városok!$A$2:$C$346,2,0))^2+(VLOOKUP($A101,városok!$A$2:$C$346,3,0)-VLOOKUP(AR$1,városok!$A$2:$C$346,3,0))^2)/1000,0)</f>
        <v>93</v>
      </c>
      <c r="AS101">
        <f ca="1">ROUND(SQRT((VLOOKUP($A101,városok!$A$2:$C$346,2,0)-VLOOKUP(AS$1,városok!$A$2:$C$346,2,0))^2+(VLOOKUP($A101,városok!$A$2:$C$346,3,0)-VLOOKUP(AS$1,városok!$A$2:$C$346,3,0))^2)/1000,0)</f>
        <v>112</v>
      </c>
      <c r="AT101">
        <f ca="1">ROUND(SQRT((VLOOKUP($A101,városok!$A$2:$C$346,2,0)-VLOOKUP(AT$1,városok!$A$2:$C$346,2,0))^2+(VLOOKUP($A101,városok!$A$2:$C$346,3,0)-VLOOKUP(AT$1,városok!$A$2:$C$346,3,0))^2)/1000,0)</f>
        <v>14</v>
      </c>
      <c r="AU101">
        <f ca="1">ROUND(SQRT((VLOOKUP($A101,városok!$A$2:$C$346,2,0)-VLOOKUP(AU$1,városok!$A$2:$C$346,2,0))^2+(VLOOKUP($A101,városok!$A$2:$C$346,3,0)-VLOOKUP(AU$1,városok!$A$2:$C$346,3,0))^2)/1000,0)</f>
        <v>25</v>
      </c>
      <c r="AV101">
        <f ca="1">ROUND(SQRT((VLOOKUP($A101,városok!$A$2:$C$346,2,0)-VLOOKUP(AV$1,városok!$A$2:$C$346,2,0))^2+(VLOOKUP($A101,városok!$A$2:$C$346,3,0)-VLOOKUP(AV$1,városok!$A$2:$C$346,3,0))^2)/1000,0)</f>
        <v>25</v>
      </c>
      <c r="AW101">
        <f ca="1">ROUND(SQRT((VLOOKUP($A101,városok!$A$2:$C$346,2,0)-VLOOKUP(AW$1,városok!$A$2:$C$346,2,0))^2+(VLOOKUP($A101,városok!$A$2:$C$346,3,0)-VLOOKUP(AW$1,városok!$A$2:$C$346,3,0))^2)/1000,0)</f>
        <v>23</v>
      </c>
      <c r="AX101">
        <f ca="1">ROUND(SQRT((VLOOKUP($A101,városok!$A$2:$C$346,2,0)-VLOOKUP(AX$1,városok!$A$2:$C$346,2,0))^2+(VLOOKUP($A101,városok!$A$2:$C$346,3,0)-VLOOKUP(AX$1,városok!$A$2:$C$346,3,0))^2)/1000,0)</f>
        <v>101</v>
      </c>
      <c r="AY101">
        <f ca="1">ROUND(SQRT((VLOOKUP($A101,városok!$A$2:$C$346,2,0)-VLOOKUP(AY$1,városok!$A$2:$C$346,2,0))^2+(VLOOKUP($A101,városok!$A$2:$C$346,3,0)-VLOOKUP(AY$1,városok!$A$2:$C$346,3,0))^2)/1000,0)</f>
        <v>39</v>
      </c>
      <c r="AZ101">
        <f ca="1">ROUND(SQRT((VLOOKUP($A101,városok!$A$2:$C$346,2,0)-VLOOKUP(AZ$1,városok!$A$2:$C$346,2,0))^2+(VLOOKUP($A101,városok!$A$2:$C$346,3,0)-VLOOKUP(AZ$1,városok!$A$2:$C$346,3,0))^2)/1000,0)</f>
        <v>42</v>
      </c>
      <c r="BA101">
        <f ca="1">ROUND(SQRT((VLOOKUP($A101,városok!$A$2:$C$346,2,0)-VLOOKUP(BA$1,városok!$A$2:$C$346,2,0))^2+(VLOOKUP($A101,városok!$A$2:$C$346,3,0)-VLOOKUP(BA$1,városok!$A$2:$C$346,3,0))^2)/1000,0)</f>
        <v>106</v>
      </c>
      <c r="BB101">
        <f ca="1">ROUND(SQRT((VLOOKUP($A101,városok!$A$2:$C$346,2,0)-VLOOKUP(BB$1,városok!$A$2:$C$346,2,0))^2+(VLOOKUP($A101,városok!$A$2:$C$346,3,0)-VLOOKUP(BB$1,városok!$A$2:$C$346,3,0))^2)/1000,0)</f>
        <v>118</v>
      </c>
      <c r="BC101">
        <f ca="1">ROUND(SQRT((VLOOKUP($A101,városok!$A$2:$C$346,2,0)-VLOOKUP(BC$1,városok!$A$2:$C$346,2,0))^2+(VLOOKUP($A101,városok!$A$2:$C$346,3,0)-VLOOKUP(BC$1,városok!$A$2:$C$346,3,0))^2)/1000,0)</f>
        <v>141</v>
      </c>
      <c r="BD101">
        <f ca="1">ROUND(SQRT((VLOOKUP($A101,városok!$A$2:$C$346,2,0)-VLOOKUP(BD$1,városok!$A$2:$C$346,2,0))^2+(VLOOKUP($A101,városok!$A$2:$C$346,3,0)-VLOOKUP(BD$1,városok!$A$2:$C$346,3,0))^2)/1000,0)</f>
        <v>78</v>
      </c>
      <c r="BE101">
        <f ca="1">ROUND(SQRT((VLOOKUP($A101,városok!$A$2:$C$346,2,0)-VLOOKUP(BE$1,városok!$A$2:$C$346,2,0))^2+(VLOOKUP($A101,városok!$A$2:$C$346,3,0)-VLOOKUP(BE$1,városok!$A$2:$C$346,3,0))^2)/1000,0)</f>
        <v>306</v>
      </c>
      <c r="BF101">
        <f ca="1">ROUND(SQRT((VLOOKUP($A101,városok!$A$2:$C$346,2,0)-VLOOKUP(BF$1,városok!$A$2:$C$346,2,0))^2+(VLOOKUP($A101,városok!$A$2:$C$346,3,0)-VLOOKUP(BF$1,városok!$A$2:$C$346,3,0))^2)/1000,0)</f>
        <v>270</v>
      </c>
      <c r="BG101">
        <f ca="1">ROUND(SQRT((VLOOKUP($A101,városok!$A$2:$C$346,2,0)-VLOOKUP(BG$1,városok!$A$2:$C$346,2,0))^2+(VLOOKUP($A101,városok!$A$2:$C$346,3,0)-VLOOKUP(BG$1,városok!$A$2:$C$346,3,0))^2)/1000,0)</f>
        <v>224</v>
      </c>
      <c r="BH101">
        <f ca="1">ROUND(SQRT((VLOOKUP($A101,városok!$A$2:$C$346,2,0)-VLOOKUP(BH$1,városok!$A$2:$C$346,2,0))^2+(VLOOKUP($A101,városok!$A$2:$C$346,3,0)-VLOOKUP(BH$1,városok!$A$2:$C$346,3,0))^2)/1000,0)</f>
        <v>223</v>
      </c>
      <c r="BI101">
        <f ca="1">ROUND(SQRT((VLOOKUP($A101,városok!$A$2:$C$346,2,0)-VLOOKUP(BI$1,városok!$A$2:$C$346,2,0))^2+(VLOOKUP($A101,városok!$A$2:$C$346,3,0)-VLOOKUP(BI$1,városok!$A$2:$C$346,3,0))^2)/1000,0)</f>
        <v>121</v>
      </c>
      <c r="BJ101">
        <f ca="1">ROUND(SQRT((VLOOKUP($A101,városok!$A$2:$C$346,2,0)-VLOOKUP(BJ$1,városok!$A$2:$C$346,2,0))^2+(VLOOKUP($A101,városok!$A$2:$C$346,3,0)-VLOOKUP(BJ$1,városok!$A$2:$C$346,3,0))^2)/1000,0)</f>
        <v>135</v>
      </c>
      <c r="BK101">
        <f ca="1">ROUND(SQRT((VLOOKUP($A101,városok!$A$2:$C$346,2,0)-VLOOKUP(BK$1,városok!$A$2:$C$346,2,0))^2+(VLOOKUP($A101,városok!$A$2:$C$346,3,0)-VLOOKUP(BK$1,városok!$A$2:$C$346,3,0))^2)/1000,0)</f>
        <v>127</v>
      </c>
      <c r="BL101">
        <f ca="1">ROUND(SQRT((VLOOKUP($A101,városok!$A$2:$C$346,2,0)-VLOOKUP(BL$1,városok!$A$2:$C$346,2,0))^2+(VLOOKUP($A101,városok!$A$2:$C$346,3,0)-VLOOKUP(BL$1,városok!$A$2:$C$346,3,0))^2)/1000,0)</f>
        <v>162</v>
      </c>
      <c r="BM101">
        <f ca="1">ROUND(SQRT((VLOOKUP($A101,városok!$A$2:$C$346,2,0)-VLOOKUP(BM$1,városok!$A$2:$C$346,2,0))^2+(VLOOKUP($A101,városok!$A$2:$C$346,3,0)-VLOOKUP(BM$1,városok!$A$2:$C$346,3,0))^2)/1000,0)</f>
        <v>131</v>
      </c>
      <c r="BN101">
        <f ca="1">ROUND(SQRT((VLOOKUP($A101,városok!$A$2:$C$346,2,0)-VLOOKUP(BN$1,városok!$A$2:$C$346,2,0))^2+(VLOOKUP($A101,városok!$A$2:$C$346,3,0)-VLOOKUP(BN$1,városok!$A$2:$C$346,3,0))^2)/1000,0)</f>
        <v>155</v>
      </c>
      <c r="BO101">
        <f ca="1">ROUND(SQRT((VLOOKUP($A101,városok!$A$2:$C$346,2,0)-VLOOKUP(BO$1,városok!$A$2:$C$346,2,0))^2+(VLOOKUP($A101,városok!$A$2:$C$346,3,0)-VLOOKUP(BO$1,városok!$A$2:$C$346,3,0))^2)/1000,0)</f>
        <v>69</v>
      </c>
      <c r="BP101">
        <f ca="1">ROUND(SQRT((VLOOKUP($A101,városok!$A$2:$C$346,2,0)-VLOOKUP(BP$1,városok!$A$2:$C$346,2,0))^2+(VLOOKUP($A101,városok!$A$2:$C$346,3,0)-VLOOKUP(BP$1,városok!$A$2:$C$346,3,0))^2)/1000,0)</f>
        <v>64</v>
      </c>
      <c r="BQ101">
        <f ca="1">ROUND(SQRT((VLOOKUP($A101,városok!$A$2:$C$346,2,0)-VLOOKUP(BQ$1,városok!$A$2:$C$346,2,0))^2+(VLOOKUP($A101,városok!$A$2:$C$346,3,0)-VLOOKUP(BQ$1,városok!$A$2:$C$346,3,0))^2)/1000,0)</f>
        <v>70</v>
      </c>
      <c r="BR101">
        <f ca="1">ROUND(SQRT((VLOOKUP($A101,városok!$A$2:$C$346,2,0)-VLOOKUP(BR$1,városok!$A$2:$C$346,2,0))^2+(VLOOKUP($A101,városok!$A$2:$C$346,3,0)-VLOOKUP(BR$1,városok!$A$2:$C$346,3,0))^2)/1000,0)</f>
        <v>132</v>
      </c>
      <c r="BS101">
        <f ca="1">ROUND(SQRT((VLOOKUP($A101,városok!$A$2:$C$346,2,0)-VLOOKUP(BS$1,városok!$A$2:$C$346,2,0))^2+(VLOOKUP($A101,városok!$A$2:$C$346,3,0)-VLOOKUP(BS$1,városok!$A$2:$C$346,3,0))^2)/1000,0)</f>
        <v>170</v>
      </c>
      <c r="BT101">
        <f ca="1">ROUND(SQRT((VLOOKUP($A101,városok!$A$2:$C$346,2,0)-VLOOKUP(BT$1,városok!$A$2:$C$346,2,0))^2+(VLOOKUP($A101,városok!$A$2:$C$346,3,0)-VLOOKUP(BT$1,városok!$A$2:$C$346,3,0))^2)/1000,0)</f>
        <v>154</v>
      </c>
    </row>
    <row r="102" spans="1:72" x14ac:dyDescent="0.2">
      <c r="A102" t="str">
        <f>városok!A102</f>
        <v>Bodajk</v>
      </c>
      <c r="B102">
        <f ca="1">ROUND(SQRT((VLOOKUP($A102,városok!$A$2:$C$346,2,0)-VLOOKUP(B$1,városok!$A$2:$C$346,2,0))^2+(VLOOKUP($A102,városok!$A$2:$C$346,3,0)-VLOOKUP(B$1,városok!$A$2:$C$346,3,0))^2)/1000,0)</f>
        <v>138</v>
      </c>
      <c r="C102">
        <f ca="1">ROUND(SQRT((VLOOKUP($A102,városok!$A$2:$C$346,2,0)-VLOOKUP(C$1,városok!$A$2:$C$346,2,0))^2+(VLOOKUP($A102,városok!$A$2:$C$346,3,0)-VLOOKUP(C$1,városok!$A$2:$C$346,3,0))^2)/1000,0)</f>
        <v>105</v>
      </c>
      <c r="D102">
        <f ca="1">ROUND(SQRT((VLOOKUP($A102,városok!$A$2:$C$346,2,0)-VLOOKUP(D$1,városok!$A$2:$C$346,2,0))^2+(VLOOKUP($A102,városok!$A$2:$C$346,3,0)-VLOOKUP(D$1,városok!$A$2:$C$346,3,0))^2)/1000,0)</f>
        <v>120</v>
      </c>
      <c r="E102">
        <f ca="1">ROUND(SQRT((VLOOKUP($A102,városok!$A$2:$C$346,2,0)-VLOOKUP(E$1,városok!$A$2:$C$346,2,0))^2+(VLOOKUP($A102,városok!$A$2:$C$346,3,0)-VLOOKUP(E$1,városok!$A$2:$C$346,3,0))^2)/1000,0)</f>
        <v>126</v>
      </c>
      <c r="F102">
        <f ca="1">ROUND(SQRT((VLOOKUP($A102,városok!$A$2:$C$346,2,0)-VLOOKUP(F$1,városok!$A$2:$C$346,2,0))^2+(VLOOKUP($A102,városok!$A$2:$C$346,3,0)-VLOOKUP(F$1,városok!$A$2:$C$346,3,0))^2)/1000,0)</f>
        <v>152</v>
      </c>
      <c r="G102">
        <f ca="1">ROUND(SQRT((VLOOKUP($A102,városok!$A$2:$C$346,2,0)-VLOOKUP(G$1,városok!$A$2:$C$346,2,0))^2+(VLOOKUP($A102,városok!$A$2:$C$346,3,0)-VLOOKUP(G$1,városok!$A$2:$C$346,3,0))^2)/1000,0)</f>
        <v>138</v>
      </c>
      <c r="H102">
        <f ca="1">ROUND(SQRT((VLOOKUP($A102,városok!$A$2:$C$346,2,0)-VLOOKUP(H$1,városok!$A$2:$C$346,2,0))^2+(VLOOKUP($A102,városok!$A$2:$C$346,3,0)-VLOOKUP(H$1,városok!$A$2:$C$346,3,0))^2)/1000,0)</f>
        <v>146</v>
      </c>
      <c r="I102">
        <f ca="1">ROUND(SQRT((VLOOKUP($A102,városok!$A$2:$C$346,2,0)-VLOOKUP(I$1,városok!$A$2:$C$346,2,0))^2+(VLOOKUP($A102,városok!$A$2:$C$346,3,0)-VLOOKUP(I$1,városok!$A$2:$C$346,3,0))^2)/1000,0)</f>
        <v>228</v>
      </c>
      <c r="J102">
        <f ca="1">ROUND(SQRT((VLOOKUP($A102,városok!$A$2:$C$346,2,0)-VLOOKUP(J$1,városok!$A$2:$C$346,2,0))^2+(VLOOKUP($A102,városok!$A$2:$C$346,3,0)-VLOOKUP(J$1,városok!$A$2:$C$346,3,0))^2)/1000,0)</f>
        <v>243</v>
      </c>
      <c r="K102">
        <f ca="1">ROUND(SQRT((VLOOKUP($A102,városok!$A$2:$C$346,2,0)-VLOOKUP(K$1,városok!$A$2:$C$346,2,0))^2+(VLOOKUP($A102,városok!$A$2:$C$346,3,0)-VLOOKUP(K$1,városok!$A$2:$C$346,3,0))^2)/1000,0)</f>
        <v>204</v>
      </c>
      <c r="L102">
        <f ca="1">ROUND(SQRT((VLOOKUP($A102,városok!$A$2:$C$346,2,0)-VLOOKUP(L$1,városok!$A$2:$C$346,2,0))^2+(VLOOKUP($A102,városok!$A$2:$C$346,3,0)-VLOOKUP(L$1,városok!$A$2:$C$346,3,0))^2)/1000,0)</f>
        <v>208</v>
      </c>
      <c r="M102">
        <f ca="1">ROUND(SQRT((VLOOKUP($A102,városok!$A$2:$C$346,2,0)-VLOOKUP(M$1,városok!$A$2:$C$346,2,0))^2+(VLOOKUP($A102,városok!$A$2:$C$346,3,0)-VLOOKUP(M$1,városok!$A$2:$C$346,3,0))^2)/1000,0)</f>
        <v>211</v>
      </c>
      <c r="N102">
        <f ca="1">ROUND(SQRT((VLOOKUP($A102,városok!$A$2:$C$346,2,0)-VLOOKUP(N$1,városok!$A$2:$C$346,2,0))^2+(VLOOKUP($A102,városok!$A$2:$C$346,3,0)-VLOOKUP(N$1,városok!$A$2:$C$346,3,0))^2)/1000,0)</f>
        <v>184</v>
      </c>
      <c r="O102">
        <f ca="1">ROUND(SQRT((VLOOKUP($A102,városok!$A$2:$C$346,2,0)-VLOOKUP(O$1,városok!$A$2:$C$346,2,0))^2+(VLOOKUP($A102,városok!$A$2:$C$346,3,0)-VLOOKUP(O$1,városok!$A$2:$C$346,3,0))^2)/1000,0)</f>
        <v>282</v>
      </c>
      <c r="P102">
        <f ca="1">ROUND(SQRT((VLOOKUP($A102,városok!$A$2:$C$346,2,0)-VLOOKUP(P$1,városok!$A$2:$C$346,2,0))^2+(VLOOKUP($A102,városok!$A$2:$C$346,3,0)-VLOOKUP(P$1,városok!$A$2:$C$346,3,0))^2)/1000,0)</f>
        <v>282</v>
      </c>
      <c r="Q102">
        <f ca="1">ROUND(SQRT((VLOOKUP($A102,városok!$A$2:$C$346,2,0)-VLOOKUP(Q$1,városok!$A$2:$C$346,2,0))^2+(VLOOKUP($A102,városok!$A$2:$C$346,3,0)-VLOOKUP(Q$1,városok!$A$2:$C$346,3,0))^2)/1000,0)</f>
        <v>188</v>
      </c>
      <c r="R102">
        <f ca="1">ROUND(SQRT((VLOOKUP($A102,városok!$A$2:$C$346,2,0)-VLOOKUP(R$1,városok!$A$2:$C$346,2,0))^2+(VLOOKUP($A102,városok!$A$2:$C$346,3,0)-VLOOKUP(R$1,városok!$A$2:$C$346,3,0))^2)/1000,0)</f>
        <v>211</v>
      </c>
      <c r="S102">
        <f ca="1">ROUND(SQRT((VLOOKUP($A102,városok!$A$2:$C$346,2,0)-VLOOKUP(S$1,városok!$A$2:$C$346,2,0))^2+(VLOOKUP($A102,városok!$A$2:$C$346,3,0)-VLOOKUP(S$1,városok!$A$2:$C$346,3,0))^2)/1000,0)</f>
        <v>190</v>
      </c>
      <c r="T102">
        <f ca="1">ROUND(SQRT((VLOOKUP($A102,városok!$A$2:$C$346,2,0)-VLOOKUP(T$1,városok!$A$2:$C$346,2,0))^2+(VLOOKUP($A102,városok!$A$2:$C$346,3,0)-VLOOKUP(T$1,városok!$A$2:$C$346,3,0))^2)/1000,0)</f>
        <v>36</v>
      </c>
      <c r="U102">
        <f ca="1">ROUND(SQRT((VLOOKUP($A102,városok!$A$2:$C$346,2,0)-VLOOKUP(U$1,városok!$A$2:$C$346,2,0))^2+(VLOOKUP($A102,városok!$A$2:$C$346,3,0)-VLOOKUP(U$1,városok!$A$2:$C$346,3,0))^2)/1000,0)</f>
        <v>66</v>
      </c>
      <c r="V102">
        <f ca="1">ROUND(SQRT((VLOOKUP($A102,városok!$A$2:$C$346,2,0)-VLOOKUP(V$1,városok!$A$2:$C$346,2,0))^2+(VLOOKUP($A102,városok!$A$2:$C$346,3,0)-VLOOKUP(V$1,városok!$A$2:$C$346,3,0))^2)/1000,0)</f>
        <v>30</v>
      </c>
      <c r="W102">
        <f ca="1">ROUND(SQRT((VLOOKUP($A102,városok!$A$2:$C$346,2,0)-VLOOKUP(W$1,városok!$A$2:$C$346,2,0))^2+(VLOOKUP($A102,városok!$A$2:$C$346,3,0)-VLOOKUP(W$1,városok!$A$2:$C$346,3,0))^2)/1000,0)</f>
        <v>57</v>
      </c>
      <c r="X102">
        <f ca="1">ROUND(SQRT((VLOOKUP($A102,városok!$A$2:$C$346,2,0)-VLOOKUP(X$1,városok!$A$2:$C$346,2,0))^2+(VLOOKUP($A102,városok!$A$2:$C$346,3,0)-VLOOKUP(X$1,városok!$A$2:$C$346,3,0))^2)/1000,0)</f>
        <v>8</v>
      </c>
      <c r="Y102">
        <f ca="1">ROUND(SQRT((VLOOKUP($A102,városok!$A$2:$C$346,2,0)-VLOOKUP(Y$1,városok!$A$2:$C$346,2,0))^2+(VLOOKUP($A102,városok!$A$2:$C$346,3,0)-VLOOKUP(Y$1,városok!$A$2:$C$346,3,0))^2)/1000,0)</f>
        <v>61</v>
      </c>
      <c r="Z102">
        <f ca="1">ROUND(SQRT((VLOOKUP($A102,városok!$A$2:$C$346,2,0)-VLOOKUP(Z$1,városok!$A$2:$C$346,2,0))^2+(VLOOKUP($A102,városok!$A$2:$C$346,3,0)-VLOOKUP(Z$1,városok!$A$2:$C$346,3,0))^2)/1000,0)</f>
        <v>78</v>
      </c>
      <c r="AA102">
        <f ca="1">ROUND(SQRT((VLOOKUP($A102,városok!$A$2:$C$346,2,0)-VLOOKUP(AA$1,városok!$A$2:$C$346,2,0))^2+(VLOOKUP($A102,városok!$A$2:$C$346,3,0)-VLOOKUP(AA$1,városok!$A$2:$C$346,3,0))^2)/1000,0)</f>
        <v>131</v>
      </c>
      <c r="AB102">
        <f ca="1">ROUND(SQRT((VLOOKUP($A102,városok!$A$2:$C$346,2,0)-VLOOKUP(AB$1,városok!$A$2:$C$346,2,0))^2+(VLOOKUP($A102,városok!$A$2:$C$346,3,0)-VLOOKUP(AB$1,városok!$A$2:$C$346,3,0))^2)/1000,0)</f>
        <v>257</v>
      </c>
      <c r="AC102">
        <f ca="1">ROUND(SQRT((VLOOKUP($A102,városok!$A$2:$C$346,2,0)-VLOOKUP(AC$1,városok!$A$2:$C$346,2,0))^2+(VLOOKUP($A102,városok!$A$2:$C$346,3,0)-VLOOKUP(AC$1,városok!$A$2:$C$346,3,0))^2)/1000,0)</f>
        <v>239</v>
      </c>
      <c r="AD102">
        <f ca="1">ROUND(SQRT((VLOOKUP($A102,városok!$A$2:$C$346,2,0)-VLOOKUP(AD$1,városok!$A$2:$C$346,2,0))^2+(VLOOKUP($A102,városok!$A$2:$C$346,3,0)-VLOOKUP(AD$1,városok!$A$2:$C$346,3,0))^2)/1000,0)</f>
        <v>221</v>
      </c>
      <c r="AE102">
        <f ca="1">ROUND(SQRT((VLOOKUP($A102,városok!$A$2:$C$346,2,0)-VLOOKUP(AE$1,városok!$A$2:$C$346,2,0))^2+(VLOOKUP($A102,városok!$A$2:$C$346,3,0)-VLOOKUP(AE$1,városok!$A$2:$C$346,3,0))^2)/1000,0)</f>
        <v>222</v>
      </c>
      <c r="AF102">
        <f ca="1">ROUND(SQRT((VLOOKUP($A102,városok!$A$2:$C$346,2,0)-VLOOKUP(AF$1,városok!$A$2:$C$346,2,0))^2+(VLOOKUP($A102,városok!$A$2:$C$346,3,0)-VLOOKUP(AF$1,városok!$A$2:$C$346,3,0))^2)/1000,0)</f>
        <v>174</v>
      </c>
      <c r="AG102">
        <f ca="1">ROUND(SQRT((VLOOKUP($A102,városok!$A$2:$C$346,2,0)-VLOOKUP(AG$1,városok!$A$2:$C$346,2,0))^2+(VLOOKUP($A102,városok!$A$2:$C$346,3,0)-VLOOKUP(AG$1,városok!$A$2:$C$346,3,0))^2)/1000,0)</f>
        <v>137</v>
      </c>
      <c r="AH102">
        <f ca="1">ROUND(SQRT((VLOOKUP($A102,városok!$A$2:$C$346,2,0)-VLOOKUP(AH$1,városok!$A$2:$C$346,2,0))^2+(VLOOKUP($A102,városok!$A$2:$C$346,3,0)-VLOOKUP(AH$1,városok!$A$2:$C$346,3,0))^2)/1000,0)</f>
        <v>115</v>
      </c>
      <c r="AI102">
        <f ca="1">ROUND(SQRT((VLOOKUP($A102,városok!$A$2:$C$346,2,0)-VLOOKUP(AI$1,városok!$A$2:$C$346,2,0))^2+(VLOOKUP($A102,városok!$A$2:$C$346,3,0)-VLOOKUP(AI$1,városok!$A$2:$C$346,3,0))^2)/1000,0)</f>
        <v>160</v>
      </c>
      <c r="AJ102">
        <f ca="1">ROUND(SQRT((VLOOKUP($A102,városok!$A$2:$C$346,2,0)-VLOOKUP(AJ$1,városok!$A$2:$C$346,2,0))^2+(VLOOKUP($A102,városok!$A$2:$C$346,3,0)-VLOOKUP(AJ$1,városok!$A$2:$C$346,3,0))^2)/1000,0)</f>
        <v>136</v>
      </c>
      <c r="AK102">
        <f ca="1">ROUND(SQRT((VLOOKUP($A102,városok!$A$2:$C$346,2,0)-VLOOKUP(AK$1,városok!$A$2:$C$346,2,0))^2+(VLOOKUP($A102,városok!$A$2:$C$346,3,0)-VLOOKUP(AK$1,városok!$A$2:$C$346,3,0))^2)/1000,0)</f>
        <v>207</v>
      </c>
      <c r="AL102">
        <f ca="1">ROUND(SQRT((VLOOKUP($A102,városok!$A$2:$C$346,2,0)-VLOOKUP(AL$1,városok!$A$2:$C$346,2,0))^2+(VLOOKUP($A102,városok!$A$2:$C$346,3,0)-VLOOKUP(AL$1,városok!$A$2:$C$346,3,0))^2)/1000,0)</f>
        <v>181</v>
      </c>
      <c r="AM102">
        <f ca="1">ROUND(SQRT((VLOOKUP($A102,városok!$A$2:$C$346,2,0)-VLOOKUP(AM$1,városok!$A$2:$C$346,2,0))^2+(VLOOKUP($A102,városok!$A$2:$C$346,3,0)-VLOOKUP(AM$1,városok!$A$2:$C$346,3,0))^2)/1000,0)</f>
        <v>149</v>
      </c>
      <c r="AN102">
        <f ca="1">ROUND(SQRT((VLOOKUP($A102,városok!$A$2:$C$346,2,0)-VLOOKUP(AN$1,városok!$A$2:$C$346,2,0))^2+(VLOOKUP($A102,városok!$A$2:$C$346,3,0)-VLOOKUP(AN$1,városok!$A$2:$C$346,3,0))^2)/1000,0)</f>
        <v>65</v>
      </c>
      <c r="AO102">
        <f ca="1">ROUND(SQRT((VLOOKUP($A102,városok!$A$2:$C$346,2,0)-VLOOKUP(AO$1,városok!$A$2:$C$346,2,0))^2+(VLOOKUP($A102,városok!$A$2:$C$346,3,0)-VLOOKUP(AO$1,városok!$A$2:$C$346,3,0))^2)/1000,0)</f>
        <v>47</v>
      </c>
      <c r="AP102">
        <f ca="1">ROUND(SQRT((VLOOKUP($A102,városok!$A$2:$C$346,2,0)-VLOOKUP(AP$1,városok!$A$2:$C$346,2,0))^2+(VLOOKUP($A102,városok!$A$2:$C$346,3,0)-VLOOKUP(AP$1,városok!$A$2:$C$346,3,0))^2)/1000,0)</f>
        <v>37</v>
      </c>
      <c r="AQ102">
        <f ca="1">ROUND(SQRT((VLOOKUP($A102,városok!$A$2:$C$346,2,0)-VLOOKUP(AQ$1,városok!$A$2:$C$346,2,0))^2+(VLOOKUP($A102,városok!$A$2:$C$346,3,0)-VLOOKUP(AQ$1,városok!$A$2:$C$346,3,0))^2)/1000,0)</f>
        <v>30</v>
      </c>
      <c r="AR102">
        <f ca="1">ROUND(SQRT((VLOOKUP($A102,városok!$A$2:$C$346,2,0)-VLOOKUP(AR$1,városok!$A$2:$C$346,2,0))^2+(VLOOKUP($A102,városok!$A$2:$C$346,3,0)-VLOOKUP(AR$1,városok!$A$2:$C$346,3,0))^2)/1000,0)</f>
        <v>129</v>
      </c>
      <c r="AS102">
        <f ca="1">ROUND(SQRT((VLOOKUP($A102,városok!$A$2:$C$346,2,0)-VLOOKUP(AS$1,városok!$A$2:$C$346,2,0))^2+(VLOOKUP($A102,városok!$A$2:$C$346,3,0)-VLOOKUP(AS$1,városok!$A$2:$C$346,3,0))^2)/1000,0)</f>
        <v>148</v>
      </c>
      <c r="AT102">
        <f ca="1">ROUND(SQRT((VLOOKUP($A102,városok!$A$2:$C$346,2,0)-VLOOKUP(AT$1,városok!$A$2:$C$346,2,0))^2+(VLOOKUP($A102,városok!$A$2:$C$346,3,0)-VLOOKUP(AT$1,városok!$A$2:$C$346,3,0))^2)/1000,0)</f>
        <v>47</v>
      </c>
      <c r="AU102">
        <f ca="1">ROUND(SQRT((VLOOKUP($A102,városok!$A$2:$C$346,2,0)-VLOOKUP(AU$1,városok!$A$2:$C$346,2,0))^2+(VLOOKUP($A102,városok!$A$2:$C$346,3,0)-VLOOKUP(AU$1,városok!$A$2:$C$346,3,0))^2)/1000,0)</f>
        <v>57</v>
      </c>
      <c r="AV102">
        <f ca="1">ROUND(SQRT((VLOOKUP($A102,városok!$A$2:$C$346,2,0)-VLOOKUP(AV$1,városok!$A$2:$C$346,2,0))^2+(VLOOKUP($A102,városok!$A$2:$C$346,3,0)-VLOOKUP(AV$1,városok!$A$2:$C$346,3,0))^2)/1000,0)</f>
        <v>55</v>
      </c>
      <c r="AW102">
        <f ca="1">ROUND(SQRT((VLOOKUP($A102,városok!$A$2:$C$346,2,0)-VLOOKUP(AW$1,városok!$A$2:$C$346,2,0))^2+(VLOOKUP($A102,városok!$A$2:$C$346,3,0)-VLOOKUP(AW$1,városok!$A$2:$C$346,3,0))^2)/1000,0)</f>
        <v>52</v>
      </c>
      <c r="AX102">
        <f ca="1">ROUND(SQRT((VLOOKUP($A102,városok!$A$2:$C$346,2,0)-VLOOKUP(AX$1,városok!$A$2:$C$346,2,0))^2+(VLOOKUP($A102,városok!$A$2:$C$346,3,0)-VLOOKUP(AX$1,városok!$A$2:$C$346,3,0))^2)/1000,0)</f>
        <v>122</v>
      </c>
      <c r="AY102">
        <f ca="1">ROUND(SQRT((VLOOKUP($A102,városok!$A$2:$C$346,2,0)-VLOOKUP(AY$1,városok!$A$2:$C$346,2,0))^2+(VLOOKUP($A102,városok!$A$2:$C$346,3,0)-VLOOKUP(AY$1,városok!$A$2:$C$346,3,0))^2)/1000,0)</f>
        <v>74</v>
      </c>
      <c r="AZ102">
        <f ca="1">ROUND(SQRT((VLOOKUP($A102,városok!$A$2:$C$346,2,0)-VLOOKUP(AZ$1,városok!$A$2:$C$346,2,0))^2+(VLOOKUP($A102,városok!$A$2:$C$346,3,0)-VLOOKUP(AZ$1,városok!$A$2:$C$346,3,0))^2)/1000,0)</f>
        <v>76</v>
      </c>
      <c r="BA102">
        <f ca="1">ROUND(SQRT((VLOOKUP($A102,városok!$A$2:$C$346,2,0)-VLOOKUP(BA$1,városok!$A$2:$C$346,2,0))^2+(VLOOKUP($A102,városok!$A$2:$C$346,3,0)-VLOOKUP(BA$1,városok!$A$2:$C$346,3,0))^2)/1000,0)</f>
        <v>72</v>
      </c>
      <c r="BB102">
        <f ca="1">ROUND(SQRT((VLOOKUP($A102,városok!$A$2:$C$346,2,0)-VLOOKUP(BB$1,városok!$A$2:$C$346,2,0))^2+(VLOOKUP($A102,városok!$A$2:$C$346,3,0)-VLOOKUP(BB$1,városok!$A$2:$C$346,3,0))^2)/1000,0)</f>
        <v>90</v>
      </c>
      <c r="BC102">
        <f ca="1">ROUND(SQRT((VLOOKUP($A102,városok!$A$2:$C$346,2,0)-VLOOKUP(BC$1,városok!$A$2:$C$346,2,0))^2+(VLOOKUP($A102,városok!$A$2:$C$346,3,0)-VLOOKUP(BC$1,városok!$A$2:$C$346,3,0))^2)/1000,0)</f>
        <v>112</v>
      </c>
      <c r="BD102">
        <f ca="1">ROUND(SQRT((VLOOKUP($A102,városok!$A$2:$C$346,2,0)-VLOOKUP(BD$1,városok!$A$2:$C$346,2,0))^2+(VLOOKUP($A102,városok!$A$2:$C$346,3,0)-VLOOKUP(BD$1,városok!$A$2:$C$346,3,0))^2)/1000,0)</f>
        <v>48</v>
      </c>
      <c r="BE102">
        <f ca="1">ROUND(SQRT((VLOOKUP($A102,városok!$A$2:$C$346,2,0)-VLOOKUP(BE$1,városok!$A$2:$C$346,2,0))^2+(VLOOKUP($A102,városok!$A$2:$C$346,3,0)-VLOOKUP(BE$1,városok!$A$2:$C$346,3,0))^2)/1000,0)</f>
        <v>339</v>
      </c>
      <c r="BF102">
        <f ca="1">ROUND(SQRT((VLOOKUP($A102,városok!$A$2:$C$346,2,0)-VLOOKUP(BF$1,városok!$A$2:$C$346,2,0))^2+(VLOOKUP($A102,városok!$A$2:$C$346,3,0)-VLOOKUP(BF$1,városok!$A$2:$C$346,3,0))^2)/1000,0)</f>
        <v>305</v>
      </c>
      <c r="BG102">
        <f ca="1">ROUND(SQRT((VLOOKUP($A102,városok!$A$2:$C$346,2,0)-VLOOKUP(BG$1,városok!$A$2:$C$346,2,0))^2+(VLOOKUP($A102,városok!$A$2:$C$346,3,0)-VLOOKUP(BG$1,városok!$A$2:$C$346,3,0))^2)/1000,0)</f>
        <v>259</v>
      </c>
      <c r="BH102">
        <f ca="1">ROUND(SQRT((VLOOKUP($A102,városok!$A$2:$C$346,2,0)-VLOOKUP(BH$1,városok!$A$2:$C$346,2,0))^2+(VLOOKUP($A102,városok!$A$2:$C$346,3,0)-VLOOKUP(BH$1,városok!$A$2:$C$346,3,0))^2)/1000,0)</f>
        <v>258</v>
      </c>
      <c r="BI102">
        <f ca="1">ROUND(SQRT((VLOOKUP($A102,városok!$A$2:$C$346,2,0)-VLOOKUP(BI$1,városok!$A$2:$C$346,2,0))^2+(VLOOKUP($A102,városok!$A$2:$C$346,3,0)-VLOOKUP(BI$1,városok!$A$2:$C$346,3,0))^2)/1000,0)</f>
        <v>107</v>
      </c>
      <c r="BJ102">
        <f ca="1">ROUND(SQRT((VLOOKUP($A102,városok!$A$2:$C$346,2,0)-VLOOKUP(BJ$1,városok!$A$2:$C$346,2,0))^2+(VLOOKUP($A102,városok!$A$2:$C$346,3,0)-VLOOKUP(BJ$1,városok!$A$2:$C$346,3,0))^2)/1000,0)</f>
        <v>117</v>
      </c>
      <c r="BK102">
        <f ca="1">ROUND(SQRT((VLOOKUP($A102,városok!$A$2:$C$346,2,0)-VLOOKUP(BK$1,városok!$A$2:$C$346,2,0))^2+(VLOOKUP($A102,városok!$A$2:$C$346,3,0)-VLOOKUP(BK$1,városok!$A$2:$C$346,3,0))^2)/1000,0)</f>
        <v>114</v>
      </c>
      <c r="BL102">
        <f ca="1">ROUND(SQRT((VLOOKUP($A102,városok!$A$2:$C$346,2,0)-VLOOKUP(BL$1,városok!$A$2:$C$346,2,0))^2+(VLOOKUP($A102,városok!$A$2:$C$346,3,0)-VLOOKUP(BL$1,városok!$A$2:$C$346,3,0))^2)/1000,0)</f>
        <v>128</v>
      </c>
      <c r="BM102">
        <f ca="1">ROUND(SQRT((VLOOKUP($A102,városok!$A$2:$C$346,2,0)-VLOOKUP(BM$1,városok!$A$2:$C$346,2,0))^2+(VLOOKUP($A102,városok!$A$2:$C$346,3,0)-VLOOKUP(BM$1,városok!$A$2:$C$346,3,0))^2)/1000,0)</f>
        <v>99</v>
      </c>
      <c r="BN102">
        <f ca="1">ROUND(SQRT((VLOOKUP($A102,városok!$A$2:$C$346,2,0)-VLOOKUP(BN$1,városok!$A$2:$C$346,2,0))^2+(VLOOKUP($A102,városok!$A$2:$C$346,3,0)-VLOOKUP(BN$1,városok!$A$2:$C$346,3,0))^2)/1000,0)</f>
        <v>122</v>
      </c>
      <c r="BO102">
        <f ca="1">ROUND(SQRT((VLOOKUP($A102,városok!$A$2:$C$346,2,0)-VLOOKUP(BO$1,városok!$A$2:$C$346,2,0))^2+(VLOOKUP($A102,városok!$A$2:$C$346,3,0)-VLOOKUP(BO$1,városok!$A$2:$C$346,3,0))^2)/1000,0)</f>
        <v>36</v>
      </c>
      <c r="BP102">
        <f ca="1">ROUND(SQRT((VLOOKUP($A102,városok!$A$2:$C$346,2,0)-VLOOKUP(BP$1,városok!$A$2:$C$346,2,0))^2+(VLOOKUP($A102,városok!$A$2:$C$346,3,0)-VLOOKUP(BP$1,városok!$A$2:$C$346,3,0))^2)/1000,0)</f>
        <v>33</v>
      </c>
      <c r="BQ102">
        <f ca="1">ROUND(SQRT((VLOOKUP($A102,városok!$A$2:$C$346,2,0)-VLOOKUP(BQ$1,városok!$A$2:$C$346,2,0))^2+(VLOOKUP($A102,városok!$A$2:$C$346,3,0)-VLOOKUP(BQ$1,városok!$A$2:$C$346,3,0))^2)/1000,0)</f>
        <v>35</v>
      </c>
      <c r="BR102">
        <f ca="1">ROUND(SQRT((VLOOKUP($A102,városok!$A$2:$C$346,2,0)-VLOOKUP(BR$1,városok!$A$2:$C$346,2,0))^2+(VLOOKUP($A102,városok!$A$2:$C$346,3,0)-VLOOKUP(BR$1,városok!$A$2:$C$346,3,0))^2)/1000,0)</f>
        <v>96</v>
      </c>
      <c r="BS102">
        <f ca="1">ROUND(SQRT((VLOOKUP($A102,városok!$A$2:$C$346,2,0)-VLOOKUP(BS$1,városok!$A$2:$C$346,2,0))^2+(VLOOKUP($A102,városok!$A$2:$C$346,3,0)-VLOOKUP(BS$1,városok!$A$2:$C$346,3,0))^2)/1000,0)</f>
        <v>135</v>
      </c>
      <c r="BT102">
        <f ca="1">ROUND(SQRT((VLOOKUP($A102,városok!$A$2:$C$346,2,0)-VLOOKUP(BT$1,városok!$A$2:$C$346,2,0))^2+(VLOOKUP($A102,városok!$A$2:$C$346,3,0)-VLOOKUP(BT$1,városok!$A$2:$C$346,3,0))^2)/1000,0)</f>
        <v>119</v>
      </c>
    </row>
    <row r="103" spans="1:72" x14ac:dyDescent="0.2">
      <c r="A103" t="str">
        <f>városok!A103</f>
        <v>Csákvár</v>
      </c>
      <c r="B103">
        <f ca="1">ROUND(SQRT((VLOOKUP($A103,városok!$A$2:$C$346,2,0)-VLOOKUP(B$1,városok!$A$2:$C$346,2,0))^2+(VLOOKUP($A103,városok!$A$2:$C$346,3,0)-VLOOKUP(B$1,városok!$A$2:$C$346,3,0))^2)/1000,0)</f>
        <v>140</v>
      </c>
      <c r="C103">
        <f ca="1">ROUND(SQRT((VLOOKUP($A103,városok!$A$2:$C$346,2,0)-VLOOKUP(C$1,városok!$A$2:$C$346,2,0))^2+(VLOOKUP($A103,városok!$A$2:$C$346,3,0)-VLOOKUP(C$1,városok!$A$2:$C$346,3,0))^2)/1000,0)</f>
        <v>104</v>
      </c>
      <c r="D103">
        <f ca="1">ROUND(SQRT((VLOOKUP($A103,városok!$A$2:$C$346,2,0)-VLOOKUP(D$1,városok!$A$2:$C$346,2,0))^2+(VLOOKUP($A103,városok!$A$2:$C$346,3,0)-VLOOKUP(D$1,városok!$A$2:$C$346,3,0))^2)/1000,0)</f>
        <v>107</v>
      </c>
      <c r="E103">
        <f ca="1">ROUND(SQRT((VLOOKUP($A103,városok!$A$2:$C$346,2,0)-VLOOKUP(E$1,városok!$A$2:$C$346,2,0))^2+(VLOOKUP($A103,városok!$A$2:$C$346,3,0)-VLOOKUP(E$1,városok!$A$2:$C$346,3,0))^2)/1000,0)</f>
        <v>135</v>
      </c>
      <c r="F103">
        <f ca="1">ROUND(SQRT((VLOOKUP($A103,városok!$A$2:$C$346,2,0)-VLOOKUP(F$1,városok!$A$2:$C$346,2,0))^2+(VLOOKUP($A103,városok!$A$2:$C$346,3,0)-VLOOKUP(F$1,városok!$A$2:$C$346,3,0))^2)/1000,0)</f>
        <v>157</v>
      </c>
      <c r="G103">
        <f ca="1">ROUND(SQRT((VLOOKUP($A103,városok!$A$2:$C$346,2,0)-VLOOKUP(G$1,városok!$A$2:$C$346,2,0))^2+(VLOOKUP($A103,városok!$A$2:$C$346,3,0)-VLOOKUP(G$1,városok!$A$2:$C$346,3,0))^2)/1000,0)</f>
        <v>147</v>
      </c>
      <c r="H103">
        <f ca="1">ROUND(SQRT((VLOOKUP($A103,városok!$A$2:$C$346,2,0)-VLOOKUP(H$1,városok!$A$2:$C$346,2,0))^2+(VLOOKUP($A103,városok!$A$2:$C$346,3,0)-VLOOKUP(H$1,városok!$A$2:$C$346,3,0))^2)/1000,0)</f>
        <v>159</v>
      </c>
      <c r="I103">
        <f ca="1">ROUND(SQRT((VLOOKUP($A103,városok!$A$2:$C$346,2,0)-VLOOKUP(I$1,városok!$A$2:$C$346,2,0))^2+(VLOOKUP($A103,városok!$A$2:$C$346,3,0)-VLOOKUP(I$1,városok!$A$2:$C$346,3,0))^2)/1000,0)</f>
        <v>214</v>
      </c>
      <c r="J103">
        <f ca="1">ROUND(SQRT((VLOOKUP($A103,városok!$A$2:$C$346,2,0)-VLOOKUP(J$1,városok!$A$2:$C$346,2,0))^2+(VLOOKUP($A103,városok!$A$2:$C$346,3,0)-VLOOKUP(J$1,városok!$A$2:$C$346,3,0))^2)/1000,0)</f>
        <v>229</v>
      </c>
      <c r="K103">
        <f ca="1">ROUND(SQRT((VLOOKUP($A103,városok!$A$2:$C$346,2,0)-VLOOKUP(K$1,városok!$A$2:$C$346,2,0))^2+(VLOOKUP($A103,városok!$A$2:$C$346,3,0)-VLOOKUP(K$1,városok!$A$2:$C$346,3,0))^2)/1000,0)</f>
        <v>191</v>
      </c>
      <c r="L103">
        <f ca="1">ROUND(SQRT((VLOOKUP($A103,városok!$A$2:$C$346,2,0)-VLOOKUP(L$1,városok!$A$2:$C$346,2,0))^2+(VLOOKUP($A103,városok!$A$2:$C$346,3,0)-VLOOKUP(L$1,városok!$A$2:$C$346,3,0))^2)/1000,0)</f>
        <v>188</v>
      </c>
      <c r="M103">
        <f ca="1">ROUND(SQRT((VLOOKUP($A103,városok!$A$2:$C$346,2,0)-VLOOKUP(M$1,városok!$A$2:$C$346,2,0))^2+(VLOOKUP($A103,városok!$A$2:$C$346,3,0)-VLOOKUP(M$1,városok!$A$2:$C$346,3,0))^2)/1000,0)</f>
        <v>191</v>
      </c>
      <c r="N103">
        <f ca="1">ROUND(SQRT((VLOOKUP($A103,városok!$A$2:$C$346,2,0)-VLOOKUP(N$1,városok!$A$2:$C$346,2,0))^2+(VLOOKUP($A103,városok!$A$2:$C$346,3,0)-VLOOKUP(N$1,városok!$A$2:$C$346,3,0))^2)/1000,0)</f>
        <v>165</v>
      </c>
      <c r="O103">
        <f ca="1">ROUND(SQRT((VLOOKUP($A103,városok!$A$2:$C$346,2,0)-VLOOKUP(O$1,városok!$A$2:$C$346,2,0))^2+(VLOOKUP($A103,városok!$A$2:$C$346,3,0)-VLOOKUP(O$1,városok!$A$2:$C$346,3,0))^2)/1000,0)</f>
        <v>263</v>
      </c>
      <c r="P103">
        <f ca="1">ROUND(SQRT((VLOOKUP($A103,városok!$A$2:$C$346,2,0)-VLOOKUP(P$1,városok!$A$2:$C$346,2,0))^2+(VLOOKUP($A103,városok!$A$2:$C$346,3,0)-VLOOKUP(P$1,városok!$A$2:$C$346,3,0))^2)/1000,0)</f>
        <v>263</v>
      </c>
      <c r="Q103">
        <f ca="1">ROUND(SQRT((VLOOKUP($A103,városok!$A$2:$C$346,2,0)-VLOOKUP(Q$1,városok!$A$2:$C$346,2,0))^2+(VLOOKUP($A103,városok!$A$2:$C$346,3,0)-VLOOKUP(Q$1,városok!$A$2:$C$346,3,0))^2)/1000,0)</f>
        <v>178</v>
      </c>
      <c r="R103">
        <f ca="1">ROUND(SQRT((VLOOKUP($A103,városok!$A$2:$C$346,2,0)-VLOOKUP(R$1,városok!$A$2:$C$346,2,0))^2+(VLOOKUP($A103,városok!$A$2:$C$346,3,0)-VLOOKUP(R$1,városok!$A$2:$C$346,3,0))^2)/1000,0)</f>
        <v>201</v>
      </c>
      <c r="S103">
        <f ca="1">ROUND(SQRT((VLOOKUP($A103,városok!$A$2:$C$346,2,0)-VLOOKUP(S$1,városok!$A$2:$C$346,2,0))^2+(VLOOKUP($A103,városok!$A$2:$C$346,3,0)-VLOOKUP(S$1,városok!$A$2:$C$346,3,0))^2)/1000,0)</f>
        <v>181</v>
      </c>
      <c r="T103">
        <f ca="1">ROUND(SQRT((VLOOKUP($A103,városok!$A$2:$C$346,2,0)-VLOOKUP(T$1,városok!$A$2:$C$346,2,0))^2+(VLOOKUP($A103,városok!$A$2:$C$346,3,0)-VLOOKUP(T$1,városok!$A$2:$C$346,3,0))^2)/1000,0)</f>
        <v>16</v>
      </c>
      <c r="U103">
        <f ca="1">ROUND(SQRT((VLOOKUP($A103,városok!$A$2:$C$346,2,0)-VLOOKUP(U$1,városok!$A$2:$C$346,2,0))^2+(VLOOKUP($A103,városok!$A$2:$C$346,3,0)-VLOOKUP(U$1,városok!$A$2:$C$346,3,0))^2)/1000,0)</f>
        <v>59</v>
      </c>
      <c r="V103">
        <f ca="1">ROUND(SQRT((VLOOKUP($A103,városok!$A$2:$C$346,2,0)-VLOOKUP(V$1,városok!$A$2:$C$346,2,0))^2+(VLOOKUP($A103,városok!$A$2:$C$346,3,0)-VLOOKUP(V$1,városok!$A$2:$C$346,3,0))^2)/1000,0)</f>
        <v>39</v>
      </c>
      <c r="W103">
        <f ca="1">ROUND(SQRT((VLOOKUP($A103,városok!$A$2:$C$346,2,0)-VLOOKUP(W$1,városok!$A$2:$C$346,2,0))^2+(VLOOKUP($A103,városok!$A$2:$C$346,3,0)-VLOOKUP(W$1,városok!$A$2:$C$346,3,0))^2)/1000,0)</f>
        <v>58</v>
      </c>
      <c r="X103">
        <f ca="1">ROUND(SQRT((VLOOKUP($A103,városok!$A$2:$C$346,2,0)-VLOOKUP(X$1,városok!$A$2:$C$346,2,0))^2+(VLOOKUP($A103,városok!$A$2:$C$346,3,0)-VLOOKUP(X$1,városok!$A$2:$C$346,3,0))^2)/1000,0)</f>
        <v>16</v>
      </c>
      <c r="Y103">
        <f ca="1">ROUND(SQRT((VLOOKUP($A103,városok!$A$2:$C$346,2,0)-VLOOKUP(Y$1,városok!$A$2:$C$346,2,0))^2+(VLOOKUP($A103,városok!$A$2:$C$346,3,0)-VLOOKUP(Y$1,városok!$A$2:$C$346,3,0))^2)/1000,0)</f>
        <v>71</v>
      </c>
      <c r="Z103">
        <f ca="1">ROUND(SQRT((VLOOKUP($A103,városok!$A$2:$C$346,2,0)-VLOOKUP(Z$1,városok!$A$2:$C$346,2,0))^2+(VLOOKUP($A103,városok!$A$2:$C$346,3,0)-VLOOKUP(Z$1,városok!$A$2:$C$346,3,0))^2)/1000,0)</f>
        <v>90</v>
      </c>
      <c r="AA103">
        <f ca="1">ROUND(SQRT((VLOOKUP($A103,városok!$A$2:$C$346,2,0)-VLOOKUP(AA$1,városok!$A$2:$C$346,2,0))^2+(VLOOKUP($A103,városok!$A$2:$C$346,3,0)-VLOOKUP(AA$1,városok!$A$2:$C$346,3,0))^2)/1000,0)</f>
        <v>146</v>
      </c>
      <c r="AB103">
        <f ca="1">ROUND(SQRT((VLOOKUP($A103,városok!$A$2:$C$346,2,0)-VLOOKUP(AB$1,városok!$A$2:$C$346,2,0))^2+(VLOOKUP($A103,városok!$A$2:$C$346,3,0)-VLOOKUP(AB$1,városok!$A$2:$C$346,3,0))^2)/1000,0)</f>
        <v>239</v>
      </c>
      <c r="AC103">
        <f ca="1">ROUND(SQRT((VLOOKUP($A103,városok!$A$2:$C$346,2,0)-VLOOKUP(AC$1,városok!$A$2:$C$346,2,0))^2+(VLOOKUP($A103,városok!$A$2:$C$346,3,0)-VLOOKUP(AC$1,városok!$A$2:$C$346,3,0))^2)/1000,0)</f>
        <v>221</v>
      </c>
      <c r="AD103">
        <f ca="1">ROUND(SQRT((VLOOKUP($A103,városok!$A$2:$C$346,2,0)-VLOOKUP(AD$1,városok!$A$2:$C$346,2,0))^2+(VLOOKUP($A103,városok!$A$2:$C$346,3,0)-VLOOKUP(AD$1,városok!$A$2:$C$346,3,0))^2)/1000,0)</f>
        <v>203</v>
      </c>
      <c r="AE103">
        <f ca="1">ROUND(SQRT((VLOOKUP($A103,városok!$A$2:$C$346,2,0)-VLOOKUP(AE$1,városok!$A$2:$C$346,2,0))^2+(VLOOKUP($A103,városok!$A$2:$C$346,3,0)-VLOOKUP(AE$1,városok!$A$2:$C$346,3,0))^2)/1000,0)</f>
        <v>204</v>
      </c>
      <c r="AF103">
        <f ca="1">ROUND(SQRT((VLOOKUP($A103,városok!$A$2:$C$346,2,0)-VLOOKUP(AF$1,városok!$A$2:$C$346,2,0))^2+(VLOOKUP($A103,városok!$A$2:$C$346,3,0)-VLOOKUP(AF$1,városok!$A$2:$C$346,3,0))^2)/1000,0)</f>
        <v>154</v>
      </c>
      <c r="AG103">
        <f ca="1">ROUND(SQRT((VLOOKUP($A103,városok!$A$2:$C$346,2,0)-VLOOKUP(AG$1,városok!$A$2:$C$346,2,0))^2+(VLOOKUP($A103,városok!$A$2:$C$346,3,0)-VLOOKUP(AG$1,városok!$A$2:$C$346,3,0))^2)/1000,0)</f>
        <v>118</v>
      </c>
      <c r="AH103">
        <f ca="1">ROUND(SQRT((VLOOKUP($A103,városok!$A$2:$C$346,2,0)-VLOOKUP(AH$1,városok!$A$2:$C$346,2,0))^2+(VLOOKUP($A103,városok!$A$2:$C$346,3,0)-VLOOKUP(AH$1,városok!$A$2:$C$346,3,0))^2)/1000,0)</f>
        <v>96</v>
      </c>
      <c r="AI103">
        <f ca="1">ROUND(SQRT((VLOOKUP($A103,városok!$A$2:$C$346,2,0)-VLOOKUP(AI$1,városok!$A$2:$C$346,2,0))^2+(VLOOKUP($A103,városok!$A$2:$C$346,3,0)-VLOOKUP(AI$1,városok!$A$2:$C$346,3,0))^2)/1000,0)</f>
        <v>140</v>
      </c>
      <c r="AJ103">
        <f ca="1">ROUND(SQRT((VLOOKUP($A103,városok!$A$2:$C$346,2,0)-VLOOKUP(AJ$1,városok!$A$2:$C$346,2,0))^2+(VLOOKUP($A103,városok!$A$2:$C$346,3,0)-VLOOKUP(AJ$1,városok!$A$2:$C$346,3,0))^2)/1000,0)</f>
        <v>117</v>
      </c>
      <c r="AK103">
        <f ca="1">ROUND(SQRT((VLOOKUP($A103,városok!$A$2:$C$346,2,0)-VLOOKUP(AK$1,városok!$A$2:$C$346,2,0))^2+(VLOOKUP($A103,városok!$A$2:$C$346,3,0)-VLOOKUP(AK$1,városok!$A$2:$C$346,3,0))^2)/1000,0)</f>
        <v>190</v>
      </c>
      <c r="AL103">
        <f ca="1">ROUND(SQRT((VLOOKUP($A103,városok!$A$2:$C$346,2,0)-VLOOKUP(AL$1,városok!$A$2:$C$346,2,0))^2+(VLOOKUP($A103,városok!$A$2:$C$346,3,0)-VLOOKUP(AL$1,városok!$A$2:$C$346,3,0))^2)/1000,0)</f>
        <v>163</v>
      </c>
      <c r="AM103">
        <f ca="1">ROUND(SQRT((VLOOKUP($A103,városok!$A$2:$C$346,2,0)-VLOOKUP(AM$1,városok!$A$2:$C$346,2,0))^2+(VLOOKUP($A103,városok!$A$2:$C$346,3,0)-VLOOKUP(AM$1,városok!$A$2:$C$346,3,0))^2)/1000,0)</f>
        <v>132</v>
      </c>
      <c r="AN103">
        <f ca="1">ROUND(SQRT((VLOOKUP($A103,városok!$A$2:$C$346,2,0)-VLOOKUP(AN$1,városok!$A$2:$C$346,2,0))^2+(VLOOKUP($A103,városok!$A$2:$C$346,3,0)-VLOOKUP(AN$1,városok!$A$2:$C$346,3,0))^2)/1000,0)</f>
        <v>48</v>
      </c>
      <c r="AO103">
        <f ca="1">ROUND(SQRT((VLOOKUP($A103,városok!$A$2:$C$346,2,0)-VLOOKUP(AO$1,városok!$A$2:$C$346,2,0))^2+(VLOOKUP($A103,városok!$A$2:$C$346,3,0)-VLOOKUP(AO$1,városok!$A$2:$C$346,3,0))^2)/1000,0)</f>
        <v>46</v>
      </c>
      <c r="AP103">
        <f ca="1">ROUND(SQRT((VLOOKUP($A103,városok!$A$2:$C$346,2,0)-VLOOKUP(AP$1,városok!$A$2:$C$346,2,0))^2+(VLOOKUP($A103,városok!$A$2:$C$346,3,0)-VLOOKUP(AP$1,városok!$A$2:$C$346,3,0))^2)/1000,0)</f>
        <v>30</v>
      </c>
      <c r="AQ103">
        <f ca="1">ROUND(SQRT((VLOOKUP($A103,városok!$A$2:$C$346,2,0)-VLOOKUP(AQ$1,városok!$A$2:$C$346,2,0))^2+(VLOOKUP($A103,városok!$A$2:$C$346,3,0)-VLOOKUP(AQ$1,városok!$A$2:$C$346,3,0))^2)/1000,0)</f>
        <v>20</v>
      </c>
      <c r="AR103">
        <f ca="1">ROUND(SQRT((VLOOKUP($A103,városok!$A$2:$C$346,2,0)-VLOOKUP(AR$1,városok!$A$2:$C$346,2,0))^2+(VLOOKUP($A103,városok!$A$2:$C$346,3,0)-VLOOKUP(AR$1,városok!$A$2:$C$346,3,0))^2)/1000,0)</f>
        <v>109</v>
      </c>
      <c r="AS103">
        <f ca="1">ROUND(SQRT((VLOOKUP($A103,városok!$A$2:$C$346,2,0)-VLOOKUP(AS$1,városok!$A$2:$C$346,2,0))^2+(VLOOKUP($A103,városok!$A$2:$C$346,3,0)-VLOOKUP(AS$1,városok!$A$2:$C$346,3,0))^2)/1000,0)</f>
        <v>128</v>
      </c>
      <c r="AT103">
        <f ca="1">ROUND(SQRT((VLOOKUP($A103,városok!$A$2:$C$346,2,0)-VLOOKUP(AT$1,városok!$A$2:$C$346,2,0))^2+(VLOOKUP($A103,városok!$A$2:$C$346,3,0)-VLOOKUP(AT$1,városok!$A$2:$C$346,3,0))^2)/1000,0)</f>
        <v>28</v>
      </c>
      <c r="AU103">
        <f ca="1">ROUND(SQRT((VLOOKUP($A103,városok!$A$2:$C$346,2,0)-VLOOKUP(AU$1,városok!$A$2:$C$346,2,0))^2+(VLOOKUP($A103,városok!$A$2:$C$346,3,0)-VLOOKUP(AU$1,városok!$A$2:$C$346,3,0))^2)/1000,0)</f>
        <v>38</v>
      </c>
      <c r="AV103">
        <f ca="1">ROUND(SQRT((VLOOKUP($A103,városok!$A$2:$C$346,2,0)-VLOOKUP(AV$1,városok!$A$2:$C$346,2,0))^2+(VLOOKUP($A103,városok!$A$2:$C$346,3,0)-VLOOKUP(AV$1,városok!$A$2:$C$346,3,0))^2)/1000,0)</f>
        <v>36</v>
      </c>
      <c r="AW103">
        <f ca="1">ROUND(SQRT((VLOOKUP($A103,városok!$A$2:$C$346,2,0)-VLOOKUP(AW$1,városok!$A$2:$C$346,2,0))^2+(VLOOKUP($A103,városok!$A$2:$C$346,3,0)-VLOOKUP(AW$1,városok!$A$2:$C$346,3,0))^2)/1000,0)</f>
        <v>33</v>
      </c>
      <c r="AX103">
        <f ca="1">ROUND(SQRT((VLOOKUP($A103,városok!$A$2:$C$346,2,0)-VLOOKUP(AX$1,városok!$A$2:$C$346,2,0))^2+(VLOOKUP($A103,városok!$A$2:$C$346,3,0)-VLOOKUP(AX$1,városok!$A$2:$C$346,3,0))^2)/1000,0)</f>
        <v>107</v>
      </c>
      <c r="AY103">
        <f ca="1">ROUND(SQRT((VLOOKUP($A103,városok!$A$2:$C$346,2,0)-VLOOKUP(AY$1,városok!$A$2:$C$346,2,0))^2+(VLOOKUP($A103,városok!$A$2:$C$346,3,0)-VLOOKUP(AY$1,városok!$A$2:$C$346,3,0))^2)/1000,0)</f>
        <v>55</v>
      </c>
      <c r="AZ103">
        <f ca="1">ROUND(SQRT((VLOOKUP($A103,városok!$A$2:$C$346,2,0)-VLOOKUP(AZ$1,városok!$A$2:$C$346,2,0))^2+(VLOOKUP($A103,városok!$A$2:$C$346,3,0)-VLOOKUP(AZ$1,városok!$A$2:$C$346,3,0))^2)/1000,0)</f>
        <v>57</v>
      </c>
      <c r="BA103">
        <f ca="1">ROUND(SQRT((VLOOKUP($A103,városok!$A$2:$C$346,2,0)-VLOOKUP(BA$1,városok!$A$2:$C$346,2,0))^2+(VLOOKUP($A103,városok!$A$2:$C$346,3,0)-VLOOKUP(BA$1,városok!$A$2:$C$346,3,0))^2)/1000,0)</f>
        <v>90</v>
      </c>
      <c r="BB103">
        <f ca="1">ROUND(SQRT((VLOOKUP($A103,városok!$A$2:$C$346,2,0)-VLOOKUP(BB$1,városok!$A$2:$C$346,2,0))^2+(VLOOKUP($A103,városok!$A$2:$C$346,3,0)-VLOOKUP(BB$1,városok!$A$2:$C$346,3,0))^2)/1000,0)</f>
        <v>103</v>
      </c>
      <c r="BC103">
        <f ca="1">ROUND(SQRT((VLOOKUP($A103,városok!$A$2:$C$346,2,0)-VLOOKUP(BC$1,városok!$A$2:$C$346,2,0))^2+(VLOOKUP($A103,városok!$A$2:$C$346,3,0)-VLOOKUP(BC$1,városok!$A$2:$C$346,3,0))^2)/1000,0)</f>
        <v>126</v>
      </c>
      <c r="BD103">
        <f ca="1">ROUND(SQRT((VLOOKUP($A103,városok!$A$2:$C$346,2,0)-VLOOKUP(BD$1,városok!$A$2:$C$346,2,0))^2+(VLOOKUP($A103,városok!$A$2:$C$346,3,0)-VLOOKUP(BD$1,városok!$A$2:$C$346,3,0))^2)/1000,0)</f>
        <v>62</v>
      </c>
      <c r="BE103">
        <f ca="1">ROUND(SQRT((VLOOKUP($A103,városok!$A$2:$C$346,2,0)-VLOOKUP(BE$1,városok!$A$2:$C$346,2,0))^2+(VLOOKUP($A103,városok!$A$2:$C$346,3,0)-VLOOKUP(BE$1,városok!$A$2:$C$346,3,0))^2)/1000,0)</f>
        <v>319</v>
      </c>
      <c r="BF103">
        <f ca="1">ROUND(SQRT((VLOOKUP($A103,városok!$A$2:$C$346,2,0)-VLOOKUP(BF$1,városok!$A$2:$C$346,2,0))^2+(VLOOKUP($A103,városok!$A$2:$C$346,3,0)-VLOOKUP(BF$1,városok!$A$2:$C$346,3,0))^2)/1000,0)</f>
        <v>285</v>
      </c>
      <c r="BG103">
        <f ca="1">ROUND(SQRT((VLOOKUP($A103,városok!$A$2:$C$346,2,0)-VLOOKUP(BG$1,városok!$A$2:$C$346,2,0))^2+(VLOOKUP($A103,városok!$A$2:$C$346,3,0)-VLOOKUP(BG$1,városok!$A$2:$C$346,3,0))^2)/1000,0)</f>
        <v>239</v>
      </c>
      <c r="BH103">
        <f ca="1">ROUND(SQRT((VLOOKUP($A103,városok!$A$2:$C$346,2,0)-VLOOKUP(BH$1,városok!$A$2:$C$346,2,0))^2+(VLOOKUP($A103,városok!$A$2:$C$346,3,0)-VLOOKUP(BH$1,városok!$A$2:$C$346,3,0))^2)/1000,0)</f>
        <v>239</v>
      </c>
      <c r="BI103">
        <f ca="1">ROUND(SQRT((VLOOKUP($A103,városok!$A$2:$C$346,2,0)-VLOOKUP(BI$1,városok!$A$2:$C$346,2,0))^2+(VLOOKUP($A103,városok!$A$2:$C$346,3,0)-VLOOKUP(BI$1,városok!$A$2:$C$346,3,0))^2)/1000,0)</f>
        <v>112</v>
      </c>
      <c r="BJ103">
        <f ca="1">ROUND(SQRT((VLOOKUP($A103,városok!$A$2:$C$346,2,0)-VLOOKUP(BJ$1,városok!$A$2:$C$346,2,0))^2+(VLOOKUP($A103,városok!$A$2:$C$346,3,0)-VLOOKUP(BJ$1,városok!$A$2:$C$346,3,0))^2)/1000,0)</f>
        <v>124</v>
      </c>
      <c r="BK103">
        <f ca="1">ROUND(SQRT((VLOOKUP($A103,városok!$A$2:$C$346,2,0)-VLOOKUP(BK$1,városok!$A$2:$C$346,2,0))^2+(VLOOKUP($A103,városok!$A$2:$C$346,3,0)-VLOOKUP(BK$1,városok!$A$2:$C$346,3,0))^2)/1000,0)</f>
        <v>117</v>
      </c>
      <c r="BL103">
        <f ca="1">ROUND(SQRT((VLOOKUP($A103,városok!$A$2:$C$346,2,0)-VLOOKUP(BL$1,városok!$A$2:$C$346,2,0))^2+(VLOOKUP($A103,városok!$A$2:$C$346,3,0)-VLOOKUP(BL$1,városok!$A$2:$C$346,3,0))^2)/1000,0)</f>
        <v>148</v>
      </c>
      <c r="BM103">
        <f ca="1">ROUND(SQRT((VLOOKUP($A103,városok!$A$2:$C$346,2,0)-VLOOKUP(BM$1,városok!$A$2:$C$346,2,0))^2+(VLOOKUP($A103,városok!$A$2:$C$346,3,0)-VLOOKUP(BM$1,városok!$A$2:$C$346,3,0))^2)/1000,0)</f>
        <v>117</v>
      </c>
      <c r="BN103">
        <f ca="1">ROUND(SQRT((VLOOKUP($A103,városok!$A$2:$C$346,2,0)-VLOOKUP(BN$1,városok!$A$2:$C$346,2,0))^2+(VLOOKUP($A103,városok!$A$2:$C$346,3,0)-VLOOKUP(BN$1,városok!$A$2:$C$346,3,0))^2)/1000,0)</f>
        <v>141</v>
      </c>
      <c r="BO103">
        <f ca="1">ROUND(SQRT((VLOOKUP($A103,városok!$A$2:$C$346,2,0)-VLOOKUP(BO$1,városok!$A$2:$C$346,2,0))^2+(VLOOKUP($A103,városok!$A$2:$C$346,3,0)-VLOOKUP(BO$1,városok!$A$2:$C$346,3,0))^2)/1000,0)</f>
        <v>53</v>
      </c>
      <c r="BP103">
        <f ca="1">ROUND(SQRT((VLOOKUP($A103,városok!$A$2:$C$346,2,0)-VLOOKUP(BP$1,városok!$A$2:$C$346,2,0))^2+(VLOOKUP($A103,városok!$A$2:$C$346,3,0)-VLOOKUP(BP$1,városok!$A$2:$C$346,3,0))^2)/1000,0)</f>
        <v>48</v>
      </c>
      <c r="BQ103">
        <f ca="1">ROUND(SQRT((VLOOKUP($A103,városok!$A$2:$C$346,2,0)-VLOOKUP(BQ$1,városok!$A$2:$C$346,2,0))^2+(VLOOKUP($A103,városok!$A$2:$C$346,3,0)-VLOOKUP(BQ$1,városok!$A$2:$C$346,3,0))^2)/1000,0)</f>
        <v>54</v>
      </c>
      <c r="BR103">
        <f ca="1">ROUND(SQRT((VLOOKUP($A103,városok!$A$2:$C$346,2,0)-VLOOKUP(BR$1,városok!$A$2:$C$346,2,0))^2+(VLOOKUP($A103,városok!$A$2:$C$346,3,0)-VLOOKUP(BR$1,városok!$A$2:$C$346,3,0))^2)/1000,0)</f>
        <v>116</v>
      </c>
      <c r="BS103">
        <f ca="1">ROUND(SQRT((VLOOKUP($A103,városok!$A$2:$C$346,2,0)-VLOOKUP(BS$1,városok!$A$2:$C$346,2,0))^2+(VLOOKUP($A103,városok!$A$2:$C$346,3,0)-VLOOKUP(BS$1,városok!$A$2:$C$346,3,0))^2)/1000,0)</f>
        <v>154</v>
      </c>
      <c r="BT103">
        <f ca="1">ROUND(SQRT((VLOOKUP($A103,városok!$A$2:$C$346,2,0)-VLOOKUP(BT$1,városok!$A$2:$C$346,2,0))^2+(VLOOKUP($A103,városok!$A$2:$C$346,3,0)-VLOOKUP(BT$1,városok!$A$2:$C$346,3,0))^2)/1000,0)</f>
        <v>138</v>
      </c>
    </row>
    <row r="104" spans="1:72" x14ac:dyDescent="0.2">
      <c r="A104" t="str">
        <f>városok!A104</f>
        <v>Dunaújváros</v>
      </c>
      <c r="B104">
        <f ca="1">ROUND(SQRT((VLOOKUP($A104,városok!$A$2:$C$346,2,0)-VLOOKUP(B$1,városok!$A$2:$C$346,2,0))^2+(VLOOKUP($A104,városok!$A$2:$C$346,3,0)-VLOOKUP(B$1,városok!$A$2:$C$346,3,0))^2)/1000,0)</f>
        <v>87</v>
      </c>
      <c r="C104">
        <f ca="1">ROUND(SQRT((VLOOKUP($A104,városok!$A$2:$C$346,2,0)-VLOOKUP(C$1,városok!$A$2:$C$346,2,0))^2+(VLOOKUP($A104,városok!$A$2:$C$346,3,0)-VLOOKUP(C$1,városok!$A$2:$C$346,3,0))^2)/1000,0)</f>
        <v>49</v>
      </c>
      <c r="D104">
        <f ca="1">ROUND(SQRT((VLOOKUP($A104,városok!$A$2:$C$346,2,0)-VLOOKUP(D$1,városok!$A$2:$C$346,2,0))^2+(VLOOKUP($A104,városok!$A$2:$C$346,3,0)-VLOOKUP(D$1,városok!$A$2:$C$346,3,0))^2)/1000,0)</f>
        <v>58</v>
      </c>
      <c r="E104">
        <f ca="1">ROUND(SQRT((VLOOKUP($A104,városok!$A$2:$C$346,2,0)-VLOOKUP(E$1,városok!$A$2:$C$346,2,0))^2+(VLOOKUP($A104,városok!$A$2:$C$346,3,0)-VLOOKUP(E$1,városok!$A$2:$C$346,3,0))^2)/1000,0)</f>
        <v>101</v>
      </c>
      <c r="F104">
        <f ca="1">ROUND(SQRT((VLOOKUP($A104,városok!$A$2:$C$346,2,0)-VLOOKUP(F$1,városok!$A$2:$C$346,2,0))^2+(VLOOKUP($A104,városok!$A$2:$C$346,3,0)-VLOOKUP(F$1,városok!$A$2:$C$346,3,0))^2)/1000,0)</f>
        <v>110</v>
      </c>
      <c r="G104">
        <f ca="1">ROUND(SQRT((VLOOKUP($A104,városok!$A$2:$C$346,2,0)-VLOOKUP(G$1,városok!$A$2:$C$346,2,0))^2+(VLOOKUP($A104,városok!$A$2:$C$346,3,0)-VLOOKUP(G$1,városok!$A$2:$C$346,3,0))^2)/1000,0)</f>
        <v>112</v>
      </c>
      <c r="H104">
        <f ca="1">ROUND(SQRT((VLOOKUP($A104,városok!$A$2:$C$346,2,0)-VLOOKUP(H$1,városok!$A$2:$C$346,2,0))^2+(VLOOKUP($A104,városok!$A$2:$C$346,3,0)-VLOOKUP(H$1,városok!$A$2:$C$346,3,0))^2)/1000,0)</f>
        <v>134</v>
      </c>
      <c r="I104">
        <f ca="1">ROUND(SQRT((VLOOKUP($A104,városok!$A$2:$C$346,2,0)-VLOOKUP(I$1,városok!$A$2:$C$346,2,0))^2+(VLOOKUP($A104,városok!$A$2:$C$346,3,0)-VLOOKUP(I$1,városok!$A$2:$C$346,3,0))^2)/1000,0)</f>
        <v>167</v>
      </c>
      <c r="J104">
        <f ca="1">ROUND(SQRT((VLOOKUP($A104,városok!$A$2:$C$346,2,0)-VLOOKUP(J$1,városok!$A$2:$C$346,2,0))^2+(VLOOKUP($A104,városok!$A$2:$C$346,3,0)-VLOOKUP(J$1,városok!$A$2:$C$346,3,0))^2)/1000,0)</f>
        <v>182</v>
      </c>
      <c r="K104">
        <f ca="1">ROUND(SQRT((VLOOKUP($A104,városok!$A$2:$C$346,2,0)-VLOOKUP(K$1,városok!$A$2:$C$346,2,0))^2+(VLOOKUP($A104,városok!$A$2:$C$346,3,0)-VLOOKUP(K$1,városok!$A$2:$C$346,3,0))^2)/1000,0)</f>
        <v>140</v>
      </c>
      <c r="L104">
        <f ca="1">ROUND(SQRT((VLOOKUP($A104,városok!$A$2:$C$346,2,0)-VLOOKUP(L$1,városok!$A$2:$C$346,2,0))^2+(VLOOKUP($A104,városok!$A$2:$C$346,3,0)-VLOOKUP(L$1,városok!$A$2:$C$346,3,0))^2)/1000,0)</f>
        <v>192</v>
      </c>
      <c r="M104">
        <f ca="1">ROUND(SQRT((VLOOKUP($A104,városok!$A$2:$C$346,2,0)-VLOOKUP(M$1,városok!$A$2:$C$346,2,0))^2+(VLOOKUP($A104,városok!$A$2:$C$346,3,0)-VLOOKUP(M$1,városok!$A$2:$C$346,3,0))^2)/1000,0)</f>
        <v>189</v>
      </c>
      <c r="N104">
        <f ca="1">ROUND(SQRT((VLOOKUP($A104,városok!$A$2:$C$346,2,0)-VLOOKUP(N$1,városok!$A$2:$C$346,2,0))^2+(VLOOKUP($A104,városok!$A$2:$C$346,3,0)-VLOOKUP(N$1,városok!$A$2:$C$346,3,0))^2)/1000,0)</f>
        <v>173</v>
      </c>
      <c r="O104">
        <f ca="1">ROUND(SQRT((VLOOKUP($A104,városok!$A$2:$C$346,2,0)-VLOOKUP(O$1,városok!$A$2:$C$346,2,0))^2+(VLOOKUP($A104,városok!$A$2:$C$346,3,0)-VLOOKUP(O$1,városok!$A$2:$C$346,3,0))^2)/1000,0)</f>
        <v>259</v>
      </c>
      <c r="P104">
        <f ca="1">ROUND(SQRT((VLOOKUP($A104,városok!$A$2:$C$346,2,0)-VLOOKUP(P$1,városok!$A$2:$C$346,2,0))^2+(VLOOKUP($A104,városok!$A$2:$C$346,3,0)-VLOOKUP(P$1,városok!$A$2:$C$346,3,0))^2)/1000,0)</f>
        <v>259</v>
      </c>
      <c r="Q104">
        <f ca="1">ROUND(SQRT((VLOOKUP($A104,városok!$A$2:$C$346,2,0)-VLOOKUP(Q$1,városok!$A$2:$C$346,2,0))^2+(VLOOKUP($A104,városok!$A$2:$C$346,3,0)-VLOOKUP(Q$1,városok!$A$2:$C$346,3,0))^2)/1000,0)</f>
        <v>122</v>
      </c>
      <c r="R104">
        <f ca="1">ROUND(SQRT((VLOOKUP($A104,városok!$A$2:$C$346,2,0)-VLOOKUP(R$1,városok!$A$2:$C$346,2,0))^2+(VLOOKUP($A104,városok!$A$2:$C$346,3,0)-VLOOKUP(R$1,városok!$A$2:$C$346,3,0))^2)/1000,0)</f>
        <v>144</v>
      </c>
      <c r="S104">
        <f ca="1">ROUND(SQRT((VLOOKUP($A104,városok!$A$2:$C$346,2,0)-VLOOKUP(S$1,városok!$A$2:$C$346,2,0))^2+(VLOOKUP($A104,városok!$A$2:$C$346,3,0)-VLOOKUP(S$1,városok!$A$2:$C$346,3,0))^2)/1000,0)</f>
        <v>123</v>
      </c>
      <c r="T104">
        <f ca="1">ROUND(SQRT((VLOOKUP($A104,városok!$A$2:$C$346,2,0)-VLOOKUP(T$1,városok!$A$2:$C$346,2,0))^2+(VLOOKUP($A104,városok!$A$2:$C$346,3,0)-VLOOKUP(T$1,városok!$A$2:$C$346,3,0))^2)/1000,0)</f>
        <v>62</v>
      </c>
      <c r="U104">
        <f ca="1">ROUND(SQRT((VLOOKUP($A104,városok!$A$2:$C$346,2,0)-VLOOKUP(U$1,városok!$A$2:$C$346,2,0))^2+(VLOOKUP($A104,városok!$A$2:$C$346,3,0)-VLOOKUP(U$1,városok!$A$2:$C$346,3,0))^2)/1000,0)</f>
        <v>0</v>
      </c>
      <c r="V104">
        <f ca="1">ROUND(SQRT((VLOOKUP($A104,városok!$A$2:$C$346,2,0)-VLOOKUP(V$1,városok!$A$2:$C$346,2,0))^2+(VLOOKUP($A104,városok!$A$2:$C$346,3,0)-VLOOKUP(V$1,városok!$A$2:$C$346,3,0))^2)/1000,0)</f>
        <v>49</v>
      </c>
      <c r="W104">
        <f ca="1">ROUND(SQRT((VLOOKUP($A104,városok!$A$2:$C$346,2,0)-VLOOKUP(W$1,városok!$A$2:$C$346,2,0))^2+(VLOOKUP($A104,városok!$A$2:$C$346,3,0)-VLOOKUP(W$1,városok!$A$2:$C$346,3,0))^2)/1000,0)</f>
        <v>25</v>
      </c>
      <c r="X104">
        <f ca="1">ROUND(SQRT((VLOOKUP($A104,városok!$A$2:$C$346,2,0)-VLOOKUP(X$1,városok!$A$2:$C$346,2,0))^2+(VLOOKUP($A104,városok!$A$2:$C$346,3,0)-VLOOKUP(X$1,városok!$A$2:$C$346,3,0))^2)/1000,0)</f>
        <v>59</v>
      </c>
      <c r="Y104">
        <f ca="1">ROUND(SQRT((VLOOKUP($A104,városok!$A$2:$C$346,2,0)-VLOOKUP(Y$1,városok!$A$2:$C$346,2,0))^2+(VLOOKUP($A104,városok!$A$2:$C$346,3,0)-VLOOKUP(Y$1,városok!$A$2:$C$346,3,0))^2)/1000,0)</f>
        <v>127</v>
      </c>
      <c r="Z104">
        <f ca="1">ROUND(SQRT((VLOOKUP($A104,városok!$A$2:$C$346,2,0)-VLOOKUP(Z$1,városok!$A$2:$C$346,2,0))^2+(VLOOKUP($A104,városok!$A$2:$C$346,3,0)-VLOOKUP(Z$1,városok!$A$2:$C$346,3,0))^2)/1000,0)</f>
        <v>145</v>
      </c>
      <c r="AA104">
        <f ca="1">ROUND(SQRT((VLOOKUP($A104,városok!$A$2:$C$346,2,0)-VLOOKUP(AA$1,városok!$A$2:$C$346,2,0))^2+(VLOOKUP($A104,városok!$A$2:$C$346,3,0)-VLOOKUP(AA$1,városok!$A$2:$C$346,3,0))^2)/1000,0)</f>
        <v>195</v>
      </c>
      <c r="AB104">
        <f ca="1">ROUND(SQRT((VLOOKUP($A104,városok!$A$2:$C$346,2,0)-VLOOKUP(AB$1,városok!$A$2:$C$346,2,0))^2+(VLOOKUP($A104,városok!$A$2:$C$346,3,0)-VLOOKUP(AB$1,városok!$A$2:$C$346,3,0))^2)/1000,0)</f>
        <v>214</v>
      </c>
      <c r="AC104">
        <f ca="1">ROUND(SQRT((VLOOKUP($A104,városok!$A$2:$C$346,2,0)-VLOOKUP(AC$1,városok!$A$2:$C$346,2,0))^2+(VLOOKUP($A104,városok!$A$2:$C$346,3,0)-VLOOKUP(AC$1,városok!$A$2:$C$346,3,0))^2)/1000,0)</f>
        <v>194</v>
      </c>
      <c r="AD104">
        <f ca="1">ROUND(SQRT((VLOOKUP($A104,városok!$A$2:$C$346,2,0)-VLOOKUP(AD$1,városok!$A$2:$C$346,2,0))^2+(VLOOKUP($A104,városok!$A$2:$C$346,3,0)-VLOOKUP(AD$1,városok!$A$2:$C$346,3,0))^2)/1000,0)</f>
        <v>176</v>
      </c>
      <c r="AE104">
        <f ca="1">ROUND(SQRT((VLOOKUP($A104,városok!$A$2:$C$346,2,0)-VLOOKUP(AE$1,városok!$A$2:$C$346,2,0))^2+(VLOOKUP($A104,városok!$A$2:$C$346,3,0)-VLOOKUP(AE$1,városok!$A$2:$C$346,3,0))^2)/1000,0)</f>
        <v>173</v>
      </c>
      <c r="AF104">
        <f ca="1">ROUND(SQRT((VLOOKUP($A104,városok!$A$2:$C$346,2,0)-VLOOKUP(AF$1,városok!$A$2:$C$346,2,0))^2+(VLOOKUP($A104,városok!$A$2:$C$346,3,0)-VLOOKUP(AF$1,városok!$A$2:$C$346,3,0))^2)/1000,0)</f>
        <v>150</v>
      </c>
      <c r="AG104">
        <f ca="1">ROUND(SQRT((VLOOKUP($A104,városok!$A$2:$C$346,2,0)-VLOOKUP(AG$1,városok!$A$2:$C$346,2,0))^2+(VLOOKUP($A104,városok!$A$2:$C$346,3,0)-VLOOKUP(AG$1,városok!$A$2:$C$346,3,0))^2)/1000,0)</f>
        <v>118</v>
      </c>
      <c r="AH104">
        <f ca="1">ROUND(SQRT((VLOOKUP($A104,városok!$A$2:$C$346,2,0)-VLOOKUP(AH$1,városok!$A$2:$C$346,2,0))^2+(VLOOKUP($A104,városok!$A$2:$C$346,3,0)-VLOOKUP(AH$1,városok!$A$2:$C$346,3,0))^2)/1000,0)</f>
        <v>96</v>
      </c>
      <c r="AI104">
        <f ca="1">ROUND(SQRT((VLOOKUP($A104,városok!$A$2:$C$346,2,0)-VLOOKUP(AI$1,városok!$A$2:$C$346,2,0))^2+(VLOOKUP($A104,városok!$A$2:$C$346,3,0)-VLOOKUP(AI$1,városok!$A$2:$C$346,3,0))^2)/1000,0)</f>
        <v>146</v>
      </c>
      <c r="AJ104">
        <f ca="1">ROUND(SQRT((VLOOKUP($A104,városok!$A$2:$C$346,2,0)-VLOOKUP(AJ$1,városok!$A$2:$C$346,2,0))^2+(VLOOKUP($A104,városok!$A$2:$C$346,3,0)-VLOOKUP(AJ$1,városok!$A$2:$C$346,3,0))^2)/1000,0)</f>
        <v>109</v>
      </c>
      <c r="AK104">
        <f ca="1">ROUND(SQRT((VLOOKUP($A104,városok!$A$2:$C$346,2,0)-VLOOKUP(AK$1,városok!$A$2:$C$346,2,0))^2+(VLOOKUP($A104,városok!$A$2:$C$346,3,0)-VLOOKUP(AK$1,városok!$A$2:$C$346,3,0))^2)/1000,0)</f>
        <v>159</v>
      </c>
      <c r="AL104">
        <f ca="1">ROUND(SQRT((VLOOKUP($A104,városok!$A$2:$C$346,2,0)-VLOOKUP(AL$1,városok!$A$2:$C$346,2,0))^2+(VLOOKUP($A104,városok!$A$2:$C$346,3,0)-VLOOKUP(AL$1,városok!$A$2:$C$346,3,0))^2)/1000,0)</f>
        <v>136</v>
      </c>
      <c r="AM104">
        <f ca="1">ROUND(SQRT((VLOOKUP($A104,városok!$A$2:$C$346,2,0)-VLOOKUP(AM$1,városok!$A$2:$C$346,2,0))^2+(VLOOKUP($A104,városok!$A$2:$C$346,3,0)-VLOOKUP(AM$1,városok!$A$2:$C$346,3,0))^2)/1000,0)</f>
        <v>98</v>
      </c>
      <c r="AN104">
        <f ca="1">ROUND(SQRT((VLOOKUP($A104,városok!$A$2:$C$346,2,0)-VLOOKUP(AN$1,városok!$A$2:$C$346,2,0))^2+(VLOOKUP($A104,városok!$A$2:$C$346,3,0)-VLOOKUP(AN$1,városok!$A$2:$C$346,3,0))^2)/1000,0)</f>
        <v>93</v>
      </c>
      <c r="AO104">
        <f ca="1">ROUND(SQRT((VLOOKUP($A104,városok!$A$2:$C$346,2,0)-VLOOKUP(AO$1,városok!$A$2:$C$346,2,0))^2+(VLOOKUP($A104,városok!$A$2:$C$346,3,0)-VLOOKUP(AO$1,városok!$A$2:$C$346,3,0))^2)/1000,0)</f>
        <v>106</v>
      </c>
      <c r="AP104">
        <f ca="1">ROUND(SQRT((VLOOKUP($A104,városok!$A$2:$C$346,2,0)-VLOOKUP(AP$1,városok!$A$2:$C$346,2,0))^2+(VLOOKUP($A104,városok!$A$2:$C$346,3,0)-VLOOKUP(AP$1,városok!$A$2:$C$346,3,0))^2)/1000,0)</f>
        <v>88</v>
      </c>
      <c r="AQ104">
        <f ca="1">ROUND(SQRT((VLOOKUP($A104,városok!$A$2:$C$346,2,0)-VLOOKUP(AQ$1,városok!$A$2:$C$346,2,0))^2+(VLOOKUP($A104,városok!$A$2:$C$346,3,0)-VLOOKUP(AQ$1,városok!$A$2:$C$346,3,0))^2)/1000,0)</f>
        <v>78</v>
      </c>
      <c r="AR104">
        <f ca="1">ROUND(SQRT((VLOOKUP($A104,városok!$A$2:$C$346,2,0)-VLOOKUP(AR$1,városok!$A$2:$C$346,2,0))^2+(VLOOKUP($A104,városok!$A$2:$C$346,3,0)-VLOOKUP(AR$1,városok!$A$2:$C$346,3,0))^2)/1000,0)</f>
        <v>121</v>
      </c>
      <c r="AS104">
        <f ca="1">ROUND(SQRT((VLOOKUP($A104,városok!$A$2:$C$346,2,0)-VLOOKUP(AS$1,városok!$A$2:$C$346,2,0))^2+(VLOOKUP($A104,városok!$A$2:$C$346,3,0)-VLOOKUP(AS$1,városok!$A$2:$C$346,3,0))^2)/1000,0)</f>
        <v>143</v>
      </c>
      <c r="AT104">
        <f ca="1">ROUND(SQRT((VLOOKUP($A104,városok!$A$2:$C$346,2,0)-VLOOKUP(AT$1,városok!$A$2:$C$346,2,0))^2+(VLOOKUP($A104,városok!$A$2:$C$346,3,0)-VLOOKUP(AT$1,városok!$A$2:$C$346,3,0))^2)/1000,0)</f>
        <v>57</v>
      </c>
      <c r="AU104">
        <f ca="1">ROUND(SQRT((VLOOKUP($A104,városok!$A$2:$C$346,2,0)-VLOOKUP(AU$1,városok!$A$2:$C$346,2,0))^2+(VLOOKUP($A104,városok!$A$2:$C$346,3,0)-VLOOKUP(AU$1,városok!$A$2:$C$346,3,0))^2)/1000,0)</f>
        <v>55</v>
      </c>
      <c r="AV104">
        <f ca="1">ROUND(SQRT((VLOOKUP($A104,városok!$A$2:$C$346,2,0)-VLOOKUP(AV$1,városok!$A$2:$C$346,2,0))^2+(VLOOKUP($A104,városok!$A$2:$C$346,3,0)-VLOOKUP(AV$1,városok!$A$2:$C$346,3,0))^2)/1000,0)</f>
        <v>49</v>
      </c>
      <c r="AW104">
        <f ca="1">ROUND(SQRT((VLOOKUP($A104,városok!$A$2:$C$346,2,0)-VLOOKUP(AW$1,városok!$A$2:$C$346,2,0))^2+(VLOOKUP($A104,városok!$A$2:$C$346,3,0)-VLOOKUP(AW$1,városok!$A$2:$C$346,3,0))^2)/1000,0)</f>
        <v>48</v>
      </c>
      <c r="AX104">
        <f ca="1">ROUND(SQRT((VLOOKUP($A104,városok!$A$2:$C$346,2,0)-VLOOKUP(AX$1,városok!$A$2:$C$346,2,0))^2+(VLOOKUP($A104,városok!$A$2:$C$346,3,0)-VLOOKUP(AX$1,városok!$A$2:$C$346,3,0))^2)/1000,0)</f>
        <v>65</v>
      </c>
      <c r="AY104">
        <f ca="1">ROUND(SQRT((VLOOKUP($A104,városok!$A$2:$C$346,2,0)-VLOOKUP(AY$1,városok!$A$2:$C$346,2,0))^2+(VLOOKUP($A104,városok!$A$2:$C$346,3,0)-VLOOKUP(AY$1,városok!$A$2:$C$346,3,0))^2)/1000,0)</f>
        <v>80</v>
      </c>
      <c r="AZ104">
        <f ca="1">ROUND(SQRT((VLOOKUP($A104,városok!$A$2:$C$346,2,0)-VLOOKUP(AZ$1,városok!$A$2:$C$346,2,0))^2+(VLOOKUP($A104,városok!$A$2:$C$346,3,0)-VLOOKUP(AZ$1,városok!$A$2:$C$346,3,0))^2)/1000,0)</f>
        <v>91</v>
      </c>
      <c r="BA104">
        <f ca="1">ROUND(SQRT((VLOOKUP($A104,városok!$A$2:$C$346,2,0)-VLOOKUP(BA$1,városok!$A$2:$C$346,2,0))^2+(VLOOKUP($A104,városok!$A$2:$C$346,3,0)-VLOOKUP(BA$1,városok!$A$2:$C$346,3,0))^2)/1000,0)</f>
        <v>96</v>
      </c>
      <c r="BB104">
        <f ca="1">ROUND(SQRT((VLOOKUP($A104,városok!$A$2:$C$346,2,0)-VLOOKUP(BB$1,városok!$A$2:$C$346,2,0))^2+(VLOOKUP($A104,városok!$A$2:$C$346,3,0)-VLOOKUP(BB$1,városok!$A$2:$C$346,3,0))^2)/1000,0)</f>
        <v>90</v>
      </c>
      <c r="BC104">
        <f ca="1">ROUND(SQRT((VLOOKUP($A104,városok!$A$2:$C$346,2,0)-VLOOKUP(BC$1,városok!$A$2:$C$346,2,0))^2+(VLOOKUP($A104,városok!$A$2:$C$346,3,0)-VLOOKUP(BC$1,városok!$A$2:$C$346,3,0))^2)/1000,0)</f>
        <v>110</v>
      </c>
      <c r="BD104">
        <f ca="1">ROUND(SQRT((VLOOKUP($A104,városok!$A$2:$C$346,2,0)-VLOOKUP(BD$1,városok!$A$2:$C$346,2,0))^2+(VLOOKUP($A104,városok!$A$2:$C$346,3,0)-VLOOKUP(BD$1,városok!$A$2:$C$346,3,0))^2)/1000,0)</f>
        <v>66</v>
      </c>
      <c r="BE104">
        <f ca="1">ROUND(SQRT((VLOOKUP($A104,városok!$A$2:$C$346,2,0)-VLOOKUP(BE$1,városok!$A$2:$C$346,2,0))^2+(VLOOKUP($A104,városok!$A$2:$C$346,3,0)-VLOOKUP(BE$1,városok!$A$2:$C$346,3,0))^2)/1000,0)</f>
        <v>298</v>
      </c>
      <c r="BF104">
        <f ca="1">ROUND(SQRT((VLOOKUP($A104,városok!$A$2:$C$346,2,0)-VLOOKUP(BF$1,városok!$A$2:$C$346,2,0))^2+(VLOOKUP($A104,városok!$A$2:$C$346,3,0)-VLOOKUP(BF$1,városok!$A$2:$C$346,3,0))^2)/1000,0)</f>
        <v>274</v>
      </c>
      <c r="BG104">
        <f ca="1">ROUND(SQRT((VLOOKUP($A104,városok!$A$2:$C$346,2,0)-VLOOKUP(BG$1,városok!$A$2:$C$346,2,0))^2+(VLOOKUP($A104,városok!$A$2:$C$346,3,0)-VLOOKUP(BG$1,városok!$A$2:$C$346,3,0))^2)/1000,0)</f>
        <v>230</v>
      </c>
      <c r="BH104">
        <f ca="1">ROUND(SQRT((VLOOKUP($A104,városok!$A$2:$C$346,2,0)-VLOOKUP(BH$1,városok!$A$2:$C$346,2,0))^2+(VLOOKUP($A104,városok!$A$2:$C$346,3,0)-VLOOKUP(BH$1,városok!$A$2:$C$346,3,0))^2)/1000,0)</f>
        <v>230</v>
      </c>
      <c r="BI104">
        <f ca="1">ROUND(SQRT((VLOOKUP($A104,városok!$A$2:$C$346,2,0)-VLOOKUP(BI$1,városok!$A$2:$C$346,2,0))^2+(VLOOKUP($A104,városok!$A$2:$C$346,3,0)-VLOOKUP(BI$1,városok!$A$2:$C$346,3,0))^2)/1000,0)</f>
        <v>68</v>
      </c>
      <c r="BJ104">
        <f ca="1">ROUND(SQRT((VLOOKUP($A104,városok!$A$2:$C$346,2,0)-VLOOKUP(BJ$1,városok!$A$2:$C$346,2,0))^2+(VLOOKUP($A104,városok!$A$2:$C$346,3,0)-VLOOKUP(BJ$1,városok!$A$2:$C$346,3,0))^2)/1000,0)</f>
        <v>84</v>
      </c>
      <c r="BK104">
        <f ca="1">ROUND(SQRT((VLOOKUP($A104,városok!$A$2:$C$346,2,0)-VLOOKUP(BK$1,városok!$A$2:$C$346,2,0))^2+(VLOOKUP($A104,városok!$A$2:$C$346,3,0)-VLOOKUP(BK$1,városok!$A$2:$C$346,3,0))^2)/1000,0)</f>
        <v>71</v>
      </c>
      <c r="BL104">
        <f ca="1">ROUND(SQRT((VLOOKUP($A104,városok!$A$2:$C$346,2,0)-VLOOKUP(BL$1,városok!$A$2:$C$346,2,0))^2+(VLOOKUP($A104,városok!$A$2:$C$346,3,0)-VLOOKUP(BL$1,városok!$A$2:$C$346,3,0))^2)/1000,0)</f>
        <v>177</v>
      </c>
      <c r="BM104">
        <f ca="1">ROUND(SQRT((VLOOKUP($A104,városok!$A$2:$C$346,2,0)-VLOOKUP(BM$1,városok!$A$2:$C$346,2,0))^2+(VLOOKUP($A104,városok!$A$2:$C$346,3,0)-VLOOKUP(BM$1,városok!$A$2:$C$346,3,0))^2)/1000,0)</f>
        <v>155</v>
      </c>
      <c r="BN104">
        <f ca="1">ROUND(SQRT((VLOOKUP($A104,városok!$A$2:$C$346,2,0)-VLOOKUP(BN$1,városok!$A$2:$C$346,2,0))^2+(VLOOKUP($A104,városok!$A$2:$C$346,3,0)-VLOOKUP(BN$1,városok!$A$2:$C$346,3,0))^2)/1000,0)</f>
        <v>178</v>
      </c>
      <c r="BO104">
        <f ca="1">ROUND(SQRT((VLOOKUP($A104,városok!$A$2:$C$346,2,0)-VLOOKUP(BO$1,városok!$A$2:$C$346,2,0))^2+(VLOOKUP($A104,városok!$A$2:$C$346,3,0)-VLOOKUP(BO$1,városok!$A$2:$C$346,3,0))^2)/1000,0)</f>
        <v>70</v>
      </c>
      <c r="BP104">
        <f ca="1">ROUND(SQRT((VLOOKUP($A104,városok!$A$2:$C$346,2,0)-VLOOKUP(BP$1,városok!$A$2:$C$346,2,0))^2+(VLOOKUP($A104,városok!$A$2:$C$346,3,0)-VLOOKUP(BP$1,városok!$A$2:$C$346,3,0))^2)/1000,0)</f>
        <v>63</v>
      </c>
      <c r="BQ104">
        <f ca="1">ROUND(SQRT((VLOOKUP($A104,városok!$A$2:$C$346,2,0)-VLOOKUP(BQ$1,városok!$A$2:$C$346,2,0))^2+(VLOOKUP($A104,városok!$A$2:$C$346,3,0)-VLOOKUP(BQ$1,városok!$A$2:$C$346,3,0))^2)/1000,0)</f>
        <v>79</v>
      </c>
      <c r="BR104">
        <f ca="1">ROUND(SQRT((VLOOKUP($A104,városok!$A$2:$C$346,2,0)-VLOOKUP(BR$1,városok!$A$2:$C$346,2,0))^2+(VLOOKUP($A104,városok!$A$2:$C$346,3,0)-VLOOKUP(BR$1,városok!$A$2:$C$346,3,0))^2)/1000,0)</f>
        <v>130</v>
      </c>
      <c r="BS104">
        <f ca="1">ROUND(SQRT((VLOOKUP($A104,városok!$A$2:$C$346,2,0)-VLOOKUP(BS$1,városok!$A$2:$C$346,2,0))^2+(VLOOKUP($A104,városok!$A$2:$C$346,3,0)-VLOOKUP(BS$1,városok!$A$2:$C$346,3,0))^2)/1000,0)</f>
        <v>159</v>
      </c>
      <c r="BT104">
        <f ca="1">ROUND(SQRT((VLOOKUP($A104,városok!$A$2:$C$346,2,0)-VLOOKUP(BT$1,városok!$A$2:$C$346,2,0))^2+(VLOOKUP($A104,városok!$A$2:$C$346,3,0)-VLOOKUP(BT$1,városok!$A$2:$C$346,3,0))^2)/1000,0)</f>
        <v>160</v>
      </c>
    </row>
    <row r="105" spans="1:72" x14ac:dyDescent="0.2">
      <c r="A105" t="str">
        <f>városok!A105</f>
        <v>Enying</v>
      </c>
      <c r="B105">
        <f ca="1">ROUND(SQRT((VLOOKUP($A105,városok!$A$2:$C$346,2,0)-VLOOKUP(B$1,városok!$A$2:$C$346,2,0))^2+(VLOOKUP($A105,városok!$A$2:$C$346,3,0)-VLOOKUP(B$1,városok!$A$2:$C$346,3,0))^2)/1000,0)</f>
        <v>99</v>
      </c>
      <c r="C105">
        <f ca="1">ROUND(SQRT((VLOOKUP($A105,városok!$A$2:$C$346,2,0)-VLOOKUP(C$1,városok!$A$2:$C$346,2,0))^2+(VLOOKUP($A105,városok!$A$2:$C$346,3,0)-VLOOKUP(C$1,városok!$A$2:$C$346,3,0))^2)/1000,0)</f>
        <v>71</v>
      </c>
      <c r="D105">
        <f ca="1">ROUND(SQRT((VLOOKUP($A105,városok!$A$2:$C$346,2,0)-VLOOKUP(D$1,városok!$A$2:$C$346,2,0))^2+(VLOOKUP($A105,városok!$A$2:$C$346,3,0)-VLOOKUP(D$1,városok!$A$2:$C$346,3,0))^2)/1000,0)</f>
        <v>110</v>
      </c>
      <c r="E105">
        <f ca="1">ROUND(SQRT((VLOOKUP($A105,városok!$A$2:$C$346,2,0)-VLOOKUP(E$1,városok!$A$2:$C$346,2,0))^2+(VLOOKUP($A105,városok!$A$2:$C$346,3,0)-VLOOKUP(E$1,városok!$A$2:$C$346,3,0))^2)/1000,0)</f>
        <v>82</v>
      </c>
      <c r="F105">
        <f ca="1">ROUND(SQRT((VLOOKUP($A105,városok!$A$2:$C$346,2,0)-VLOOKUP(F$1,városok!$A$2:$C$346,2,0))^2+(VLOOKUP($A105,városok!$A$2:$C$346,3,0)-VLOOKUP(F$1,városok!$A$2:$C$346,3,0))^2)/1000,0)</f>
        <v>109</v>
      </c>
      <c r="G105">
        <f ca="1">ROUND(SQRT((VLOOKUP($A105,városok!$A$2:$C$346,2,0)-VLOOKUP(G$1,városok!$A$2:$C$346,2,0))^2+(VLOOKUP($A105,városok!$A$2:$C$346,3,0)-VLOOKUP(G$1,városok!$A$2:$C$346,3,0))^2)/1000,0)</f>
        <v>94</v>
      </c>
      <c r="H105">
        <f ca="1">ROUND(SQRT((VLOOKUP($A105,városok!$A$2:$C$346,2,0)-VLOOKUP(H$1,városok!$A$2:$C$346,2,0))^2+(VLOOKUP($A105,városok!$A$2:$C$346,3,0)-VLOOKUP(H$1,városok!$A$2:$C$346,3,0))^2)/1000,0)</f>
        <v>103</v>
      </c>
      <c r="I105">
        <f ca="1">ROUND(SQRT((VLOOKUP($A105,városok!$A$2:$C$346,2,0)-VLOOKUP(I$1,városok!$A$2:$C$346,2,0))^2+(VLOOKUP($A105,városok!$A$2:$C$346,3,0)-VLOOKUP(I$1,városok!$A$2:$C$346,3,0))^2)/1000,0)</f>
        <v>218</v>
      </c>
      <c r="J105">
        <f ca="1">ROUND(SQRT((VLOOKUP($A105,városok!$A$2:$C$346,2,0)-VLOOKUP(J$1,városok!$A$2:$C$346,2,0))^2+(VLOOKUP($A105,városok!$A$2:$C$346,3,0)-VLOOKUP(J$1,városok!$A$2:$C$346,3,0))^2)/1000,0)</f>
        <v>233</v>
      </c>
      <c r="K105">
        <f ca="1">ROUND(SQRT((VLOOKUP($A105,városok!$A$2:$C$346,2,0)-VLOOKUP(K$1,városok!$A$2:$C$346,2,0))^2+(VLOOKUP($A105,városok!$A$2:$C$346,3,0)-VLOOKUP(K$1,városok!$A$2:$C$346,3,0))^2)/1000,0)</f>
        <v>189</v>
      </c>
      <c r="L105">
        <f ca="1">ROUND(SQRT((VLOOKUP($A105,városok!$A$2:$C$346,2,0)-VLOOKUP(L$1,városok!$A$2:$C$346,2,0))^2+(VLOOKUP($A105,városok!$A$2:$C$346,3,0)-VLOOKUP(L$1,városok!$A$2:$C$346,3,0))^2)/1000,0)</f>
        <v>233</v>
      </c>
      <c r="M105">
        <f ca="1">ROUND(SQRT((VLOOKUP($A105,városok!$A$2:$C$346,2,0)-VLOOKUP(M$1,városok!$A$2:$C$346,2,0))^2+(VLOOKUP($A105,városok!$A$2:$C$346,3,0)-VLOOKUP(M$1,városok!$A$2:$C$346,3,0))^2)/1000,0)</f>
        <v>232</v>
      </c>
      <c r="N105">
        <f ca="1">ROUND(SQRT((VLOOKUP($A105,városok!$A$2:$C$346,2,0)-VLOOKUP(N$1,városok!$A$2:$C$346,2,0))^2+(VLOOKUP($A105,városok!$A$2:$C$346,3,0)-VLOOKUP(N$1,városok!$A$2:$C$346,3,0))^2)/1000,0)</f>
        <v>211</v>
      </c>
      <c r="O105">
        <f ca="1">ROUND(SQRT((VLOOKUP($A105,városok!$A$2:$C$346,2,0)-VLOOKUP(O$1,városok!$A$2:$C$346,2,0))^2+(VLOOKUP($A105,városok!$A$2:$C$346,3,0)-VLOOKUP(O$1,városok!$A$2:$C$346,3,0))^2)/1000,0)</f>
        <v>303</v>
      </c>
      <c r="P105">
        <f ca="1">ROUND(SQRT((VLOOKUP($A105,városok!$A$2:$C$346,2,0)-VLOOKUP(P$1,városok!$A$2:$C$346,2,0))^2+(VLOOKUP($A105,városok!$A$2:$C$346,3,0)-VLOOKUP(P$1,városok!$A$2:$C$346,3,0))^2)/1000,0)</f>
        <v>304</v>
      </c>
      <c r="Q105">
        <f ca="1">ROUND(SQRT((VLOOKUP($A105,városok!$A$2:$C$346,2,0)-VLOOKUP(Q$1,városok!$A$2:$C$346,2,0))^2+(VLOOKUP($A105,városok!$A$2:$C$346,3,0)-VLOOKUP(Q$1,városok!$A$2:$C$346,3,0))^2)/1000,0)</f>
        <v>168</v>
      </c>
      <c r="R105">
        <f ca="1">ROUND(SQRT((VLOOKUP($A105,városok!$A$2:$C$346,2,0)-VLOOKUP(R$1,városok!$A$2:$C$346,2,0))^2+(VLOOKUP($A105,városok!$A$2:$C$346,3,0)-VLOOKUP(R$1,városok!$A$2:$C$346,3,0))^2)/1000,0)</f>
        <v>188</v>
      </c>
      <c r="S105">
        <f ca="1">ROUND(SQRT((VLOOKUP($A105,városok!$A$2:$C$346,2,0)-VLOOKUP(S$1,városok!$A$2:$C$346,2,0))^2+(VLOOKUP($A105,városok!$A$2:$C$346,3,0)-VLOOKUP(S$1,városok!$A$2:$C$346,3,0))^2)/1000,0)</f>
        <v>165</v>
      </c>
      <c r="T105">
        <f ca="1">ROUND(SQRT((VLOOKUP($A105,városok!$A$2:$C$346,2,0)-VLOOKUP(T$1,városok!$A$2:$C$346,2,0))^2+(VLOOKUP($A105,városok!$A$2:$C$346,3,0)-VLOOKUP(T$1,városok!$A$2:$C$346,3,0))^2)/1000,0)</f>
        <v>69</v>
      </c>
      <c r="U105">
        <f ca="1">ROUND(SQRT((VLOOKUP($A105,városok!$A$2:$C$346,2,0)-VLOOKUP(U$1,városok!$A$2:$C$346,2,0))^2+(VLOOKUP($A105,városok!$A$2:$C$346,3,0)-VLOOKUP(U$1,városok!$A$2:$C$346,3,0))^2)/1000,0)</f>
        <v>52</v>
      </c>
      <c r="V105">
        <f ca="1">ROUND(SQRT((VLOOKUP($A105,városok!$A$2:$C$346,2,0)-VLOOKUP(V$1,városok!$A$2:$C$346,2,0))^2+(VLOOKUP($A105,városok!$A$2:$C$346,3,0)-VLOOKUP(V$1,városok!$A$2:$C$346,3,0))^2)/1000,0)</f>
        <v>16</v>
      </c>
      <c r="W105">
        <f ca="1">ROUND(SQRT((VLOOKUP($A105,városok!$A$2:$C$346,2,0)-VLOOKUP(W$1,városok!$A$2:$C$346,2,0))^2+(VLOOKUP($A105,városok!$A$2:$C$346,3,0)-VLOOKUP(W$1,városok!$A$2:$C$346,3,0))^2)/1000,0)</f>
        <v>29</v>
      </c>
      <c r="X105">
        <f ca="1">ROUND(SQRT((VLOOKUP($A105,városok!$A$2:$C$346,2,0)-VLOOKUP(X$1,városok!$A$2:$C$346,2,0))^2+(VLOOKUP($A105,városok!$A$2:$C$346,3,0)-VLOOKUP(X$1,városok!$A$2:$C$346,3,0))^2)/1000,0)</f>
        <v>41</v>
      </c>
      <c r="Y105">
        <f ca="1">ROUND(SQRT((VLOOKUP($A105,városok!$A$2:$C$346,2,0)-VLOOKUP(Y$1,városok!$A$2:$C$346,2,0))^2+(VLOOKUP($A105,városok!$A$2:$C$346,3,0)-VLOOKUP(Y$1,városok!$A$2:$C$346,3,0))^2)/1000,0)</f>
        <v>97</v>
      </c>
      <c r="Z105">
        <f ca="1">ROUND(SQRT((VLOOKUP($A105,városok!$A$2:$C$346,2,0)-VLOOKUP(Z$1,városok!$A$2:$C$346,2,0))^2+(VLOOKUP($A105,városok!$A$2:$C$346,3,0)-VLOOKUP(Z$1,városok!$A$2:$C$346,3,0))^2)/1000,0)</f>
        <v>111</v>
      </c>
      <c r="AA105">
        <f ca="1">ROUND(SQRT((VLOOKUP($A105,városok!$A$2:$C$346,2,0)-VLOOKUP(AA$1,városok!$A$2:$C$346,2,0))^2+(VLOOKUP($A105,városok!$A$2:$C$346,3,0)-VLOOKUP(AA$1,városok!$A$2:$C$346,3,0))^2)/1000,0)</f>
        <v>152</v>
      </c>
      <c r="AB105">
        <f ca="1">ROUND(SQRT((VLOOKUP($A105,városok!$A$2:$C$346,2,0)-VLOOKUP(AB$1,városok!$A$2:$C$346,2,0))^2+(VLOOKUP($A105,városok!$A$2:$C$346,3,0)-VLOOKUP(AB$1,városok!$A$2:$C$346,3,0))^2)/1000,0)</f>
        <v>265</v>
      </c>
      <c r="AC105">
        <f ca="1">ROUND(SQRT((VLOOKUP($A105,városok!$A$2:$C$346,2,0)-VLOOKUP(AC$1,városok!$A$2:$C$346,2,0))^2+(VLOOKUP($A105,városok!$A$2:$C$346,3,0)-VLOOKUP(AC$1,városok!$A$2:$C$346,3,0))^2)/1000,0)</f>
        <v>245</v>
      </c>
      <c r="AD105">
        <f ca="1">ROUND(SQRT((VLOOKUP($A105,városok!$A$2:$C$346,2,0)-VLOOKUP(AD$1,városok!$A$2:$C$346,2,0))^2+(VLOOKUP($A105,városok!$A$2:$C$346,3,0)-VLOOKUP(AD$1,városok!$A$2:$C$346,3,0))^2)/1000,0)</f>
        <v>228</v>
      </c>
      <c r="AE105">
        <f ca="1">ROUND(SQRT((VLOOKUP($A105,városok!$A$2:$C$346,2,0)-VLOOKUP(AE$1,városok!$A$2:$C$346,2,0))^2+(VLOOKUP($A105,városok!$A$2:$C$346,3,0)-VLOOKUP(AE$1,városok!$A$2:$C$346,3,0))^2)/1000,0)</f>
        <v>225</v>
      </c>
      <c r="AF105">
        <f ca="1">ROUND(SQRT((VLOOKUP($A105,városok!$A$2:$C$346,2,0)-VLOOKUP(AF$1,városok!$A$2:$C$346,2,0))^2+(VLOOKUP($A105,városok!$A$2:$C$346,3,0)-VLOOKUP(AF$1,városok!$A$2:$C$346,3,0))^2)/1000,0)</f>
        <v>194</v>
      </c>
      <c r="AG105">
        <f ca="1">ROUND(SQRT((VLOOKUP($A105,városok!$A$2:$C$346,2,0)-VLOOKUP(AG$1,városok!$A$2:$C$346,2,0))^2+(VLOOKUP($A105,városok!$A$2:$C$346,3,0)-VLOOKUP(AG$1,városok!$A$2:$C$346,3,0))^2)/1000,0)</f>
        <v>159</v>
      </c>
      <c r="AH105">
        <f ca="1">ROUND(SQRT((VLOOKUP($A105,városok!$A$2:$C$346,2,0)-VLOOKUP(AH$1,városok!$A$2:$C$346,2,0))^2+(VLOOKUP($A105,városok!$A$2:$C$346,3,0)-VLOOKUP(AH$1,városok!$A$2:$C$346,3,0))^2)/1000,0)</f>
        <v>136</v>
      </c>
      <c r="AI105">
        <f ca="1">ROUND(SQRT((VLOOKUP($A105,városok!$A$2:$C$346,2,0)-VLOOKUP(AI$1,városok!$A$2:$C$346,2,0))^2+(VLOOKUP($A105,városok!$A$2:$C$346,3,0)-VLOOKUP(AI$1,városok!$A$2:$C$346,3,0))^2)/1000,0)</f>
        <v>185</v>
      </c>
      <c r="AJ105">
        <f ca="1">ROUND(SQRT((VLOOKUP($A105,városok!$A$2:$C$346,2,0)-VLOOKUP(AJ$1,városok!$A$2:$C$346,2,0))^2+(VLOOKUP($A105,városok!$A$2:$C$346,3,0)-VLOOKUP(AJ$1,városok!$A$2:$C$346,3,0))^2)/1000,0)</f>
        <v>153</v>
      </c>
      <c r="AK105">
        <f ca="1">ROUND(SQRT((VLOOKUP($A105,városok!$A$2:$C$346,2,0)-VLOOKUP(AK$1,városok!$A$2:$C$346,2,0))^2+(VLOOKUP($A105,városok!$A$2:$C$346,3,0)-VLOOKUP(AK$1,városok!$A$2:$C$346,3,0))^2)/1000,0)</f>
        <v>211</v>
      </c>
      <c r="AL105">
        <f ca="1">ROUND(SQRT((VLOOKUP($A105,városok!$A$2:$C$346,2,0)-VLOOKUP(AL$1,városok!$A$2:$C$346,2,0))^2+(VLOOKUP($A105,városok!$A$2:$C$346,3,0)-VLOOKUP(AL$1,városok!$A$2:$C$346,3,0))^2)/1000,0)</f>
        <v>187</v>
      </c>
      <c r="AM105">
        <f ca="1">ROUND(SQRT((VLOOKUP($A105,városok!$A$2:$C$346,2,0)-VLOOKUP(AM$1,városok!$A$2:$C$346,2,0))^2+(VLOOKUP($A105,városok!$A$2:$C$346,3,0)-VLOOKUP(AM$1,városok!$A$2:$C$346,3,0))^2)/1000,0)</f>
        <v>150</v>
      </c>
      <c r="AN105">
        <f ca="1">ROUND(SQRT((VLOOKUP($A105,városok!$A$2:$C$346,2,0)-VLOOKUP(AN$1,városok!$A$2:$C$346,2,0))^2+(VLOOKUP($A105,városok!$A$2:$C$346,3,0)-VLOOKUP(AN$1,városok!$A$2:$C$346,3,0))^2)/1000,0)</f>
        <v>103</v>
      </c>
      <c r="AO105">
        <f ca="1">ROUND(SQRT((VLOOKUP($A105,városok!$A$2:$C$346,2,0)-VLOOKUP(AO$1,városok!$A$2:$C$346,2,0))^2+(VLOOKUP($A105,városok!$A$2:$C$346,3,0)-VLOOKUP(AO$1,városok!$A$2:$C$346,3,0))^2)/1000,0)</f>
        <v>91</v>
      </c>
      <c r="AP105">
        <f ca="1">ROUND(SQRT((VLOOKUP($A105,városok!$A$2:$C$346,2,0)-VLOOKUP(AP$1,városok!$A$2:$C$346,2,0))^2+(VLOOKUP($A105,városok!$A$2:$C$346,3,0)-VLOOKUP(AP$1,városok!$A$2:$C$346,3,0))^2)/1000,0)</f>
        <v>80</v>
      </c>
      <c r="AQ105">
        <f ca="1">ROUND(SQRT((VLOOKUP($A105,városok!$A$2:$C$346,2,0)-VLOOKUP(AQ$1,városok!$A$2:$C$346,2,0))^2+(VLOOKUP($A105,városok!$A$2:$C$346,3,0)-VLOOKUP(AQ$1,városok!$A$2:$C$346,3,0))^2)/1000,0)</f>
        <v>73</v>
      </c>
      <c r="AR105">
        <f ca="1">ROUND(SQRT((VLOOKUP($A105,városok!$A$2:$C$346,2,0)-VLOOKUP(AR$1,városok!$A$2:$C$346,2,0))^2+(VLOOKUP($A105,városok!$A$2:$C$346,3,0)-VLOOKUP(AR$1,városok!$A$2:$C$346,3,0))^2)/1000,0)</f>
        <v>156</v>
      </c>
      <c r="AS105">
        <f ca="1">ROUND(SQRT((VLOOKUP($A105,városok!$A$2:$C$346,2,0)-VLOOKUP(AS$1,városok!$A$2:$C$346,2,0))^2+(VLOOKUP($A105,városok!$A$2:$C$346,3,0)-VLOOKUP(AS$1,városok!$A$2:$C$346,3,0))^2)/1000,0)</f>
        <v>177</v>
      </c>
      <c r="AT105">
        <f ca="1">ROUND(SQRT((VLOOKUP($A105,városok!$A$2:$C$346,2,0)-VLOOKUP(AT$1,városok!$A$2:$C$346,2,0))^2+(VLOOKUP($A105,városok!$A$2:$C$346,3,0)-VLOOKUP(AT$1,városok!$A$2:$C$346,3,0))^2)/1000,0)</f>
        <v>75</v>
      </c>
      <c r="AU105">
        <f ca="1">ROUND(SQRT((VLOOKUP($A105,városok!$A$2:$C$346,2,0)-VLOOKUP(AU$1,városok!$A$2:$C$346,2,0))^2+(VLOOKUP($A105,városok!$A$2:$C$346,3,0)-VLOOKUP(AU$1,városok!$A$2:$C$346,3,0))^2)/1000,0)</f>
        <v>80</v>
      </c>
      <c r="AV105">
        <f ca="1">ROUND(SQRT((VLOOKUP($A105,városok!$A$2:$C$346,2,0)-VLOOKUP(AV$1,városok!$A$2:$C$346,2,0))^2+(VLOOKUP($A105,városok!$A$2:$C$346,3,0)-VLOOKUP(AV$1,városok!$A$2:$C$346,3,0))^2)/1000,0)</f>
        <v>76</v>
      </c>
      <c r="AW105">
        <f ca="1">ROUND(SQRT((VLOOKUP($A105,városok!$A$2:$C$346,2,0)-VLOOKUP(AW$1,városok!$A$2:$C$346,2,0))^2+(VLOOKUP($A105,városok!$A$2:$C$346,3,0)-VLOOKUP(AW$1,városok!$A$2:$C$346,3,0))^2)/1000,0)</f>
        <v>73</v>
      </c>
      <c r="AX105">
        <f ca="1">ROUND(SQRT((VLOOKUP($A105,városok!$A$2:$C$346,2,0)-VLOOKUP(AX$1,városok!$A$2:$C$346,2,0))^2+(VLOOKUP($A105,városok!$A$2:$C$346,3,0)-VLOOKUP(AX$1,városok!$A$2:$C$346,3,0))^2)/1000,0)</f>
        <v>117</v>
      </c>
      <c r="AY105">
        <f ca="1">ROUND(SQRT((VLOOKUP($A105,városok!$A$2:$C$346,2,0)-VLOOKUP(AY$1,városok!$A$2:$C$346,2,0))^2+(VLOOKUP($A105,városok!$A$2:$C$346,3,0)-VLOOKUP(AY$1,városok!$A$2:$C$346,3,0))^2)/1000,0)</f>
        <v>104</v>
      </c>
      <c r="AZ105">
        <f ca="1">ROUND(SQRT((VLOOKUP($A105,városok!$A$2:$C$346,2,0)-VLOOKUP(AZ$1,városok!$A$2:$C$346,2,0))^2+(VLOOKUP($A105,városok!$A$2:$C$346,3,0)-VLOOKUP(AZ$1,városok!$A$2:$C$346,3,0))^2)/1000,0)</f>
        <v>110</v>
      </c>
      <c r="BA105">
        <f ca="1">ROUND(SQRT((VLOOKUP($A105,városok!$A$2:$C$346,2,0)-VLOOKUP(BA$1,városok!$A$2:$C$346,2,0))^2+(VLOOKUP($A105,városok!$A$2:$C$346,3,0)-VLOOKUP(BA$1,városok!$A$2:$C$346,3,0))^2)/1000,0)</f>
        <v>45</v>
      </c>
      <c r="BB105">
        <f ca="1">ROUND(SQRT((VLOOKUP($A105,városok!$A$2:$C$346,2,0)-VLOOKUP(BB$1,városok!$A$2:$C$346,2,0))^2+(VLOOKUP($A105,városok!$A$2:$C$346,3,0)-VLOOKUP(BB$1,városok!$A$2:$C$346,3,0))^2)/1000,0)</f>
        <v>49</v>
      </c>
      <c r="BC105">
        <f ca="1">ROUND(SQRT((VLOOKUP($A105,városok!$A$2:$C$346,2,0)-VLOOKUP(BC$1,városok!$A$2:$C$346,2,0))^2+(VLOOKUP($A105,városok!$A$2:$C$346,3,0)-VLOOKUP(BC$1,városok!$A$2:$C$346,3,0))^2)/1000,0)</f>
        <v>72</v>
      </c>
      <c r="BD105">
        <f ca="1">ROUND(SQRT((VLOOKUP($A105,városok!$A$2:$C$346,2,0)-VLOOKUP(BD$1,városok!$A$2:$C$346,2,0))^2+(VLOOKUP($A105,városok!$A$2:$C$346,3,0)-VLOOKUP(BD$1,városok!$A$2:$C$346,3,0))^2)/1000,0)</f>
        <v>14</v>
      </c>
      <c r="BE105">
        <f ca="1">ROUND(SQRT((VLOOKUP($A105,városok!$A$2:$C$346,2,0)-VLOOKUP(BE$1,városok!$A$2:$C$346,2,0))^2+(VLOOKUP($A105,városok!$A$2:$C$346,3,0)-VLOOKUP(BE$1,városok!$A$2:$C$346,3,0))^2)/1000,0)</f>
        <v>349</v>
      </c>
      <c r="BF105">
        <f ca="1">ROUND(SQRT((VLOOKUP($A105,városok!$A$2:$C$346,2,0)-VLOOKUP(BF$1,városok!$A$2:$C$346,2,0))^2+(VLOOKUP($A105,városok!$A$2:$C$346,3,0)-VLOOKUP(BF$1,városok!$A$2:$C$346,3,0))^2)/1000,0)</f>
        <v>322</v>
      </c>
      <c r="BG105">
        <f ca="1">ROUND(SQRT((VLOOKUP($A105,városok!$A$2:$C$346,2,0)-VLOOKUP(BG$1,városok!$A$2:$C$346,2,0))^2+(VLOOKUP($A105,városok!$A$2:$C$346,3,0)-VLOOKUP(BG$1,városok!$A$2:$C$346,3,0))^2)/1000,0)</f>
        <v>277</v>
      </c>
      <c r="BH105">
        <f ca="1">ROUND(SQRT((VLOOKUP($A105,városok!$A$2:$C$346,2,0)-VLOOKUP(BH$1,városok!$A$2:$C$346,2,0))^2+(VLOOKUP($A105,városok!$A$2:$C$346,3,0)-VLOOKUP(BH$1,városok!$A$2:$C$346,3,0))^2)/1000,0)</f>
        <v>276</v>
      </c>
      <c r="BI105">
        <f ca="1">ROUND(SQRT((VLOOKUP($A105,városok!$A$2:$C$346,2,0)-VLOOKUP(BI$1,városok!$A$2:$C$346,2,0))^2+(VLOOKUP($A105,városok!$A$2:$C$346,3,0)-VLOOKUP(BI$1,városok!$A$2:$C$346,3,0))^2)/1000,0)</f>
        <v>65</v>
      </c>
      <c r="BJ105">
        <f ca="1">ROUND(SQRT((VLOOKUP($A105,városok!$A$2:$C$346,2,0)-VLOOKUP(BJ$1,városok!$A$2:$C$346,2,0))^2+(VLOOKUP($A105,városok!$A$2:$C$346,3,0)-VLOOKUP(BJ$1,városok!$A$2:$C$346,3,0))^2)/1000,0)</f>
        <v>73</v>
      </c>
      <c r="BK105">
        <f ca="1">ROUND(SQRT((VLOOKUP($A105,városok!$A$2:$C$346,2,0)-VLOOKUP(BK$1,városok!$A$2:$C$346,2,0))^2+(VLOOKUP($A105,városok!$A$2:$C$346,3,0)-VLOOKUP(BK$1,városok!$A$2:$C$346,3,0))^2)/1000,0)</f>
        <v>73</v>
      </c>
      <c r="BL105">
        <f ca="1">ROUND(SQRT((VLOOKUP($A105,városok!$A$2:$C$346,2,0)-VLOOKUP(BL$1,városok!$A$2:$C$346,2,0))^2+(VLOOKUP($A105,városok!$A$2:$C$346,3,0)-VLOOKUP(BL$1,városok!$A$2:$C$346,3,0))^2)/1000,0)</f>
        <v>126</v>
      </c>
      <c r="BM105">
        <f ca="1">ROUND(SQRT((VLOOKUP($A105,városok!$A$2:$C$346,2,0)-VLOOKUP(BM$1,városok!$A$2:$C$346,2,0))^2+(VLOOKUP($A105,városok!$A$2:$C$346,3,0)-VLOOKUP(BM$1,városok!$A$2:$C$346,3,0))^2)/1000,0)</f>
        <v>106</v>
      </c>
      <c r="BN105">
        <f ca="1">ROUND(SQRT((VLOOKUP($A105,városok!$A$2:$C$346,2,0)-VLOOKUP(BN$1,városok!$A$2:$C$346,2,0))^2+(VLOOKUP($A105,városok!$A$2:$C$346,3,0)-VLOOKUP(BN$1,városok!$A$2:$C$346,3,0))^2)/1000,0)</f>
        <v>128</v>
      </c>
      <c r="BO105">
        <f ca="1">ROUND(SQRT((VLOOKUP($A105,városok!$A$2:$C$346,2,0)-VLOOKUP(BO$1,városok!$A$2:$C$346,2,0))^2+(VLOOKUP($A105,városok!$A$2:$C$346,3,0)-VLOOKUP(BO$1,városok!$A$2:$C$346,3,0))^2)/1000,0)</f>
        <v>22</v>
      </c>
      <c r="BP105">
        <f ca="1">ROUND(SQRT((VLOOKUP($A105,városok!$A$2:$C$346,2,0)-VLOOKUP(BP$1,városok!$A$2:$C$346,2,0))^2+(VLOOKUP($A105,városok!$A$2:$C$346,3,0)-VLOOKUP(BP$1,városok!$A$2:$C$346,3,0))^2)/1000,0)</f>
        <v>16</v>
      </c>
      <c r="BQ105">
        <f ca="1">ROUND(SQRT((VLOOKUP($A105,városok!$A$2:$C$346,2,0)-VLOOKUP(BQ$1,városok!$A$2:$C$346,2,0))^2+(VLOOKUP($A105,városok!$A$2:$C$346,3,0)-VLOOKUP(BQ$1,városok!$A$2:$C$346,3,0))^2)/1000,0)</f>
        <v>32</v>
      </c>
      <c r="BR105">
        <f ca="1">ROUND(SQRT((VLOOKUP($A105,városok!$A$2:$C$346,2,0)-VLOOKUP(BR$1,városok!$A$2:$C$346,2,0))^2+(VLOOKUP($A105,városok!$A$2:$C$346,3,0)-VLOOKUP(BR$1,városok!$A$2:$C$346,3,0))^2)/1000,0)</f>
        <v>78</v>
      </c>
      <c r="BS105">
        <f ca="1">ROUND(SQRT((VLOOKUP($A105,városok!$A$2:$C$346,2,0)-VLOOKUP(BS$1,városok!$A$2:$C$346,2,0))^2+(VLOOKUP($A105,városok!$A$2:$C$346,3,0)-VLOOKUP(BS$1,városok!$A$2:$C$346,3,0))^2)/1000,0)</f>
        <v>110</v>
      </c>
      <c r="BT105">
        <f ca="1">ROUND(SQRT((VLOOKUP($A105,városok!$A$2:$C$346,2,0)-VLOOKUP(BT$1,városok!$A$2:$C$346,2,0))^2+(VLOOKUP($A105,városok!$A$2:$C$346,3,0)-VLOOKUP(BT$1,városok!$A$2:$C$346,3,0))^2)/1000,0)</f>
        <v>108</v>
      </c>
    </row>
    <row r="106" spans="1:72" x14ac:dyDescent="0.2">
      <c r="A106" t="str">
        <f>városok!A106</f>
        <v>Ercsi</v>
      </c>
      <c r="B106">
        <f ca="1">ROUND(SQRT((VLOOKUP($A106,városok!$A$2:$C$346,2,0)-VLOOKUP(B$1,városok!$A$2:$C$346,2,0))^2+(VLOOKUP($A106,városok!$A$2:$C$346,3,0)-VLOOKUP(B$1,városok!$A$2:$C$346,3,0))^2)/1000,0)</f>
        <v>118</v>
      </c>
      <c r="C106">
        <f ca="1">ROUND(SQRT((VLOOKUP($A106,városok!$A$2:$C$346,2,0)-VLOOKUP(C$1,városok!$A$2:$C$346,2,0))^2+(VLOOKUP($A106,városok!$A$2:$C$346,3,0)-VLOOKUP(C$1,városok!$A$2:$C$346,3,0))^2)/1000,0)</f>
        <v>80</v>
      </c>
      <c r="D106">
        <f ca="1">ROUND(SQRT((VLOOKUP($A106,városok!$A$2:$C$346,2,0)-VLOOKUP(D$1,városok!$A$2:$C$346,2,0))^2+(VLOOKUP($A106,városok!$A$2:$C$346,3,0)-VLOOKUP(D$1,városok!$A$2:$C$346,3,0))^2)/1000,0)</f>
        <v>71</v>
      </c>
      <c r="E106">
        <f ca="1">ROUND(SQRT((VLOOKUP($A106,városok!$A$2:$C$346,2,0)-VLOOKUP(E$1,városok!$A$2:$C$346,2,0))^2+(VLOOKUP($A106,városok!$A$2:$C$346,3,0)-VLOOKUP(E$1,városok!$A$2:$C$346,3,0))^2)/1000,0)</f>
        <v>127</v>
      </c>
      <c r="F106">
        <f ca="1">ROUND(SQRT((VLOOKUP($A106,városok!$A$2:$C$346,2,0)-VLOOKUP(F$1,városok!$A$2:$C$346,2,0))^2+(VLOOKUP($A106,városok!$A$2:$C$346,3,0)-VLOOKUP(F$1,városok!$A$2:$C$346,3,0))^2)/1000,0)</f>
        <v>141</v>
      </c>
      <c r="G106">
        <f ca="1">ROUND(SQRT((VLOOKUP($A106,városok!$A$2:$C$346,2,0)-VLOOKUP(G$1,városok!$A$2:$C$346,2,0))^2+(VLOOKUP($A106,városok!$A$2:$C$346,3,0)-VLOOKUP(G$1,városok!$A$2:$C$346,3,0))^2)/1000,0)</f>
        <v>139</v>
      </c>
      <c r="H106">
        <f ca="1">ROUND(SQRT((VLOOKUP($A106,városok!$A$2:$C$346,2,0)-VLOOKUP(H$1,városok!$A$2:$C$346,2,0))^2+(VLOOKUP($A106,városok!$A$2:$C$346,3,0)-VLOOKUP(H$1,városok!$A$2:$C$346,3,0))^2)/1000,0)</f>
        <v>158</v>
      </c>
      <c r="I106">
        <f ca="1">ROUND(SQRT((VLOOKUP($A106,városok!$A$2:$C$346,2,0)-VLOOKUP(I$1,városok!$A$2:$C$346,2,0))^2+(VLOOKUP($A106,városok!$A$2:$C$346,3,0)-VLOOKUP(I$1,városok!$A$2:$C$346,3,0))^2)/1000,0)</f>
        <v>178</v>
      </c>
      <c r="J106">
        <f ca="1">ROUND(SQRT((VLOOKUP($A106,városok!$A$2:$C$346,2,0)-VLOOKUP(J$1,városok!$A$2:$C$346,2,0))^2+(VLOOKUP($A106,városok!$A$2:$C$346,3,0)-VLOOKUP(J$1,városok!$A$2:$C$346,3,0))^2)/1000,0)</f>
        <v>193</v>
      </c>
      <c r="K106">
        <f ca="1">ROUND(SQRT((VLOOKUP($A106,városok!$A$2:$C$346,2,0)-VLOOKUP(K$1,városok!$A$2:$C$346,2,0))^2+(VLOOKUP($A106,városok!$A$2:$C$346,3,0)-VLOOKUP(K$1,városok!$A$2:$C$346,3,0))^2)/1000,0)</f>
        <v>155</v>
      </c>
      <c r="L106">
        <f ca="1">ROUND(SQRT((VLOOKUP($A106,városok!$A$2:$C$346,2,0)-VLOOKUP(L$1,városok!$A$2:$C$346,2,0))^2+(VLOOKUP($A106,városok!$A$2:$C$346,3,0)-VLOOKUP(L$1,városok!$A$2:$C$346,3,0))^2)/1000,0)</f>
        <v>172</v>
      </c>
      <c r="M106">
        <f ca="1">ROUND(SQRT((VLOOKUP($A106,városok!$A$2:$C$346,2,0)-VLOOKUP(M$1,városok!$A$2:$C$346,2,0))^2+(VLOOKUP($A106,városok!$A$2:$C$346,3,0)-VLOOKUP(M$1,városok!$A$2:$C$346,3,0))^2)/1000,0)</f>
        <v>171</v>
      </c>
      <c r="N106">
        <f ca="1">ROUND(SQRT((VLOOKUP($A106,városok!$A$2:$C$346,2,0)-VLOOKUP(N$1,városok!$A$2:$C$346,2,0))^2+(VLOOKUP($A106,városok!$A$2:$C$346,3,0)-VLOOKUP(N$1,városok!$A$2:$C$346,3,0))^2)/1000,0)</f>
        <v>151</v>
      </c>
      <c r="O106">
        <f ca="1">ROUND(SQRT((VLOOKUP($A106,városok!$A$2:$C$346,2,0)-VLOOKUP(O$1,városok!$A$2:$C$346,2,0))^2+(VLOOKUP($A106,városok!$A$2:$C$346,3,0)-VLOOKUP(O$1,városok!$A$2:$C$346,3,0))^2)/1000,0)</f>
        <v>243</v>
      </c>
      <c r="P106">
        <f ca="1">ROUND(SQRT((VLOOKUP($A106,városok!$A$2:$C$346,2,0)-VLOOKUP(P$1,városok!$A$2:$C$346,2,0))^2+(VLOOKUP($A106,városok!$A$2:$C$346,3,0)-VLOOKUP(P$1,városok!$A$2:$C$346,3,0))^2)/1000,0)</f>
        <v>243</v>
      </c>
      <c r="Q106">
        <f ca="1">ROUND(SQRT((VLOOKUP($A106,városok!$A$2:$C$346,2,0)-VLOOKUP(Q$1,városok!$A$2:$C$346,2,0))^2+(VLOOKUP($A106,városok!$A$2:$C$346,3,0)-VLOOKUP(Q$1,városok!$A$2:$C$346,3,0))^2)/1000,0)</f>
        <v>143</v>
      </c>
      <c r="R106">
        <f ca="1">ROUND(SQRT((VLOOKUP($A106,városok!$A$2:$C$346,2,0)-VLOOKUP(R$1,városok!$A$2:$C$346,2,0))^2+(VLOOKUP($A106,városok!$A$2:$C$346,3,0)-VLOOKUP(R$1,városok!$A$2:$C$346,3,0))^2)/1000,0)</f>
        <v>167</v>
      </c>
      <c r="S106">
        <f ca="1">ROUND(SQRT((VLOOKUP($A106,városok!$A$2:$C$346,2,0)-VLOOKUP(S$1,városok!$A$2:$C$346,2,0))^2+(VLOOKUP($A106,városok!$A$2:$C$346,3,0)-VLOOKUP(S$1,városok!$A$2:$C$346,3,0))^2)/1000,0)</f>
        <v>147</v>
      </c>
      <c r="T106">
        <f ca="1">ROUND(SQRT((VLOOKUP($A106,városok!$A$2:$C$346,2,0)-VLOOKUP(T$1,városok!$A$2:$C$346,2,0))^2+(VLOOKUP($A106,városok!$A$2:$C$346,3,0)-VLOOKUP(T$1,városok!$A$2:$C$346,3,0))^2)/1000,0)</f>
        <v>33</v>
      </c>
      <c r="U106">
        <f ca="1">ROUND(SQRT((VLOOKUP($A106,városok!$A$2:$C$346,2,0)-VLOOKUP(U$1,városok!$A$2:$C$346,2,0))^2+(VLOOKUP($A106,városok!$A$2:$C$346,3,0)-VLOOKUP(U$1,városok!$A$2:$C$346,3,0))^2)/1000,0)</f>
        <v>32</v>
      </c>
      <c r="V106">
        <f ca="1">ROUND(SQRT((VLOOKUP($A106,városok!$A$2:$C$346,2,0)-VLOOKUP(V$1,városok!$A$2:$C$346,2,0))^2+(VLOOKUP($A106,városok!$A$2:$C$346,3,0)-VLOOKUP(V$1,városok!$A$2:$C$346,3,0))^2)/1000,0)</f>
        <v>50</v>
      </c>
      <c r="W106">
        <f ca="1">ROUND(SQRT((VLOOKUP($A106,városok!$A$2:$C$346,2,0)-VLOOKUP(W$1,városok!$A$2:$C$346,2,0))^2+(VLOOKUP($A106,városok!$A$2:$C$346,3,0)-VLOOKUP(W$1,városok!$A$2:$C$346,3,0))^2)/1000,0)</f>
        <v>45</v>
      </c>
      <c r="X106">
        <f ca="1">ROUND(SQRT((VLOOKUP($A106,városok!$A$2:$C$346,2,0)-VLOOKUP(X$1,városok!$A$2:$C$346,2,0))^2+(VLOOKUP($A106,városok!$A$2:$C$346,3,0)-VLOOKUP(X$1,városok!$A$2:$C$346,3,0))^2)/1000,0)</f>
        <v>43</v>
      </c>
      <c r="Y106">
        <f ca="1">ROUND(SQRT((VLOOKUP($A106,városok!$A$2:$C$346,2,0)-VLOOKUP(Y$1,városok!$A$2:$C$346,2,0))^2+(VLOOKUP($A106,városok!$A$2:$C$346,3,0)-VLOOKUP(Y$1,városok!$A$2:$C$346,3,0))^2)/1000,0)</f>
        <v>107</v>
      </c>
      <c r="Z106">
        <f ca="1">ROUND(SQRT((VLOOKUP($A106,városok!$A$2:$C$346,2,0)-VLOOKUP(Z$1,városok!$A$2:$C$346,2,0))^2+(VLOOKUP($A106,városok!$A$2:$C$346,3,0)-VLOOKUP(Z$1,városok!$A$2:$C$346,3,0))^2)/1000,0)</f>
        <v>126</v>
      </c>
      <c r="AA106">
        <f ca="1">ROUND(SQRT((VLOOKUP($A106,városok!$A$2:$C$346,2,0)-VLOOKUP(AA$1,városok!$A$2:$C$346,2,0))^2+(VLOOKUP($A106,városok!$A$2:$C$346,3,0)-VLOOKUP(AA$1,városok!$A$2:$C$346,3,0))^2)/1000,0)</f>
        <v>181</v>
      </c>
      <c r="AB106">
        <f ca="1">ROUND(SQRT((VLOOKUP($A106,városok!$A$2:$C$346,2,0)-VLOOKUP(AB$1,városok!$A$2:$C$346,2,0))^2+(VLOOKUP($A106,városok!$A$2:$C$346,3,0)-VLOOKUP(AB$1,városok!$A$2:$C$346,3,0))^2)/1000,0)</f>
        <v>209</v>
      </c>
      <c r="AC106">
        <f ca="1">ROUND(SQRT((VLOOKUP($A106,városok!$A$2:$C$346,2,0)-VLOOKUP(AC$1,városok!$A$2:$C$346,2,0))^2+(VLOOKUP($A106,városok!$A$2:$C$346,3,0)-VLOOKUP(AC$1,városok!$A$2:$C$346,3,0))^2)/1000,0)</f>
        <v>190</v>
      </c>
      <c r="AD106">
        <f ca="1">ROUND(SQRT((VLOOKUP($A106,városok!$A$2:$C$346,2,0)-VLOOKUP(AD$1,városok!$A$2:$C$346,2,0))^2+(VLOOKUP($A106,városok!$A$2:$C$346,3,0)-VLOOKUP(AD$1,városok!$A$2:$C$346,3,0))^2)/1000,0)</f>
        <v>172</v>
      </c>
      <c r="AE106">
        <f ca="1">ROUND(SQRT((VLOOKUP($A106,városok!$A$2:$C$346,2,0)-VLOOKUP(AE$1,városok!$A$2:$C$346,2,0))^2+(VLOOKUP($A106,városok!$A$2:$C$346,3,0)-VLOOKUP(AE$1,városok!$A$2:$C$346,3,0))^2)/1000,0)</f>
        <v>172</v>
      </c>
      <c r="AF106">
        <f ca="1">ROUND(SQRT((VLOOKUP($A106,városok!$A$2:$C$346,2,0)-VLOOKUP(AF$1,városok!$A$2:$C$346,2,0))^2+(VLOOKUP($A106,városok!$A$2:$C$346,3,0)-VLOOKUP(AF$1,városok!$A$2:$C$346,3,0))^2)/1000,0)</f>
        <v>133</v>
      </c>
      <c r="AG106">
        <f ca="1">ROUND(SQRT((VLOOKUP($A106,városok!$A$2:$C$346,2,0)-VLOOKUP(AG$1,városok!$A$2:$C$346,2,0))^2+(VLOOKUP($A106,városok!$A$2:$C$346,3,0)-VLOOKUP(AG$1,városok!$A$2:$C$346,3,0))^2)/1000,0)</f>
        <v>98</v>
      </c>
      <c r="AH106">
        <f ca="1">ROUND(SQRT((VLOOKUP($A106,városok!$A$2:$C$346,2,0)-VLOOKUP(AH$1,városok!$A$2:$C$346,2,0))^2+(VLOOKUP($A106,városok!$A$2:$C$346,3,0)-VLOOKUP(AH$1,városok!$A$2:$C$346,3,0))^2)/1000,0)</f>
        <v>75</v>
      </c>
      <c r="AI106">
        <f ca="1">ROUND(SQRT((VLOOKUP($A106,városok!$A$2:$C$346,2,0)-VLOOKUP(AI$1,városok!$A$2:$C$346,2,0))^2+(VLOOKUP($A106,városok!$A$2:$C$346,3,0)-VLOOKUP(AI$1,városok!$A$2:$C$346,3,0))^2)/1000,0)</f>
        <v>125</v>
      </c>
      <c r="AJ106">
        <f ca="1">ROUND(SQRT((VLOOKUP($A106,városok!$A$2:$C$346,2,0)-VLOOKUP(AJ$1,városok!$A$2:$C$346,2,0))^2+(VLOOKUP($A106,városok!$A$2:$C$346,3,0)-VLOOKUP(AJ$1,városok!$A$2:$C$346,3,0))^2)/1000,0)</f>
        <v>93</v>
      </c>
      <c r="AK106">
        <f ca="1">ROUND(SQRT((VLOOKUP($A106,városok!$A$2:$C$346,2,0)-VLOOKUP(AK$1,városok!$A$2:$C$346,2,0))^2+(VLOOKUP($A106,városok!$A$2:$C$346,3,0)-VLOOKUP(AK$1,városok!$A$2:$C$346,3,0))^2)/1000,0)</f>
        <v>157</v>
      </c>
      <c r="AL106">
        <f ca="1">ROUND(SQRT((VLOOKUP($A106,városok!$A$2:$C$346,2,0)-VLOOKUP(AL$1,városok!$A$2:$C$346,2,0))^2+(VLOOKUP($A106,városok!$A$2:$C$346,3,0)-VLOOKUP(AL$1,városok!$A$2:$C$346,3,0))^2)/1000,0)</f>
        <v>132</v>
      </c>
      <c r="AM106">
        <f ca="1">ROUND(SQRT((VLOOKUP($A106,városok!$A$2:$C$346,2,0)-VLOOKUP(AM$1,városok!$A$2:$C$346,2,0))^2+(VLOOKUP($A106,városok!$A$2:$C$346,3,0)-VLOOKUP(AM$1,városok!$A$2:$C$346,3,0))^2)/1000,0)</f>
        <v>98</v>
      </c>
      <c r="AN106">
        <f ca="1">ROUND(SQRT((VLOOKUP($A106,városok!$A$2:$C$346,2,0)-VLOOKUP(AN$1,városok!$A$2:$C$346,2,0))^2+(VLOOKUP($A106,városok!$A$2:$C$346,3,0)-VLOOKUP(AN$1,városok!$A$2:$C$346,3,0))^2)/1000,0)</f>
        <v>61</v>
      </c>
      <c r="AO106">
        <f ca="1">ROUND(SQRT((VLOOKUP($A106,városok!$A$2:$C$346,2,0)-VLOOKUP(AO$1,városok!$A$2:$C$346,2,0))^2+(VLOOKUP($A106,városok!$A$2:$C$346,3,0)-VLOOKUP(AO$1,városok!$A$2:$C$346,3,0))^2)/1000,0)</f>
        <v>80</v>
      </c>
      <c r="AP106">
        <f ca="1">ROUND(SQRT((VLOOKUP($A106,városok!$A$2:$C$346,2,0)-VLOOKUP(AP$1,városok!$A$2:$C$346,2,0))^2+(VLOOKUP($A106,városok!$A$2:$C$346,3,0)-VLOOKUP(AP$1,városok!$A$2:$C$346,3,0))^2)/1000,0)</f>
        <v>61</v>
      </c>
      <c r="AQ106">
        <f ca="1">ROUND(SQRT((VLOOKUP($A106,városok!$A$2:$C$346,2,0)-VLOOKUP(AQ$1,városok!$A$2:$C$346,2,0))^2+(VLOOKUP($A106,városok!$A$2:$C$346,3,0)-VLOOKUP(AQ$1,városok!$A$2:$C$346,3,0))^2)/1000,0)</f>
        <v>51</v>
      </c>
      <c r="AR106">
        <f ca="1">ROUND(SQRT((VLOOKUP($A106,városok!$A$2:$C$346,2,0)-VLOOKUP(AR$1,városok!$A$2:$C$346,2,0))^2+(VLOOKUP($A106,városok!$A$2:$C$346,3,0)-VLOOKUP(AR$1,városok!$A$2:$C$346,3,0))^2)/1000,0)</f>
        <v>96</v>
      </c>
      <c r="AS106">
        <f ca="1">ROUND(SQRT((VLOOKUP($A106,városok!$A$2:$C$346,2,0)-VLOOKUP(AS$1,városok!$A$2:$C$346,2,0))^2+(VLOOKUP($A106,városok!$A$2:$C$346,3,0)-VLOOKUP(AS$1,városok!$A$2:$C$346,3,0))^2)/1000,0)</f>
        <v>118</v>
      </c>
      <c r="AT106">
        <f ca="1">ROUND(SQRT((VLOOKUP($A106,városok!$A$2:$C$346,2,0)-VLOOKUP(AT$1,városok!$A$2:$C$346,2,0))^2+(VLOOKUP($A106,városok!$A$2:$C$346,3,0)-VLOOKUP(AT$1,városok!$A$2:$C$346,3,0))^2)/1000,0)</f>
        <v>25</v>
      </c>
      <c r="AU106">
        <f ca="1">ROUND(SQRT((VLOOKUP($A106,városok!$A$2:$C$346,2,0)-VLOOKUP(AU$1,városok!$A$2:$C$346,2,0))^2+(VLOOKUP($A106,városok!$A$2:$C$346,3,0)-VLOOKUP(AU$1,városok!$A$2:$C$346,3,0))^2)/1000,0)</f>
        <v>24</v>
      </c>
      <c r="AV106">
        <f ca="1">ROUND(SQRT((VLOOKUP($A106,városok!$A$2:$C$346,2,0)-VLOOKUP(AV$1,városok!$A$2:$C$346,2,0))^2+(VLOOKUP($A106,városok!$A$2:$C$346,3,0)-VLOOKUP(AV$1,városok!$A$2:$C$346,3,0))^2)/1000,0)</f>
        <v>18</v>
      </c>
      <c r="AW106">
        <f ca="1">ROUND(SQRT((VLOOKUP($A106,városok!$A$2:$C$346,2,0)-VLOOKUP(AW$1,városok!$A$2:$C$346,2,0))^2+(VLOOKUP($A106,városok!$A$2:$C$346,3,0)-VLOOKUP(AW$1,városok!$A$2:$C$346,3,0))^2)/1000,0)</f>
        <v>16</v>
      </c>
      <c r="AX106">
        <f ca="1">ROUND(SQRT((VLOOKUP($A106,városok!$A$2:$C$346,2,0)-VLOOKUP(AX$1,városok!$A$2:$C$346,2,0))^2+(VLOOKUP($A106,városok!$A$2:$C$346,3,0)-VLOOKUP(AX$1,városok!$A$2:$C$346,3,0))^2)/1000,0)</f>
        <v>71</v>
      </c>
      <c r="AY106">
        <f ca="1">ROUND(SQRT((VLOOKUP($A106,városok!$A$2:$C$346,2,0)-VLOOKUP(AY$1,városok!$A$2:$C$346,2,0))^2+(VLOOKUP($A106,városok!$A$2:$C$346,3,0)-VLOOKUP(AY$1,városok!$A$2:$C$346,3,0))^2)/1000,0)</f>
        <v>50</v>
      </c>
      <c r="AZ106">
        <f ca="1">ROUND(SQRT((VLOOKUP($A106,városok!$A$2:$C$346,2,0)-VLOOKUP(AZ$1,városok!$A$2:$C$346,2,0))^2+(VLOOKUP($A106,városok!$A$2:$C$346,3,0)-VLOOKUP(AZ$1,városok!$A$2:$C$346,3,0))^2)/1000,0)</f>
        <v>60</v>
      </c>
      <c r="BA106">
        <f ca="1">ROUND(SQRT((VLOOKUP($A106,városok!$A$2:$C$346,2,0)-VLOOKUP(BA$1,városok!$A$2:$C$346,2,0))^2+(VLOOKUP($A106,városok!$A$2:$C$346,3,0)-VLOOKUP(BA$1,városok!$A$2:$C$346,3,0))^2)/1000,0)</f>
        <v>104</v>
      </c>
      <c r="BB106">
        <f ca="1">ROUND(SQRT((VLOOKUP($A106,városok!$A$2:$C$346,2,0)-VLOOKUP(BB$1,városok!$A$2:$C$346,2,0))^2+(VLOOKUP($A106,városok!$A$2:$C$346,3,0)-VLOOKUP(BB$1,városok!$A$2:$C$346,3,0))^2)/1000,0)</f>
        <v>107</v>
      </c>
      <c r="BC106">
        <f ca="1">ROUND(SQRT((VLOOKUP($A106,városok!$A$2:$C$346,2,0)-VLOOKUP(BC$1,városok!$A$2:$C$346,2,0))^2+(VLOOKUP($A106,városok!$A$2:$C$346,3,0)-VLOOKUP(BC$1,városok!$A$2:$C$346,3,0))^2)/1000,0)</f>
        <v>130</v>
      </c>
      <c r="BD106">
        <f ca="1">ROUND(SQRT((VLOOKUP($A106,városok!$A$2:$C$346,2,0)-VLOOKUP(BD$1,városok!$A$2:$C$346,2,0))^2+(VLOOKUP($A106,városok!$A$2:$C$346,3,0)-VLOOKUP(BD$1,városok!$A$2:$C$346,3,0))^2)/1000,0)</f>
        <v>73</v>
      </c>
      <c r="BE106">
        <f ca="1">ROUND(SQRT((VLOOKUP($A106,városok!$A$2:$C$346,2,0)-VLOOKUP(BE$1,városok!$A$2:$C$346,2,0))^2+(VLOOKUP($A106,városok!$A$2:$C$346,3,0)-VLOOKUP(BE$1,városok!$A$2:$C$346,3,0))^2)/1000,0)</f>
        <v>292</v>
      </c>
      <c r="BF106">
        <f ca="1">ROUND(SQRT((VLOOKUP($A106,városok!$A$2:$C$346,2,0)-VLOOKUP(BF$1,városok!$A$2:$C$346,2,0))^2+(VLOOKUP($A106,városok!$A$2:$C$346,3,0)-VLOOKUP(BF$1,városok!$A$2:$C$346,3,0))^2)/1000,0)</f>
        <v>262</v>
      </c>
      <c r="BG106">
        <f ca="1">ROUND(SQRT((VLOOKUP($A106,városok!$A$2:$C$346,2,0)-VLOOKUP(BG$1,városok!$A$2:$C$346,2,0))^2+(VLOOKUP($A106,városok!$A$2:$C$346,3,0)-VLOOKUP(BG$1,városok!$A$2:$C$346,3,0))^2)/1000,0)</f>
        <v>216</v>
      </c>
      <c r="BH106">
        <f ca="1">ROUND(SQRT((VLOOKUP($A106,városok!$A$2:$C$346,2,0)-VLOOKUP(BH$1,városok!$A$2:$C$346,2,0))^2+(VLOOKUP($A106,városok!$A$2:$C$346,3,0)-VLOOKUP(BH$1,városok!$A$2:$C$346,3,0))^2)/1000,0)</f>
        <v>216</v>
      </c>
      <c r="BI106">
        <f ca="1">ROUND(SQRT((VLOOKUP($A106,városok!$A$2:$C$346,2,0)-VLOOKUP(BI$1,városok!$A$2:$C$346,2,0))^2+(VLOOKUP($A106,városok!$A$2:$C$346,3,0)-VLOOKUP(BI$1,városok!$A$2:$C$346,3,0))^2)/1000,0)</f>
        <v>97</v>
      </c>
      <c r="BJ106">
        <f ca="1">ROUND(SQRT((VLOOKUP($A106,városok!$A$2:$C$346,2,0)-VLOOKUP(BJ$1,városok!$A$2:$C$346,2,0))^2+(VLOOKUP($A106,városok!$A$2:$C$346,3,0)-VLOOKUP(BJ$1,városok!$A$2:$C$346,3,0))^2)/1000,0)</f>
        <v>112</v>
      </c>
      <c r="BK106">
        <f ca="1">ROUND(SQRT((VLOOKUP($A106,városok!$A$2:$C$346,2,0)-VLOOKUP(BK$1,városok!$A$2:$C$346,2,0))^2+(VLOOKUP($A106,városok!$A$2:$C$346,3,0)-VLOOKUP(BK$1,városok!$A$2:$C$346,3,0))^2)/1000,0)</f>
        <v>101</v>
      </c>
      <c r="BL106">
        <f ca="1">ROUND(SQRT((VLOOKUP($A106,városok!$A$2:$C$346,2,0)-VLOOKUP(BL$1,városok!$A$2:$C$346,2,0))^2+(VLOOKUP($A106,városok!$A$2:$C$346,3,0)-VLOOKUP(BL$1,városok!$A$2:$C$346,3,0))^2)/1000,0)</f>
        <v>176</v>
      </c>
      <c r="BM106">
        <f ca="1">ROUND(SQRT((VLOOKUP($A106,városok!$A$2:$C$346,2,0)-VLOOKUP(BM$1,városok!$A$2:$C$346,2,0))^2+(VLOOKUP($A106,városok!$A$2:$C$346,3,0)-VLOOKUP(BM$1,városok!$A$2:$C$346,3,0))^2)/1000,0)</f>
        <v>148</v>
      </c>
      <c r="BN106">
        <f ca="1">ROUND(SQRT((VLOOKUP($A106,városok!$A$2:$C$346,2,0)-VLOOKUP(BN$1,városok!$A$2:$C$346,2,0))^2+(VLOOKUP($A106,városok!$A$2:$C$346,3,0)-VLOOKUP(BN$1,városok!$A$2:$C$346,3,0))^2)/1000,0)</f>
        <v>172</v>
      </c>
      <c r="BO106">
        <f ca="1">ROUND(SQRT((VLOOKUP($A106,városok!$A$2:$C$346,2,0)-VLOOKUP(BO$1,városok!$A$2:$C$346,2,0))^2+(VLOOKUP($A106,városok!$A$2:$C$346,3,0)-VLOOKUP(BO$1,városok!$A$2:$C$346,3,0))^2)/1000,0)</f>
        <v>71</v>
      </c>
      <c r="BP106">
        <f ca="1">ROUND(SQRT((VLOOKUP($A106,városok!$A$2:$C$346,2,0)-VLOOKUP(BP$1,városok!$A$2:$C$346,2,0))^2+(VLOOKUP($A106,városok!$A$2:$C$346,3,0)-VLOOKUP(BP$1,városok!$A$2:$C$346,3,0))^2)/1000,0)</f>
        <v>64</v>
      </c>
      <c r="BQ106">
        <f ca="1">ROUND(SQRT((VLOOKUP($A106,városok!$A$2:$C$346,2,0)-VLOOKUP(BQ$1,városok!$A$2:$C$346,2,0))^2+(VLOOKUP($A106,városok!$A$2:$C$346,3,0)-VLOOKUP(BQ$1,városok!$A$2:$C$346,3,0))^2)/1000,0)</f>
        <v>77</v>
      </c>
      <c r="BR106">
        <f ca="1">ROUND(SQRT((VLOOKUP($A106,városok!$A$2:$C$346,2,0)-VLOOKUP(BR$1,városok!$A$2:$C$346,2,0))^2+(VLOOKUP($A106,városok!$A$2:$C$346,3,0)-VLOOKUP(BR$1,városok!$A$2:$C$346,3,0))^2)/1000,0)</f>
        <v>136</v>
      </c>
      <c r="BS106">
        <f ca="1">ROUND(SQRT((VLOOKUP($A106,városok!$A$2:$C$346,2,0)-VLOOKUP(BS$1,városok!$A$2:$C$346,2,0))^2+(VLOOKUP($A106,városok!$A$2:$C$346,3,0)-VLOOKUP(BS$1,városok!$A$2:$C$346,3,0))^2)/1000,0)</f>
        <v>170</v>
      </c>
      <c r="BT106">
        <f ca="1">ROUND(SQRT((VLOOKUP($A106,városok!$A$2:$C$346,2,0)-VLOOKUP(BT$1,városok!$A$2:$C$346,2,0))^2+(VLOOKUP($A106,városok!$A$2:$C$346,3,0)-VLOOKUP(BT$1,városok!$A$2:$C$346,3,0))^2)/1000,0)</f>
        <v>163</v>
      </c>
    </row>
    <row r="107" spans="1:72" x14ac:dyDescent="0.2">
      <c r="A107" t="str">
        <f>városok!A107</f>
        <v>Gárdony</v>
      </c>
      <c r="B107">
        <f ca="1">ROUND(SQRT((VLOOKUP($A107,városok!$A$2:$C$346,2,0)-VLOOKUP(B$1,városok!$A$2:$C$346,2,0))^2+(VLOOKUP($A107,városok!$A$2:$C$346,3,0)-VLOOKUP(B$1,városok!$A$2:$C$346,3,0))^2)/1000,0)</f>
        <v>116</v>
      </c>
      <c r="C107">
        <f ca="1">ROUND(SQRT((VLOOKUP($A107,városok!$A$2:$C$346,2,0)-VLOOKUP(C$1,városok!$A$2:$C$346,2,0))^2+(VLOOKUP($A107,városok!$A$2:$C$346,3,0)-VLOOKUP(C$1,városok!$A$2:$C$346,3,0))^2)/1000,0)</f>
        <v>80</v>
      </c>
      <c r="D107">
        <f ca="1">ROUND(SQRT((VLOOKUP($A107,városok!$A$2:$C$346,2,0)-VLOOKUP(D$1,városok!$A$2:$C$346,2,0))^2+(VLOOKUP($A107,városok!$A$2:$C$346,3,0)-VLOOKUP(D$1,városok!$A$2:$C$346,3,0))^2)/1000,0)</f>
        <v>87</v>
      </c>
      <c r="E107">
        <f ca="1">ROUND(SQRT((VLOOKUP($A107,városok!$A$2:$C$346,2,0)-VLOOKUP(E$1,városok!$A$2:$C$346,2,0))^2+(VLOOKUP($A107,városok!$A$2:$C$346,3,0)-VLOOKUP(E$1,városok!$A$2:$C$346,3,0))^2)/1000,0)</f>
        <v>116</v>
      </c>
      <c r="F107">
        <f ca="1">ROUND(SQRT((VLOOKUP($A107,városok!$A$2:$C$346,2,0)-VLOOKUP(F$1,városok!$A$2:$C$346,2,0))^2+(VLOOKUP($A107,városok!$A$2:$C$346,3,0)-VLOOKUP(F$1,városok!$A$2:$C$346,3,0))^2)/1000,0)</f>
        <v>135</v>
      </c>
      <c r="G107">
        <f ca="1">ROUND(SQRT((VLOOKUP($A107,városok!$A$2:$C$346,2,0)-VLOOKUP(G$1,városok!$A$2:$C$346,2,0))^2+(VLOOKUP($A107,városok!$A$2:$C$346,3,0)-VLOOKUP(G$1,városok!$A$2:$C$346,3,0))^2)/1000,0)</f>
        <v>129</v>
      </c>
      <c r="H107">
        <f ca="1">ROUND(SQRT((VLOOKUP($A107,városok!$A$2:$C$346,2,0)-VLOOKUP(H$1,városok!$A$2:$C$346,2,0))^2+(VLOOKUP($A107,városok!$A$2:$C$346,3,0)-VLOOKUP(H$1,városok!$A$2:$C$346,3,0))^2)/1000,0)</f>
        <v>144</v>
      </c>
      <c r="I107">
        <f ca="1">ROUND(SQRT((VLOOKUP($A107,városok!$A$2:$C$346,2,0)-VLOOKUP(I$1,városok!$A$2:$C$346,2,0))^2+(VLOOKUP($A107,városok!$A$2:$C$346,3,0)-VLOOKUP(I$1,városok!$A$2:$C$346,3,0))^2)/1000,0)</f>
        <v>195</v>
      </c>
      <c r="J107">
        <f ca="1">ROUND(SQRT((VLOOKUP($A107,városok!$A$2:$C$346,2,0)-VLOOKUP(J$1,városok!$A$2:$C$346,2,0))^2+(VLOOKUP($A107,városok!$A$2:$C$346,3,0)-VLOOKUP(J$1,városok!$A$2:$C$346,3,0))^2)/1000,0)</f>
        <v>211</v>
      </c>
      <c r="K107">
        <f ca="1">ROUND(SQRT((VLOOKUP($A107,városok!$A$2:$C$346,2,0)-VLOOKUP(K$1,városok!$A$2:$C$346,2,0))^2+(VLOOKUP($A107,városok!$A$2:$C$346,3,0)-VLOOKUP(K$1,városok!$A$2:$C$346,3,0))^2)/1000,0)</f>
        <v>171</v>
      </c>
      <c r="L107">
        <f ca="1">ROUND(SQRT((VLOOKUP($A107,városok!$A$2:$C$346,2,0)-VLOOKUP(L$1,városok!$A$2:$C$346,2,0))^2+(VLOOKUP($A107,városok!$A$2:$C$346,3,0)-VLOOKUP(L$1,városok!$A$2:$C$346,3,0))^2)/1000,0)</f>
        <v>190</v>
      </c>
      <c r="M107">
        <f ca="1">ROUND(SQRT((VLOOKUP($A107,városok!$A$2:$C$346,2,0)-VLOOKUP(M$1,városok!$A$2:$C$346,2,0))^2+(VLOOKUP($A107,városok!$A$2:$C$346,3,0)-VLOOKUP(M$1,városok!$A$2:$C$346,3,0))^2)/1000,0)</f>
        <v>191</v>
      </c>
      <c r="N107">
        <f ca="1">ROUND(SQRT((VLOOKUP($A107,városok!$A$2:$C$346,2,0)-VLOOKUP(N$1,városok!$A$2:$C$346,2,0))^2+(VLOOKUP($A107,városok!$A$2:$C$346,3,0)-VLOOKUP(N$1,városok!$A$2:$C$346,3,0))^2)/1000,0)</f>
        <v>168</v>
      </c>
      <c r="O107">
        <f ca="1">ROUND(SQRT((VLOOKUP($A107,városok!$A$2:$C$346,2,0)-VLOOKUP(O$1,városok!$A$2:$C$346,2,0))^2+(VLOOKUP($A107,városok!$A$2:$C$346,3,0)-VLOOKUP(O$1,városok!$A$2:$C$346,3,0))^2)/1000,0)</f>
        <v>262</v>
      </c>
      <c r="P107">
        <f ca="1">ROUND(SQRT((VLOOKUP($A107,városok!$A$2:$C$346,2,0)-VLOOKUP(P$1,városok!$A$2:$C$346,2,0))^2+(VLOOKUP($A107,városok!$A$2:$C$346,3,0)-VLOOKUP(P$1,városok!$A$2:$C$346,3,0))^2)/1000,0)</f>
        <v>262</v>
      </c>
      <c r="Q107">
        <f ca="1">ROUND(SQRT((VLOOKUP($A107,városok!$A$2:$C$346,2,0)-VLOOKUP(Q$1,városok!$A$2:$C$346,2,0))^2+(VLOOKUP($A107,városok!$A$2:$C$346,3,0)-VLOOKUP(Q$1,városok!$A$2:$C$346,3,0))^2)/1000,0)</f>
        <v>156</v>
      </c>
      <c r="R107">
        <f ca="1">ROUND(SQRT((VLOOKUP($A107,városok!$A$2:$C$346,2,0)-VLOOKUP(R$1,városok!$A$2:$C$346,2,0))^2+(VLOOKUP($A107,városok!$A$2:$C$346,3,0)-VLOOKUP(R$1,városok!$A$2:$C$346,3,0))^2)/1000,0)</f>
        <v>179</v>
      </c>
      <c r="S107">
        <f ca="1">ROUND(SQRT((VLOOKUP($A107,városok!$A$2:$C$346,2,0)-VLOOKUP(S$1,városok!$A$2:$C$346,2,0))^2+(VLOOKUP($A107,városok!$A$2:$C$346,3,0)-VLOOKUP(S$1,városok!$A$2:$C$346,3,0))^2)/1000,0)</f>
        <v>158</v>
      </c>
      <c r="T107">
        <f ca="1">ROUND(SQRT((VLOOKUP($A107,városok!$A$2:$C$346,2,0)-VLOOKUP(T$1,városok!$A$2:$C$346,2,0))^2+(VLOOKUP($A107,városok!$A$2:$C$346,3,0)-VLOOKUP(T$1,városok!$A$2:$C$346,3,0))^2)/1000,0)</f>
        <v>32</v>
      </c>
      <c r="U107">
        <f ca="1">ROUND(SQRT((VLOOKUP($A107,városok!$A$2:$C$346,2,0)-VLOOKUP(U$1,városok!$A$2:$C$346,2,0))^2+(VLOOKUP($A107,városok!$A$2:$C$346,3,0)-VLOOKUP(U$1,városok!$A$2:$C$346,3,0))^2)/1000,0)</f>
        <v>35</v>
      </c>
      <c r="V107">
        <f ca="1">ROUND(SQRT((VLOOKUP($A107,városok!$A$2:$C$346,2,0)-VLOOKUP(V$1,városok!$A$2:$C$346,2,0))^2+(VLOOKUP($A107,városok!$A$2:$C$346,3,0)-VLOOKUP(V$1,városok!$A$2:$C$346,3,0))^2)/1000,0)</f>
        <v>30</v>
      </c>
      <c r="W107">
        <f ca="1">ROUND(SQRT((VLOOKUP($A107,városok!$A$2:$C$346,2,0)-VLOOKUP(W$1,városok!$A$2:$C$346,2,0))^2+(VLOOKUP($A107,városok!$A$2:$C$346,3,0)-VLOOKUP(W$1,városok!$A$2:$C$346,3,0))^2)/1000,0)</f>
        <v>35</v>
      </c>
      <c r="X107">
        <f ca="1">ROUND(SQRT((VLOOKUP($A107,városok!$A$2:$C$346,2,0)-VLOOKUP(X$1,városok!$A$2:$C$346,2,0))^2+(VLOOKUP($A107,városok!$A$2:$C$346,3,0)-VLOOKUP(X$1,városok!$A$2:$C$346,3,0))^2)/1000,0)</f>
        <v>25</v>
      </c>
      <c r="Y107">
        <f ca="1">ROUND(SQRT((VLOOKUP($A107,városok!$A$2:$C$346,2,0)-VLOOKUP(Y$1,városok!$A$2:$C$346,2,0))^2+(VLOOKUP($A107,városok!$A$2:$C$346,3,0)-VLOOKUP(Y$1,városok!$A$2:$C$346,3,0))^2)/1000,0)</f>
        <v>93</v>
      </c>
      <c r="Z107">
        <f ca="1">ROUND(SQRT((VLOOKUP($A107,városok!$A$2:$C$346,2,0)-VLOOKUP(Z$1,városok!$A$2:$C$346,2,0))^2+(VLOOKUP($A107,városok!$A$2:$C$346,3,0)-VLOOKUP(Z$1,városok!$A$2:$C$346,3,0))^2)/1000,0)</f>
        <v>111</v>
      </c>
      <c r="AA107">
        <f ca="1">ROUND(SQRT((VLOOKUP($A107,városok!$A$2:$C$346,2,0)-VLOOKUP(AA$1,városok!$A$2:$C$346,2,0))^2+(VLOOKUP($A107,városok!$A$2:$C$346,3,0)-VLOOKUP(AA$1,városok!$A$2:$C$346,3,0))^2)/1000,0)</f>
        <v>164</v>
      </c>
      <c r="AB107">
        <f ca="1">ROUND(SQRT((VLOOKUP($A107,városok!$A$2:$C$346,2,0)-VLOOKUP(AB$1,városok!$A$2:$C$346,2,0))^2+(VLOOKUP($A107,városok!$A$2:$C$346,3,0)-VLOOKUP(AB$1,városok!$A$2:$C$346,3,0))^2)/1000,0)</f>
        <v>229</v>
      </c>
      <c r="AC107">
        <f ca="1">ROUND(SQRT((VLOOKUP($A107,városok!$A$2:$C$346,2,0)-VLOOKUP(AC$1,városok!$A$2:$C$346,2,0))^2+(VLOOKUP($A107,városok!$A$2:$C$346,3,0)-VLOOKUP(AC$1,városok!$A$2:$C$346,3,0))^2)/1000,0)</f>
        <v>211</v>
      </c>
      <c r="AD107">
        <f ca="1">ROUND(SQRT((VLOOKUP($A107,városok!$A$2:$C$346,2,0)-VLOOKUP(AD$1,városok!$A$2:$C$346,2,0))^2+(VLOOKUP($A107,városok!$A$2:$C$346,3,0)-VLOOKUP(AD$1,városok!$A$2:$C$346,3,0))^2)/1000,0)</f>
        <v>193</v>
      </c>
      <c r="AE107">
        <f ca="1">ROUND(SQRT((VLOOKUP($A107,városok!$A$2:$C$346,2,0)-VLOOKUP(AE$1,városok!$A$2:$C$346,2,0))^2+(VLOOKUP($A107,városok!$A$2:$C$346,3,0)-VLOOKUP(AE$1,városok!$A$2:$C$346,3,0))^2)/1000,0)</f>
        <v>192</v>
      </c>
      <c r="AF107">
        <f ca="1">ROUND(SQRT((VLOOKUP($A107,városok!$A$2:$C$346,2,0)-VLOOKUP(AF$1,városok!$A$2:$C$346,2,0))^2+(VLOOKUP($A107,városok!$A$2:$C$346,3,0)-VLOOKUP(AF$1,városok!$A$2:$C$346,3,0))^2)/1000,0)</f>
        <v>152</v>
      </c>
      <c r="AG107">
        <f ca="1">ROUND(SQRT((VLOOKUP($A107,városok!$A$2:$C$346,2,0)-VLOOKUP(AG$1,városok!$A$2:$C$346,2,0))^2+(VLOOKUP($A107,városok!$A$2:$C$346,3,0)-VLOOKUP(AG$1,városok!$A$2:$C$346,3,0))^2)/1000,0)</f>
        <v>117</v>
      </c>
      <c r="AH107">
        <f ca="1">ROUND(SQRT((VLOOKUP($A107,városok!$A$2:$C$346,2,0)-VLOOKUP(AH$1,városok!$A$2:$C$346,2,0))^2+(VLOOKUP($A107,városok!$A$2:$C$346,3,0)-VLOOKUP(AH$1,városok!$A$2:$C$346,3,0))^2)/1000,0)</f>
        <v>94</v>
      </c>
      <c r="AI107">
        <f ca="1">ROUND(SQRT((VLOOKUP($A107,városok!$A$2:$C$346,2,0)-VLOOKUP(AI$1,városok!$A$2:$C$346,2,0))^2+(VLOOKUP($A107,városok!$A$2:$C$346,3,0)-VLOOKUP(AI$1,városok!$A$2:$C$346,3,0))^2)/1000,0)</f>
        <v>143</v>
      </c>
      <c r="AJ107">
        <f ca="1">ROUND(SQRT((VLOOKUP($A107,városok!$A$2:$C$346,2,0)-VLOOKUP(AJ$1,városok!$A$2:$C$346,2,0))^2+(VLOOKUP($A107,városok!$A$2:$C$346,3,0)-VLOOKUP(AJ$1,városok!$A$2:$C$346,3,0))^2)/1000,0)</f>
        <v>113</v>
      </c>
      <c r="AK107">
        <f ca="1">ROUND(SQRT((VLOOKUP($A107,városok!$A$2:$C$346,2,0)-VLOOKUP(AK$1,városok!$A$2:$C$346,2,0))^2+(VLOOKUP($A107,városok!$A$2:$C$346,3,0)-VLOOKUP(AK$1,városok!$A$2:$C$346,3,0))^2)/1000,0)</f>
        <v>177</v>
      </c>
      <c r="AL107">
        <f ca="1">ROUND(SQRT((VLOOKUP($A107,városok!$A$2:$C$346,2,0)-VLOOKUP(AL$1,városok!$A$2:$C$346,2,0))^2+(VLOOKUP($A107,városok!$A$2:$C$346,3,0)-VLOOKUP(AL$1,városok!$A$2:$C$346,3,0))^2)/1000,0)</f>
        <v>152</v>
      </c>
      <c r="AM107">
        <f ca="1">ROUND(SQRT((VLOOKUP($A107,városok!$A$2:$C$346,2,0)-VLOOKUP(AM$1,városok!$A$2:$C$346,2,0))^2+(VLOOKUP($A107,városok!$A$2:$C$346,3,0)-VLOOKUP(AM$1,városok!$A$2:$C$346,3,0))^2)/1000,0)</f>
        <v>118</v>
      </c>
      <c r="AN107">
        <f ca="1">ROUND(SQRT((VLOOKUP($A107,városok!$A$2:$C$346,2,0)-VLOOKUP(AN$1,városok!$A$2:$C$346,2,0))^2+(VLOOKUP($A107,városok!$A$2:$C$346,3,0)-VLOOKUP(AN$1,városok!$A$2:$C$346,3,0))^2)/1000,0)</f>
        <v>66</v>
      </c>
      <c r="AO107">
        <f ca="1">ROUND(SQRT((VLOOKUP($A107,városok!$A$2:$C$346,2,0)-VLOOKUP(AO$1,városok!$A$2:$C$346,2,0))^2+(VLOOKUP($A107,városok!$A$2:$C$346,3,0)-VLOOKUP(AO$1,városok!$A$2:$C$346,3,0))^2)/1000,0)</f>
        <v>71</v>
      </c>
      <c r="AP107">
        <f ca="1">ROUND(SQRT((VLOOKUP($A107,városok!$A$2:$C$346,2,0)-VLOOKUP(AP$1,városok!$A$2:$C$346,2,0))^2+(VLOOKUP($A107,városok!$A$2:$C$346,3,0)-VLOOKUP(AP$1,városok!$A$2:$C$346,3,0))^2)/1000,0)</f>
        <v>54</v>
      </c>
      <c r="AQ107">
        <f ca="1">ROUND(SQRT((VLOOKUP($A107,városok!$A$2:$C$346,2,0)-VLOOKUP(AQ$1,városok!$A$2:$C$346,2,0))^2+(VLOOKUP($A107,városok!$A$2:$C$346,3,0)-VLOOKUP(AQ$1,városok!$A$2:$C$346,3,0))^2)/1000,0)</f>
        <v>44</v>
      </c>
      <c r="AR107">
        <f ca="1">ROUND(SQRT((VLOOKUP($A107,városok!$A$2:$C$346,2,0)-VLOOKUP(AR$1,városok!$A$2:$C$346,2,0))^2+(VLOOKUP($A107,városok!$A$2:$C$346,3,0)-VLOOKUP(AR$1,városok!$A$2:$C$346,3,0))^2)/1000,0)</f>
        <v>113</v>
      </c>
      <c r="AS107">
        <f ca="1">ROUND(SQRT((VLOOKUP($A107,városok!$A$2:$C$346,2,0)-VLOOKUP(AS$1,városok!$A$2:$C$346,2,0))^2+(VLOOKUP($A107,városok!$A$2:$C$346,3,0)-VLOOKUP(AS$1,városok!$A$2:$C$346,3,0))^2)/1000,0)</f>
        <v>134</v>
      </c>
      <c r="AT107">
        <f ca="1">ROUND(SQRT((VLOOKUP($A107,városok!$A$2:$C$346,2,0)-VLOOKUP(AT$1,városok!$A$2:$C$346,2,0))^2+(VLOOKUP($A107,városok!$A$2:$C$346,3,0)-VLOOKUP(AT$1,városok!$A$2:$C$346,3,0))^2)/1000,0)</f>
        <v>33</v>
      </c>
      <c r="AU107">
        <f ca="1">ROUND(SQRT((VLOOKUP($A107,városok!$A$2:$C$346,2,0)-VLOOKUP(AU$1,városok!$A$2:$C$346,2,0))^2+(VLOOKUP($A107,városok!$A$2:$C$346,3,0)-VLOOKUP(AU$1,városok!$A$2:$C$346,3,0))^2)/1000,0)</f>
        <v>38</v>
      </c>
      <c r="AV107">
        <f ca="1">ROUND(SQRT((VLOOKUP($A107,városok!$A$2:$C$346,2,0)-VLOOKUP(AV$1,városok!$A$2:$C$346,2,0))^2+(VLOOKUP($A107,városok!$A$2:$C$346,3,0)-VLOOKUP(AV$1,városok!$A$2:$C$346,3,0))^2)/1000,0)</f>
        <v>33</v>
      </c>
      <c r="AW107">
        <f ca="1">ROUND(SQRT((VLOOKUP($A107,városok!$A$2:$C$346,2,0)-VLOOKUP(AW$1,városok!$A$2:$C$346,2,0))^2+(VLOOKUP($A107,városok!$A$2:$C$346,3,0)-VLOOKUP(AW$1,városok!$A$2:$C$346,3,0))^2)/1000,0)</f>
        <v>30</v>
      </c>
      <c r="AX107">
        <f ca="1">ROUND(SQRT((VLOOKUP($A107,városok!$A$2:$C$346,2,0)-VLOOKUP(AX$1,városok!$A$2:$C$346,2,0))^2+(VLOOKUP($A107,városok!$A$2:$C$346,3,0)-VLOOKUP(AX$1,városok!$A$2:$C$346,3,0))^2)/1000,0)</f>
        <v>89</v>
      </c>
      <c r="AY107">
        <f ca="1">ROUND(SQRT((VLOOKUP($A107,városok!$A$2:$C$346,2,0)-VLOOKUP(AY$1,városok!$A$2:$C$346,2,0))^2+(VLOOKUP($A107,városok!$A$2:$C$346,3,0)-VLOOKUP(AY$1,városok!$A$2:$C$346,3,0))^2)/1000,0)</f>
        <v>62</v>
      </c>
      <c r="AZ107">
        <f ca="1">ROUND(SQRT((VLOOKUP($A107,városok!$A$2:$C$346,2,0)-VLOOKUP(AZ$1,városok!$A$2:$C$346,2,0))^2+(VLOOKUP($A107,városok!$A$2:$C$346,3,0)-VLOOKUP(AZ$1,városok!$A$2:$C$346,3,0))^2)/1000,0)</f>
        <v>69</v>
      </c>
      <c r="BA107">
        <f ca="1">ROUND(SQRT((VLOOKUP($A107,városok!$A$2:$C$346,2,0)-VLOOKUP(BA$1,városok!$A$2:$C$346,2,0))^2+(VLOOKUP($A107,városok!$A$2:$C$346,3,0)-VLOOKUP(BA$1,városok!$A$2:$C$346,3,0))^2)/1000,0)</f>
        <v>85</v>
      </c>
      <c r="BB107">
        <f ca="1">ROUND(SQRT((VLOOKUP($A107,városok!$A$2:$C$346,2,0)-VLOOKUP(BB$1,városok!$A$2:$C$346,2,0))^2+(VLOOKUP($A107,városok!$A$2:$C$346,3,0)-VLOOKUP(BB$1,városok!$A$2:$C$346,3,0))^2)/1000,0)</f>
        <v>91</v>
      </c>
      <c r="BC107">
        <f ca="1">ROUND(SQRT((VLOOKUP($A107,városok!$A$2:$C$346,2,0)-VLOOKUP(BC$1,városok!$A$2:$C$346,2,0))^2+(VLOOKUP($A107,városok!$A$2:$C$346,3,0)-VLOOKUP(BC$1,városok!$A$2:$C$346,3,0))^2)/1000,0)</f>
        <v>114</v>
      </c>
      <c r="BD107">
        <f ca="1">ROUND(SQRT((VLOOKUP($A107,városok!$A$2:$C$346,2,0)-VLOOKUP(BD$1,városok!$A$2:$C$346,2,0))^2+(VLOOKUP($A107,városok!$A$2:$C$346,3,0)-VLOOKUP(BD$1,városok!$A$2:$C$346,3,0))^2)/1000,0)</f>
        <v>54</v>
      </c>
      <c r="BE107">
        <f ca="1">ROUND(SQRT((VLOOKUP($A107,városok!$A$2:$C$346,2,0)-VLOOKUP(BE$1,városok!$A$2:$C$346,2,0))^2+(VLOOKUP($A107,városok!$A$2:$C$346,3,0)-VLOOKUP(BE$1,városok!$A$2:$C$346,3,0))^2)/1000,0)</f>
        <v>312</v>
      </c>
      <c r="BF107">
        <f ca="1">ROUND(SQRT((VLOOKUP($A107,városok!$A$2:$C$346,2,0)-VLOOKUP(BF$1,városok!$A$2:$C$346,2,0))^2+(VLOOKUP($A107,városok!$A$2:$C$346,3,0)-VLOOKUP(BF$1,városok!$A$2:$C$346,3,0))^2)/1000,0)</f>
        <v>282</v>
      </c>
      <c r="BG107">
        <f ca="1">ROUND(SQRT((VLOOKUP($A107,városok!$A$2:$C$346,2,0)-VLOOKUP(BG$1,városok!$A$2:$C$346,2,0))^2+(VLOOKUP($A107,városok!$A$2:$C$346,3,0)-VLOOKUP(BG$1,városok!$A$2:$C$346,3,0))^2)/1000,0)</f>
        <v>236</v>
      </c>
      <c r="BH107">
        <f ca="1">ROUND(SQRT((VLOOKUP($A107,városok!$A$2:$C$346,2,0)-VLOOKUP(BH$1,városok!$A$2:$C$346,2,0))^2+(VLOOKUP($A107,városok!$A$2:$C$346,3,0)-VLOOKUP(BH$1,városok!$A$2:$C$346,3,0))^2)/1000,0)</f>
        <v>236</v>
      </c>
      <c r="BI107">
        <f ca="1">ROUND(SQRT((VLOOKUP($A107,városok!$A$2:$C$346,2,0)-VLOOKUP(BI$1,városok!$A$2:$C$346,2,0))^2+(VLOOKUP($A107,városok!$A$2:$C$346,3,0)-VLOOKUP(BI$1,városok!$A$2:$C$346,3,0))^2)/1000,0)</f>
        <v>90</v>
      </c>
      <c r="BJ107">
        <f ca="1">ROUND(SQRT((VLOOKUP($A107,városok!$A$2:$C$346,2,0)-VLOOKUP(BJ$1,városok!$A$2:$C$346,2,0))^2+(VLOOKUP($A107,városok!$A$2:$C$346,3,0)-VLOOKUP(BJ$1,városok!$A$2:$C$346,3,0))^2)/1000,0)</f>
        <v>103</v>
      </c>
      <c r="BK107">
        <f ca="1">ROUND(SQRT((VLOOKUP($A107,városok!$A$2:$C$346,2,0)-VLOOKUP(BK$1,városok!$A$2:$C$346,2,0))^2+(VLOOKUP($A107,városok!$A$2:$C$346,3,0)-VLOOKUP(BK$1,városok!$A$2:$C$346,3,0))^2)/1000,0)</f>
        <v>95</v>
      </c>
      <c r="BL107">
        <f ca="1">ROUND(SQRT((VLOOKUP($A107,városok!$A$2:$C$346,2,0)-VLOOKUP(BL$1,városok!$A$2:$C$346,2,0))^2+(VLOOKUP($A107,városok!$A$2:$C$346,3,0)-VLOOKUP(BL$1,városok!$A$2:$C$346,3,0))^2)/1000,0)</f>
        <v>155</v>
      </c>
      <c r="BM107">
        <f ca="1">ROUND(SQRT((VLOOKUP($A107,városok!$A$2:$C$346,2,0)-VLOOKUP(BM$1,városok!$A$2:$C$346,2,0))^2+(VLOOKUP($A107,városok!$A$2:$C$346,3,0)-VLOOKUP(BM$1,városok!$A$2:$C$346,3,0))^2)/1000,0)</f>
        <v>129</v>
      </c>
      <c r="BN107">
        <f ca="1">ROUND(SQRT((VLOOKUP($A107,városok!$A$2:$C$346,2,0)-VLOOKUP(BN$1,városok!$A$2:$C$346,2,0))^2+(VLOOKUP($A107,városok!$A$2:$C$346,3,0)-VLOOKUP(BN$1,városok!$A$2:$C$346,3,0))^2)/1000,0)</f>
        <v>152</v>
      </c>
      <c r="BO107">
        <f ca="1">ROUND(SQRT((VLOOKUP($A107,városok!$A$2:$C$346,2,0)-VLOOKUP(BO$1,városok!$A$2:$C$346,2,0))^2+(VLOOKUP($A107,városok!$A$2:$C$346,3,0)-VLOOKUP(BO$1,városok!$A$2:$C$346,3,0))^2)/1000,0)</f>
        <v>51</v>
      </c>
      <c r="BP107">
        <f ca="1">ROUND(SQRT((VLOOKUP($A107,városok!$A$2:$C$346,2,0)-VLOOKUP(BP$1,városok!$A$2:$C$346,2,0))^2+(VLOOKUP($A107,városok!$A$2:$C$346,3,0)-VLOOKUP(BP$1,városok!$A$2:$C$346,3,0))^2)/1000,0)</f>
        <v>44</v>
      </c>
      <c r="BQ107">
        <f ca="1">ROUND(SQRT((VLOOKUP($A107,városok!$A$2:$C$346,2,0)-VLOOKUP(BQ$1,városok!$A$2:$C$346,2,0))^2+(VLOOKUP($A107,városok!$A$2:$C$346,3,0)-VLOOKUP(BQ$1,városok!$A$2:$C$346,3,0))^2)/1000,0)</f>
        <v>56</v>
      </c>
      <c r="BR107">
        <f ca="1">ROUND(SQRT((VLOOKUP($A107,városok!$A$2:$C$346,2,0)-VLOOKUP(BR$1,városok!$A$2:$C$346,2,0))^2+(VLOOKUP($A107,városok!$A$2:$C$346,3,0)-VLOOKUP(BR$1,városok!$A$2:$C$346,3,0))^2)/1000,0)</f>
        <v>115</v>
      </c>
      <c r="BS107">
        <f ca="1">ROUND(SQRT((VLOOKUP($A107,városok!$A$2:$C$346,2,0)-VLOOKUP(BS$1,városok!$A$2:$C$346,2,0))^2+(VLOOKUP($A107,városok!$A$2:$C$346,3,0)-VLOOKUP(BS$1,városok!$A$2:$C$346,3,0))^2)/1000,0)</f>
        <v>151</v>
      </c>
      <c r="BT107">
        <f ca="1">ROUND(SQRT((VLOOKUP($A107,városok!$A$2:$C$346,2,0)-VLOOKUP(BT$1,városok!$A$2:$C$346,2,0))^2+(VLOOKUP($A107,városok!$A$2:$C$346,3,0)-VLOOKUP(BT$1,városok!$A$2:$C$346,3,0))^2)/1000,0)</f>
        <v>142</v>
      </c>
    </row>
    <row r="108" spans="1:72" x14ac:dyDescent="0.2">
      <c r="A108" t="str">
        <f>városok!A108</f>
        <v>Martonvásár</v>
      </c>
      <c r="B108">
        <f ca="1">ROUND(SQRT((VLOOKUP($A108,városok!$A$2:$C$346,2,0)-VLOOKUP(B$1,városok!$A$2:$C$346,2,0))^2+(VLOOKUP($A108,városok!$A$2:$C$346,3,0)-VLOOKUP(B$1,városok!$A$2:$C$346,3,0))^2)/1000,0)</f>
        <v>127</v>
      </c>
      <c r="C108">
        <f ca="1">ROUND(SQRT((VLOOKUP($A108,városok!$A$2:$C$346,2,0)-VLOOKUP(C$1,városok!$A$2:$C$346,2,0))^2+(VLOOKUP($A108,városok!$A$2:$C$346,3,0)-VLOOKUP(C$1,városok!$A$2:$C$346,3,0))^2)/1000,0)</f>
        <v>89</v>
      </c>
      <c r="D108">
        <f ca="1">ROUND(SQRT((VLOOKUP($A108,városok!$A$2:$C$346,2,0)-VLOOKUP(D$1,városok!$A$2:$C$346,2,0))^2+(VLOOKUP($A108,városok!$A$2:$C$346,3,0)-VLOOKUP(D$1,városok!$A$2:$C$346,3,0))^2)/1000,0)</f>
        <v>82</v>
      </c>
      <c r="E108">
        <f ca="1">ROUND(SQRT((VLOOKUP($A108,városok!$A$2:$C$346,2,0)-VLOOKUP(E$1,városok!$A$2:$C$346,2,0))^2+(VLOOKUP($A108,városok!$A$2:$C$346,3,0)-VLOOKUP(E$1,városok!$A$2:$C$346,3,0))^2)/1000,0)</f>
        <v>132</v>
      </c>
      <c r="F108">
        <f ca="1">ROUND(SQRT((VLOOKUP($A108,városok!$A$2:$C$346,2,0)-VLOOKUP(F$1,városok!$A$2:$C$346,2,0))^2+(VLOOKUP($A108,városok!$A$2:$C$346,3,0)-VLOOKUP(F$1,városok!$A$2:$C$346,3,0))^2)/1000,0)</f>
        <v>148</v>
      </c>
      <c r="G108">
        <f ca="1">ROUND(SQRT((VLOOKUP($A108,városok!$A$2:$C$346,2,0)-VLOOKUP(G$1,városok!$A$2:$C$346,2,0))^2+(VLOOKUP($A108,városok!$A$2:$C$346,3,0)-VLOOKUP(G$1,városok!$A$2:$C$346,3,0))^2)/1000,0)</f>
        <v>144</v>
      </c>
      <c r="H108">
        <f ca="1">ROUND(SQRT((VLOOKUP($A108,városok!$A$2:$C$346,2,0)-VLOOKUP(H$1,városok!$A$2:$C$346,2,0))^2+(VLOOKUP($A108,városok!$A$2:$C$346,3,0)-VLOOKUP(H$1,városok!$A$2:$C$346,3,0))^2)/1000,0)</f>
        <v>161</v>
      </c>
      <c r="I108">
        <f ca="1">ROUND(SQRT((VLOOKUP($A108,városok!$A$2:$C$346,2,0)-VLOOKUP(I$1,városok!$A$2:$C$346,2,0))^2+(VLOOKUP($A108,városok!$A$2:$C$346,3,0)-VLOOKUP(I$1,városok!$A$2:$C$346,3,0))^2)/1000,0)</f>
        <v>188</v>
      </c>
      <c r="J108">
        <f ca="1">ROUND(SQRT((VLOOKUP($A108,városok!$A$2:$C$346,2,0)-VLOOKUP(J$1,városok!$A$2:$C$346,2,0))^2+(VLOOKUP($A108,városok!$A$2:$C$346,3,0)-VLOOKUP(J$1,városok!$A$2:$C$346,3,0))^2)/1000,0)</f>
        <v>203</v>
      </c>
      <c r="K108">
        <f ca="1">ROUND(SQRT((VLOOKUP($A108,városok!$A$2:$C$346,2,0)-VLOOKUP(K$1,városok!$A$2:$C$346,2,0))^2+(VLOOKUP($A108,városok!$A$2:$C$346,3,0)-VLOOKUP(K$1,városok!$A$2:$C$346,3,0))^2)/1000,0)</f>
        <v>166</v>
      </c>
      <c r="L108">
        <f ca="1">ROUND(SQRT((VLOOKUP($A108,városok!$A$2:$C$346,2,0)-VLOOKUP(L$1,városok!$A$2:$C$346,2,0))^2+(VLOOKUP($A108,városok!$A$2:$C$346,3,0)-VLOOKUP(L$1,városok!$A$2:$C$346,3,0))^2)/1000,0)</f>
        <v>173</v>
      </c>
      <c r="M108">
        <f ca="1">ROUND(SQRT((VLOOKUP($A108,városok!$A$2:$C$346,2,0)-VLOOKUP(M$1,városok!$A$2:$C$346,2,0))^2+(VLOOKUP($A108,városok!$A$2:$C$346,3,0)-VLOOKUP(M$1,városok!$A$2:$C$346,3,0))^2)/1000,0)</f>
        <v>174</v>
      </c>
      <c r="N108">
        <f ca="1">ROUND(SQRT((VLOOKUP($A108,városok!$A$2:$C$346,2,0)-VLOOKUP(N$1,városok!$A$2:$C$346,2,0))^2+(VLOOKUP($A108,városok!$A$2:$C$346,3,0)-VLOOKUP(N$1,városok!$A$2:$C$346,3,0))^2)/1000,0)</f>
        <v>151</v>
      </c>
      <c r="O108">
        <f ca="1">ROUND(SQRT((VLOOKUP($A108,városok!$A$2:$C$346,2,0)-VLOOKUP(O$1,városok!$A$2:$C$346,2,0))^2+(VLOOKUP($A108,városok!$A$2:$C$346,3,0)-VLOOKUP(O$1,városok!$A$2:$C$346,3,0))^2)/1000,0)</f>
        <v>245</v>
      </c>
      <c r="P108">
        <f ca="1">ROUND(SQRT((VLOOKUP($A108,városok!$A$2:$C$346,2,0)-VLOOKUP(P$1,városok!$A$2:$C$346,2,0))^2+(VLOOKUP($A108,városok!$A$2:$C$346,3,0)-VLOOKUP(P$1,városok!$A$2:$C$346,3,0))^2)/1000,0)</f>
        <v>245</v>
      </c>
      <c r="Q108">
        <f ca="1">ROUND(SQRT((VLOOKUP($A108,városok!$A$2:$C$346,2,0)-VLOOKUP(Q$1,városok!$A$2:$C$346,2,0))^2+(VLOOKUP($A108,városok!$A$2:$C$346,3,0)-VLOOKUP(Q$1,városok!$A$2:$C$346,3,0))^2)/1000,0)</f>
        <v>154</v>
      </c>
      <c r="R108">
        <f ca="1">ROUND(SQRT((VLOOKUP($A108,városok!$A$2:$C$346,2,0)-VLOOKUP(R$1,városok!$A$2:$C$346,2,0))^2+(VLOOKUP($A108,városok!$A$2:$C$346,3,0)-VLOOKUP(R$1,városok!$A$2:$C$346,3,0))^2)/1000,0)</f>
        <v>177</v>
      </c>
      <c r="S108">
        <f ca="1">ROUND(SQRT((VLOOKUP($A108,városok!$A$2:$C$346,2,0)-VLOOKUP(S$1,városok!$A$2:$C$346,2,0))^2+(VLOOKUP($A108,városok!$A$2:$C$346,3,0)-VLOOKUP(S$1,városok!$A$2:$C$346,3,0))^2)/1000,0)</f>
        <v>158</v>
      </c>
      <c r="T108">
        <f ca="1">ROUND(SQRT((VLOOKUP($A108,városok!$A$2:$C$346,2,0)-VLOOKUP(T$1,városok!$A$2:$C$346,2,0))^2+(VLOOKUP($A108,városok!$A$2:$C$346,3,0)-VLOOKUP(T$1,városok!$A$2:$C$346,3,0))^2)/1000,0)</f>
        <v>22</v>
      </c>
      <c r="U108">
        <f ca="1">ROUND(SQRT((VLOOKUP($A108,városok!$A$2:$C$346,2,0)-VLOOKUP(U$1,városok!$A$2:$C$346,2,0))^2+(VLOOKUP($A108,városok!$A$2:$C$346,3,0)-VLOOKUP(U$1,városok!$A$2:$C$346,3,0))^2)/1000,0)</f>
        <v>41</v>
      </c>
      <c r="V108">
        <f ca="1">ROUND(SQRT((VLOOKUP($A108,városok!$A$2:$C$346,2,0)-VLOOKUP(V$1,városok!$A$2:$C$346,2,0))^2+(VLOOKUP($A108,városok!$A$2:$C$346,3,0)-VLOOKUP(V$1,városok!$A$2:$C$346,3,0))^2)/1000,0)</f>
        <v>47</v>
      </c>
      <c r="W108">
        <f ca="1">ROUND(SQRT((VLOOKUP($A108,városok!$A$2:$C$346,2,0)-VLOOKUP(W$1,városok!$A$2:$C$346,2,0))^2+(VLOOKUP($A108,városok!$A$2:$C$346,3,0)-VLOOKUP(W$1,városok!$A$2:$C$346,3,0))^2)/1000,0)</f>
        <v>50</v>
      </c>
      <c r="X108">
        <f ca="1">ROUND(SQRT((VLOOKUP($A108,városok!$A$2:$C$346,2,0)-VLOOKUP(X$1,városok!$A$2:$C$346,2,0))^2+(VLOOKUP($A108,városok!$A$2:$C$346,3,0)-VLOOKUP(X$1,városok!$A$2:$C$346,3,0))^2)/1000,0)</f>
        <v>35</v>
      </c>
      <c r="Y108">
        <f ca="1">ROUND(SQRT((VLOOKUP($A108,városok!$A$2:$C$346,2,0)-VLOOKUP(Y$1,városok!$A$2:$C$346,2,0))^2+(VLOOKUP($A108,városok!$A$2:$C$346,3,0)-VLOOKUP(Y$1,városok!$A$2:$C$346,3,0))^2)/1000,0)</f>
        <v>96</v>
      </c>
      <c r="Z108">
        <f ca="1">ROUND(SQRT((VLOOKUP($A108,városok!$A$2:$C$346,2,0)-VLOOKUP(Z$1,városok!$A$2:$C$346,2,0))^2+(VLOOKUP($A108,városok!$A$2:$C$346,3,0)-VLOOKUP(Z$1,városok!$A$2:$C$346,3,0))^2)/1000,0)</f>
        <v>115</v>
      </c>
      <c r="AA108">
        <f ca="1">ROUND(SQRT((VLOOKUP($A108,városok!$A$2:$C$346,2,0)-VLOOKUP(AA$1,városok!$A$2:$C$346,2,0))^2+(VLOOKUP($A108,városok!$A$2:$C$346,3,0)-VLOOKUP(AA$1,városok!$A$2:$C$346,3,0))^2)/1000,0)</f>
        <v>171</v>
      </c>
      <c r="AB108">
        <f ca="1">ROUND(SQRT((VLOOKUP($A108,városok!$A$2:$C$346,2,0)-VLOOKUP(AB$1,városok!$A$2:$C$346,2,0))^2+(VLOOKUP($A108,városok!$A$2:$C$346,3,0)-VLOOKUP(AB$1,városok!$A$2:$C$346,3,0))^2)/1000,0)</f>
        <v>216</v>
      </c>
      <c r="AC108">
        <f ca="1">ROUND(SQRT((VLOOKUP($A108,városok!$A$2:$C$346,2,0)-VLOOKUP(AC$1,városok!$A$2:$C$346,2,0))^2+(VLOOKUP($A108,városok!$A$2:$C$346,3,0)-VLOOKUP(AC$1,városok!$A$2:$C$346,3,0))^2)/1000,0)</f>
        <v>197</v>
      </c>
      <c r="AD108">
        <f ca="1">ROUND(SQRT((VLOOKUP($A108,városok!$A$2:$C$346,2,0)-VLOOKUP(AD$1,városok!$A$2:$C$346,2,0))^2+(VLOOKUP($A108,városok!$A$2:$C$346,3,0)-VLOOKUP(AD$1,városok!$A$2:$C$346,3,0))^2)/1000,0)</f>
        <v>179</v>
      </c>
      <c r="AE108">
        <f ca="1">ROUND(SQRT((VLOOKUP($A108,városok!$A$2:$C$346,2,0)-VLOOKUP(AE$1,városok!$A$2:$C$346,2,0))^2+(VLOOKUP($A108,városok!$A$2:$C$346,3,0)-VLOOKUP(AE$1,városok!$A$2:$C$346,3,0))^2)/1000,0)</f>
        <v>180</v>
      </c>
      <c r="AF108">
        <f ca="1">ROUND(SQRT((VLOOKUP($A108,városok!$A$2:$C$346,2,0)-VLOOKUP(AF$1,városok!$A$2:$C$346,2,0))^2+(VLOOKUP($A108,városok!$A$2:$C$346,3,0)-VLOOKUP(AF$1,városok!$A$2:$C$346,3,0))^2)/1000,0)</f>
        <v>136</v>
      </c>
      <c r="AG108">
        <f ca="1">ROUND(SQRT((VLOOKUP($A108,városok!$A$2:$C$346,2,0)-VLOOKUP(AG$1,városok!$A$2:$C$346,2,0))^2+(VLOOKUP($A108,városok!$A$2:$C$346,3,0)-VLOOKUP(AG$1,városok!$A$2:$C$346,3,0))^2)/1000,0)</f>
        <v>100</v>
      </c>
      <c r="AH108">
        <f ca="1">ROUND(SQRT((VLOOKUP($A108,városok!$A$2:$C$346,2,0)-VLOOKUP(AH$1,városok!$A$2:$C$346,2,0))^2+(VLOOKUP($A108,városok!$A$2:$C$346,3,0)-VLOOKUP(AH$1,városok!$A$2:$C$346,3,0))^2)/1000,0)</f>
        <v>77</v>
      </c>
      <c r="AI108">
        <f ca="1">ROUND(SQRT((VLOOKUP($A108,városok!$A$2:$C$346,2,0)-VLOOKUP(AI$1,városok!$A$2:$C$346,2,0))^2+(VLOOKUP($A108,városok!$A$2:$C$346,3,0)-VLOOKUP(AI$1,városok!$A$2:$C$346,3,0))^2)/1000,0)</f>
        <v>125</v>
      </c>
      <c r="AJ108">
        <f ca="1">ROUND(SQRT((VLOOKUP($A108,városok!$A$2:$C$346,2,0)-VLOOKUP(AJ$1,városok!$A$2:$C$346,2,0))^2+(VLOOKUP($A108,városok!$A$2:$C$346,3,0)-VLOOKUP(AJ$1,városok!$A$2:$C$346,3,0))^2)/1000,0)</f>
        <v>96</v>
      </c>
      <c r="AK108">
        <f ca="1">ROUND(SQRT((VLOOKUP($A108,városok!$A$2:$C$346,2,0)-VLOOKUP(AK$1,városok!$A$2:$C$346,2,0))^2+(VLOOKUP($A108,városok!$A$2:$C$346,3,0)-VLOOKUP(AK$1,városok!$A$2:$C$346,3,0))^2)/1000,0)</f>
        <v>165</v>
      </c>
      <c r="AL108">
        <f ca="1">ROUND(SQRT((VLOOKUP($A108,városok!$A$2:$C$346,2,0)-VLOOKUP(AL$1,városok!$A$2:$C$346,2,0))^2+(VLOOKUP($A108,városok!$A$2:$C$346,3,0)-VLOOKUP(AL$1,városok!$A$2:$C$346,3,0))^2)/1000,0)</f>
        <v>139</v>
      </c>
      <c r="AM108">
        <f ca="1">ROUND(SQRT((VLOOKUP($A108,városok!$A$2:$C$346,2,0)-VLOOKUP(AM$1,városok!$A$2:$C$346,2,0))^2+(VLOOKUP($A108,városok!$A$2:$C$346,3,0)-VLOOKUP(AM$1,városok!$A$2:$C$346,3,0))^2)/1000,0)</f>
        <v>107</v>
      </c>
      <c r="AN108">
        <f ca="1">ROUND(SQRT((VLOOKUP($A108,városok!$A$2:$C$346,2,0)-VLOOKUP(AN$1,városok!$A$2:$C$346,2,0))^2+(VLOOKUP($A108,városok!$A$2:$C$346,3,0)-VLOOKUP(AN$1,városok!$A$2:$C$346,3,0))^2)/1000,0)</f>
        <v>53</v>
      </c>
      <c r="AO108">
        <f ca="1">ROUND(SQRT((VLOOKUP($A108,városok!$A$2:$C$346,2,0)-VLOOKUP(AO$1,városok!$A$2:$C$346,2,0))^2+(VLOOKUP($A108,városok!$A$2:$C$346,3,0)-VLOOKUP(AO$1,városok!$A$2:$C$346,3,0))^2)/1000,0)</f>
        <v>69</v>
      </c>
      <c r="AP108">
        <f ca="1">ROUND(SQRT((VLOOKUP($A108,városok!$A$2:$C$346,2,0)-VLOOKUP(AP$1,városok!$A$2:$C$346,2,0))^2+(VLOOKUP($A108,városok!$A$2:$C$346,3,0)-VLOOKUP(AP$1,városok!$A$2:$C$346,3,0))^2)/1000,0)</f>
        <v>50</v>
      </c>
      <c r="AQ108">
        <f ca="1">ROUND(SQRT((VLOOKUP($A108,városok!$A$2:$C$346,2,0)-VLOOKUP(AQ$1,városok!$A$2:$C$346,2,0))^2+(VLOOKUP($A108,városok!$A$2:$C$346,3,0)-VLOOKUP(AQ$1,városok!$A$2:$C$346,3,0))^2)/1000,0)</f>
        <v>40</v>
      </c>
      <c r="AR108">
        <f ca="1">ROUND(SQRT((VLOOKUP($A108,városok!$A$2:$C$346,2,0)-VLOOKUP(AR$1,városok!$A$2:$C$346,2,0))^2+(VLOOKUP($A108,városok!$A$2:$C$346,3,0)-VLOOKUP(AR$1,városok!$A$2:$C$346,3,0))^2)/1000,0)</f>
        <v>95</v>
      </c>
      <c r="AS108">
        <f ca="1">ROUND(SQRT((VLOOKUP($A108,városok!$A$2:$C$346,2,0)-VLOOKUP(AS$1,városok!$A$2:$C$346,2,0))^2+(VLOOKUP($A108,városok!$A$2:$C$346,3,0)-VLOOKUP(AS$1,városok!$A$2:$C$346,3,0))^2)/1000,0)</f>
        <v>117</v>
      </c>
      <c r="AT108">
        <f ca="1">ROUND(SQRT((VLOOKUP($A108,városok!$A$2:$C$346,2,0)-VLOOKUP(AT$1,városok!$A$2:$C$346,2,0))^2+(VLOOKUP($A108,városok!$A$2:$C$346,3,0)-VLOOKUP(AT$1,városok!$A$2:$C$346,3,0))^2)/1000,0)</f>
        <v>17</v>
      </c>
      <c r="AU108">
        <f ca="1">ROUND(SQRT((VLOOKUP($A108,városok!$A$2:$C$346,2,0)-VLOOKUP(AU$1,városok!$A$2:$C$346,2,0))^2+(VLOOKUP($A108,városok!$A$2:$C$346,3,0)-VLOOKUP(AU$1,városok!$A$2:$C$346,3,0))^2)/1000,0)</f>
        <v>20</v>
      </c>
      <c r="AV108">
        <f ca="1">ROUND(SQRT((VLOOKUP($A108,városok!$A$2:$C$346,2,0)-VLOOKUP(AV$1,városok!$A$2:$C$346,2,0))^2+(VLOOKUP($A108,városok!$A$2:$C$346,3,0)-VLOOKUP(AV$1,városok!$A$2:$C$346,3,0))^2)/1000,0)</f>
        <v>16</v>
      </c>
      <c r="AW108">
        <f ca="1">ROUND(SQRT((VLOOKUP($A108,városok!$A$2:$C$346,2,0)-VLOOKUP(AW$1,városok!$A$2:$C$346,2,0))^2+(VLOOKUP($A108,városok!$A$2:$C$346,3,0)-VLOOKUP(AW$1,városok!$A$2:$C$346,3,0))^2)/1000,0)</f>
        <v>12</v>
      </c>
      <c r="AX108">
        <f ca="1">ROUND(SQRT((VLOOKUP($A108,városok!$A$2:$C$346,2,0)-VLOOKUP(AX$1,városok!$A$2:$C$346,2,0))^2+(VLOOKUP($A108,városok!$A$2:$C$346,3,0)-VLOOKUP(AX$1,városok!$A$2:$C$346,3,0))^2)/1000,0)</f>
        <v>81</v>
      </c>
      <c r="AY108">
        <f ca="1">ROUND(SQRT((VLOOKUP($A108,városok!$A$2:$C$346,2,0)-VLOOKUP(AY$1,városok!$A$2:$C$346,2,0))^2+(VLOOKUP($A108,városok!$A$2:$C$346,3,0)-VLOOKUP(AY$1,városok!$A$2:$C$346,3,0))^2)/1000,0)</f>
        <v>45</v>
      </c>
      <c r="AZ108">
        <f ca="1">ROUND(SQRT((VLOOKUP($A108,városok!$A$2:$C$346,2,0)-VLOOKUP(AZ$1,városok!$A$2:$C$346,2,0))^2+(VLOOKUP($A108,városok!$A$2:$C$346,3,0)-VLOOKUP(AZ$1,városok!$A$2:$C$346,3,0))^2)/1000,0)</f>
        <v>54</v>
      </c>
      <c r="BA108">
        <f ca="1">ROUND(SQRT((VLOOKUP($A108,városok!$A$2:$C$346,2,0)-VLOOKUP(BA$1,városok!$A$2:$C$346,2,0))^2+(VLOOKUP($A108,városok!$A$2:$C$346,3,0)-VLOOKUP(BA$1,városok!$A$2:$C$346,3,0))^2)/1000,0)</f>
        <v>102</v>
      </c>
      <c r="BB108">
        <f ca="1">ROUND(SQRT((VLOOKUP($A108,városok!$A$2:$C$346,2,0)-VLOOKUP(BB$1,városok!$A$2:$C$346,2,0))^2+(VLOOKUP($A108,városok!$A$2:$C$346,3,0)-VLOOKUP(BB$1,városok!$A$2:$C$346,3,0))^2)/1000,0)</f>
        <v>108</v>
      </c>
      <c r="BC108">
        <f ca="1">ROUND(SQRT((VLOOKUP($A108,városok!$A$2:$C$346,2,0)-VLOOKUP(BC$1,városok!$A$2:$C$346,2,0))^2+(VLOOKUP($A108,városok!$A$2:$C$346,3,0)-VLOOKUP(BC$1,városok!$A$2:$C$346,3,0))^2)/1000,0)</f>
        <v>131</v>
      </c>
      <c r="BD108">
        <f ca="1">ROUND(SQRT((VLOOKUP($A108,városok!$A$2:$C$346,2,0)-VLOOKUP(BD$1,városok!$A$2:$C$346,2,0))^2+(VLOOKUP($A108,városok!$A$2:$C$346,3,0)-VLOOKUP(BD$1,városok!$A$2:$C$346,3,0))^2)/1000,0)</f>
        <v>71</v>
      </c>
      <c r="BE108">
        <f ca="1">ROUND(SQRT((VLOOKUP($A108,városok!$A$2:$C$346,2,0)-VLOOKUP(BE$1,városok!$A$2:$C$346,2,0))^2+(VLOOKUP($A108,városok!$A$2:$C$346,3,0)-VLOOKUP(BE$1,városok!$A$2:$C$346,3,0))^2)/1000,0)</f>
        <v>297</v>
      </c>
      <c r="BF108">
        <f ca="1">ROUND(SQRT((VLOOKUP($A108,városok!$A$2:$C$346,2,0)-VLOOKUP(BF$1,városok!$A$2:$C$346,2,0))^2+(VLOOKUP($A108,városok!$A$2:$C$346,3,0)-VLOOKUP(BF$1,városok!$A$2:$C$346,3,0))^2)/1000,0)</f>
        <v>266</v>
      </c>
      <c r="BG108">
        <f ca="1">ROUND(SQRT((VLOOKUP($A108,városok!$A$2:$C$346,2,0)-VLOOKUP(BG$1,városok!$A$2:$C$346,2,0))^2+(VLOOKUP($A108,városok!$A$2:$C$346,3,0)-VLOOKUP(BG$1,városok!$A$2:$C$346,3,0))^2)/1000,0)</f>
        <v>220</v>
      </c>
      <c r="BH108">
        <f ca="1">ROUND(SQRT((VLOOKUP($A108,városok!$A$2:$C$346,2,0)-VLOOKUP(BH$1,városok!$A$2:$C$346,2,0))^2+(VLOOKUP($A108,városok!$A$2:$C$346,3,0)-VLOOKUP(BH$1,városok!$A$2:$C$346,3,0))^2)/1000,0)</f>
        <v>220</v>
      </c>
      <c r="BI108">
        <f ca="1">ROUND(SQRT((VLOOKUP($A108,városok!$A$2:$C$346,2,0)-VLOOKUP(BI$1,városok!$A$2:$C$346,2,0))^2+(VLOOKUP($A108,városok!$A$2:$C$346,3,0)-VLOOKUP(BI$1,városok!$A$2:$C$346,3,0))^2)/1000,0)</f>
        <v>103</v>
      </c>
      <c r="BJ108">
        <f ca="1">ROUND(SQRT((VLOOKUP($A108,városok!$A$2:$C$346,2,0)-VLOOKUP(BJ$1,városok!$A$2:$C$346,2,0))^2+(VLOOKUP($A108,városok!$A$2:$C$346,3,0)-VLOOKUP(BJ$1,városok!$A$2:$C$346,3,0))^2)/1000,0)</f>
        <v>118</v>
      </c>
      <c r="BK108">
        <f ca="1">ROUND(SQRT((VLOOKUP($A108,városok!$A$2:$C$346,2,0)-VLOOKUP(BK$1,városok!$A$2:$C$346,2,0))^2+(VLOOKUP($A108,városok!$A$2:$C$346,3,0)-VLOOKUP(BK$1,városok!$A$2:$C$346,3,0))^2)/1000,0)</f>
        <v>108</v>
      </c>
      <c r="BL108">
        <f ca="1">ROUND(SQRT((VLOOKUP($A108,városok!$A$2:$C$346,2,0)-VLOOKUP(BL$1,városok!$A$2:$C$346,2,0))^2+(VLOOKUP($A108,városok!$A$2:$C$346,3,0)-VLOOKUP(BL$1,városok!$A$2:$C$346,3,0))^2)/1000,0)</f>
        <v>169</v>
      </c>
      <c r="BM108">
        <f ca="1">ROUND(SQRT((VLOOKUP($A108,városok!$A$2:$C$346,2,0)-VLOOKUP(BM$1,városok!$A$2:$C$346,2,0))^2+(VLOOKUP($A108,városok!$A$2:$C$346,3,0)-VLOOKUP(BM$1,városok!$A$2:$C$346,3,0))^2)/1000,0)</f>
        <v>141</v>
      </c>
      <c r="BN108">
        <f ca="1">ROUND(SQRT((VLOOKUP($A108,városok!$A$2:$C$346,2,0)-VLOOKUP(BN$1,városok!$A$2:$C$346,2,0))^2+(VLOOKUP($A108,városok!$A$2:$C$346,3,0)-VLOOKUP(BN$1,városok!$A$2:$C$346,3,0))^2)/1000,0)</f>
        <v>164</v>
      </c>
      <c r="BO108">
        <f ca="1">ROUND(SQRT((VLOOKUP($A108,városok!$A$2:$C$346,2,0)-VLOOKUP(BO$1,városok!$A$2:$C$346,2,0))^2+(VLOOKUP($A108,városok!$A$2:$C$346,3,0)-VLOOKUP(BO$1,városok!$A$2:$C$346,3,0))^2)/1000,0)</f>
        <v>67</v>
      </c>
      <c r="BP108">
        <f ca="1">ROUND(SQRT((VLOOKUP($A108,városok!$A$2:$C$346,2,0)-VLOOKUP(BP$1,városok!$A$2:$C$346,2,0))^2+(VLOOKUP($A108,városok!$A$2:$C$346,3,0)-VLOOKUP(BP$1,városok!$A$2:$C$346,3,0))^2)/1000,0)</f>
        <v>60</v>
      </c>
      <c r="BQ108">
        <f ca="1">ROUND(SQRT((VLOOKUP($A108,városok!$A$2:$C$346,2,0)-VLOOKUP(BQ$1,városok!$A$2:$C$346,2,0))^2+(VLOOKUP($A108,városok!$A$2:$C$346,3,0)-VLOOKUP(BQ$1,városok!$A$2:$C$346,3,0))^2)/1000,0)</f>
        <v>71</v>
      </c>
      <c r="BR108">
        <f ca="1">ROUND(SQRT((VLOOKUP($A108,városok!$A$2:$C$346,2,0)-VLOOKUP(BR$1,városok!$A$2:$C$346,2,0))^2+(VLOOKUP($A108,városok!$A$2:$C$346,3,0)-VLOOKUP(BR$1,városok!$A$2:$C$346,3,0))^2)/1000,0)</f>
        <v>132</v>
      </c>
      <c r="BS108">
        <f ca="1">ROUND(SQRT((VLOOKUP($A108,városok!$A$2:$C$346,2,0)-VLOOKUP(BS$1,városok!$A$2:$C$346,2,0))^2+(VLOOKUP($A108,városok!$A$2:$C$346,3,0)-VLOOKUP(BS$1,városok!$A$2:$C$346,3,0))^2)/1000,0)</f>
        <v>168</v>
      </c>
      <c r="BT108">
        <f ca="1">ROUND(SQRT((VLOOKUP($A108,városok!$A$2:$C$346,2,0)-VLOOKUP(BT$1,városok!$A$2:$C$346,2,0))^2+(VLOOKUP($A108,városok!$A$2:$C$346,3,0)-VLOOKUP(BT$1,városok!$A$2:$C$346,3,0))^2)/1000,0)</f>
        <v>158</v>
      </c>
    </row>
    <row r="109" spans="1:72" x14ac:dyDescent="0.2">
      <c r="A109" t="str">
        <f>városok!A109</f>
        <v>Mór</v>
      </c>
      <c r="B109">
        <f ca="1">ROUND(SQRT((VLOOKUP($A109,városok!$A$2:$C$346,2,0)-VLOOKUP(B$1,városok!$A$2:$C$346,2,0))^2+(VLOOKUP($A109,városok!$A$2:$C$346,3,0)-VLOOKUP(B$1,városok!$A$2:$C$346,3,0))^2)/1000,0)</f>
        <v>144</v>
      </c>
      <c r="C109">
        <f ca="1">ROUND(SQRT((VLOOKUP($A109,városok!$A$2:$C$346,2,0)-VLOOKUP(C$1,városok!$A$2:$C$346,2,0))^2+(VLOOKUP($A109,városok!$A$2:$C$346,3,0)-VLOOKUP(C$1,városok!$A$2:$C$346,3,0))^2)/1000,0)</f>
        <v>111</v>
      </c>
      <c r="D109">
        <f ca="1">ROUND(SQRT((VLOOKUP($A109,városok!$A$2:$C$346,2,0)-VLOOKUP(D$1,városok!$A$2:$C$346,2,0))^2+(VLOOKUP($A109,városok!$A$2:$C$346,3,0)-VLOOKUP(D$1,városok!$A$2:$C$346,3,0))^2)/1000,0)</f>
        <v>124</v>
      </c>
      <c r="E109">
        <f ca="1">ROUND(SQRT((VLOOKUP($A109,városok!$A$2:$C$346,2,0)-VLOOKUP(E$1,városok!$A$2:$C$346,2,0))^2+(VLOOKUP($A109,városok!$A$2:$C$346,3,0)-VLOOKUP(E$1,városok!$A$2:$C$346,3,0))^2)/1000,0)</f>
        <v>132</v>
      </c>
      <c r="F109">
        <f ca="1">ROUND(SQRT((VLOOKUP($A109,városok!$A$2:$C$346,2,0)-VLOOKUP(F$1,városok!$A$2:$C$346,2,0))^2+(VLOOKUP($A109,városok!$A$2:$C$346,3,0)-VLOOKUP(F$1,városok!$A$2:$C$346,3,0))^2)/1000,0)</f>
        <v>158</v>
      </c>
      <c r="G109">
        <f ca="1">ROUND(SQRT((VLOOKUP($A109,városok!$A$2:$C$346,2,0)-VLOOKUP(G$1,városok!$A$2:$C$346,2,0))^2+(VLOOKUP($A109,városok!$A$2:$C$346,3,0)-VLOOKUP(G$1,városok!$A$2:$C$346,3,0))^2)/1000,0)</f>
        <v>144</v>
      </c>
      <c r="H109">
        <f ca="1">ROUND(SQRT((VLOOKUP($A109,városok!$A$2:$C$346,2,0)-VLOOKUP(H$1,városok!$A$2:$C$346,2,0))^2+(VLOOKUP($A109,városok!$A$2:$C$346,3,0)-VLOOKUP(H$1,városok!$A$2:$C$346,3,0))^2)/1000,0)</f>
        <v>151</v>
      </c>
      <c r="I109">
        <f ca="1">ROUND(SQRT((VLOOKUP($A109,városok!$A$2:$C$346,2,0)-VLOOKUP(I$1,városok!$A$2:$C$346,2,0))^2+(VLOOKUP($A109,városok!$A$2:$C$346,3,0)-VLOOKUP(I$1,városok!$A$2:$C$346,3,0))^2)/1000,0)</f>
        <v>231</v>
      </c>
      <c r="J109">
        <f ca="1">ROUND(SQRT((VLOOKUP($A109,városok!$A$2:$C$346,2,0)-VLOOKUP(J$1,városok!$A$2:$C$346,2,0))^2+(VLOOKUP($A109,városok!$A$2:$C$346,3,0)-VLOOKUP(J$1,városok!$A$2:$C$346,3,0))^2)/1000,0)</f>
        <v>247</v>
      </c>
      <c r="K109">
        <f ca="1">ROUND(SQRT((VLOOKUP($A109,városok!$A$2:$C$346,2,0)-VLOOKUP(K$1,városok!$A$2:$C$346,2,0))^2+(VLOOKUP($A109,városok!$A$2:$C$346,3,0)-VLOOKUP(K$1,városok!$A$2:$C$346,3,0))^2)/1000,0)</f>
        <v>208</v>
      </c>
      <c r="L109">
        <f ca="1">ROUND(SQRT((VLOOKUP($A109,városok!$A$2:$C$346,2,0)-VLOOKUP(L$1,városok!$A$2:$C$346,2,0))^2+(VLOOKUP($A109,városok!$A$2:$C$346,3,0)-VLOOKUP(L$1,városok!$A$2:$C$346,3,0))^2)/1000,0)</f>
        <v>206</v>
      </c>
      <c r="M109">
        <f ca="1">ROUND(SQRT((VLOOKUP($A109,városok!$A$2:$C$346,2,0)-VLOOKUP(M$1,városok!$A$2:$C$346,2,0))^2+(VLOOKUP($A109,városok!$A$2:$C$346,3,0)-VLOOKUP(M$1,városok!$A$2:$C$346,3,0))^2)/1000,0)</f>
        <v>210</v>
      </c>
      <c r="N109">
        <f ca="1">ROUND(SQRT((VLOOKUP($A109,városok!$A$2:$C$346,2,0)-VLOOKUP(N$1,városok!$A$2:$C$346,2,0))^2+(VLOOKUP($A109,városok!$A$2:$C$346,3,0)-VLOOKUP(N$1,városok!$A$2:$C$346,3,0))^2)/1000,0)</f>
        <v>182</v>
      </c>
      <c r="O109">
        <f ca="1">ROUND(SQRT((VLOOKUP($A109,városok!$A$2:$C$346,2,0)-VLOOKUP(O$1,városok!$A$2:$C$346,2,0))^2+(VLOOKUP($A109,városok!$A$2:$C$346,3,0)-VLOOKUP(O$1,városok!$A$2:$C$346,3,0))^2)/1000,0)</f>
        <v>281</v>
      </c>
      <c r="P109">
        <f ca="1">ROUND(SQRT((VLOOKUP($A109,városok!$A$2:$C$346,2,0)-VLOOKUP(P$1,városok!$A$2:$C$346,2,0))^2+(VLOOKUP($A109,városok!$A$2:$C$346,3,0)-VLOOKUP(P$1,városok!$A$2:$C$346,3,0))^2)/1000,0)</f>
        <v>281</v>
      </c>
      <c r="Q109">
        <f ca="1">ROUND(SQRT((VLOOKUP($A109,városok!$A$2:$C$346,2,0)-VLOOKUP(Q$1,városok!$A$2:$C$346,2,0))^2+(VLOOKUP($A109,városok!$A$2:$C$346,3,0)-VLOOKUP(Q$1,városok!$A$2:$C$346,3,0))^2)/1000,0)</f>
        <v>193</v>
      </c>
      <c r="R109">
        <f ca="1">ROUND(SQRT((VLOOKUP($A109,városok!$A$2:$C$346,2,0)-VLOOKUP(R$1,városok!$A$2:$C$346,2,0))^2+(VLOOKUP($A109,városok!$A$2:$C$346,3,0)-VLOOKUP(R$1,városok!$A$2:$C$346,3,0))^2)/1000,0)</f>
        <v>215</v>
      </c>
      <c r="S109">
        <f ca="1">ROUND(SQRT((VLOOKUP($A109,városok!$A$2:$C$346,2,0)-VLOOKUP(S$1,városok!$A$2:$C$346,2,0))^2+(VLOOKUP($A109,városok!$A$2:$C$346,3,0)-VLOOKUP(S$1,városok!$A$2:$C$346,3,0))^2)/1000,0)</f>
        <v>194</v>
      </c>
      <c r="T109">
        <f ca="1">ROUND(SQRT((VLOOKUP($A109,városok!$A$2:$C$346,2,0)-VLOOKUP(T$1,városok!$A$2:$C$346,2,0))^2+(VLOOKUP($A109,városok!$A$2:$C$346,3,0)-VLOOKUP(T$1,városok!$A$2:$C$346,3,0))^2)/1000,0)</f>
        <v>34</v>
      </c>
      <c r="U109">
        <f ca="1">ROUND(SQRT((VLOOKUP($A109,városok!$A$2:$C$346,2,0)-VLOOKUP(U$1,városok!$A$2:$C$346,2,0))^2+(VLOOKUP($A109,városok!$A$2:$C$346,3,0)-VLOOKUP(U$1,városok!$A$2:$C$346,3,0))^2)/1000,0)</f>
        <v>71</v>
      </c>
      <c r="V109">
        <f ca="1">ROUND(SQRT((VLOOKUP($A109,városok!$A$2:$C$346,2,0)-VLOOKUP(V$1,városok!$A$2:$C$346,2,0))^2+(VLOOKUP($A109,városok!$A$2:$C$346,3,0)-VLOOKUP(V$1,városok!$A$2:$C$346,3,0))^2)/1000,0)</f>
        <v>36</v>
      </c>
      <c r="W109">
        <f ca="1">ROUND(SQRT((VLOOKUP($A109,városok!$A$2:$C$346,2,0)-VLOOKUP(W$1,városok!$A$2:$C$346,2,0))^2+(VLOOKUP($A109,városok!$A$2:$C$346,3,0)-VLOOKUP(W$1,városok!$A$2:$C$346,3,0))^2)/1000,0)</f>
        <v>63</v>
      </c>
      <c r="X109">
        <f ca="1">ROUND(SQRT((VLOOKUP($A109,városok!$A$2:$C$346,2,0)-VLOOKUP(X$1,városok!$A$2:$C$346,2,0))^2+(VLOOKUP($A109,városok!$A$2:$C$346,3,0)-VLOOKUP(X$1,városok!$A$2:$C$346,3,0))^2)/1000,0)</f>
        <v>13</v>
      </c>
      <c r="Y109">
        <f ca="1">ROUND(SQRT((VLOOKUP($A109,városok!$A$2:$C$346,2,0)-VLOOKUP(Y$1,városok!$A$2:$C$346,2,0))^2+(VLOOKUP($A109,városok!$A$2:$C$346,3,0)-VLOOKUP(Y$1,városok!$A$2:$C$346,3,0))^2)/1000,0)</f>
        <v>56</v>
      </c>
      <c r="Z109">
        <f ca="1">ROUND(SQRT((VLOOKUP($A109,városok!$A$2:$C$346,2,0)-VLOOKUP(Z$1,városok!$A$2:$C$346,2,0))^2+(VLOOKUP($A109,városok!$A$2:$C$346,3,0)-VLOOKUP(Z$1,városok!$A$2:$C$346,3,0))^2)/1000,0)</f>
        <v>74</v>
      </c>
      <c r="AA109">
        <f ca="1">ROUND(SQRT((VLOOKUP($A109,városok!$A$2:$C$346,2,0)-VLOOKUP(AA$1,városok!$A$2:$C$346,2,0))^2+(VLOOKUP($A109,városok!$A$2:$C$346,3,0)-VLOOKUP(AA$1,városok!$A$2:$C$346,3,0))^2)/1000,0)</f>
        <v>127</v>
      </c>
      <c r="AB109">
        <f ca="1">ROUND(SQRT((VLOOKUP($A109,városok!$A$2:$C$346,2,0)-VLOOKUP(AB$1,városok!$A$2:$C$346,2,0))^2+(VLOOKUP($A109,városok!$A$2:$C$346,3,0)-VLOOKUP(AB$1,városok!$A$2:$C$346,3,0))^2)/1000,0)</f>
        <v>258</v>
      </c>
      <c r="AC109">
        <f ca="1">ROUND(SQRT((VLOOKUP($A109,városok!$A$2:$C$346,2,0)-VLOOKUP(AC$1,városok!$A$2:$C$346,2,0))^2+(VLOOKUP($A109,városok!$A$2:$C$346,3,0)-VLOOKUP(AC$1,városok!$A$2:$C$346,3,0))^2)/1000,0)</f>
        <v>240</v>
      </c>
      <c r="AD109">
        <f ca="1">ROUND(SQRT((VLOOKUP($A109,városok!$A$2:$C$346,2,0)-VLOOKUP(AD$1,városok!$A$2:$C$346,2,0))^2+(VLOOKUP($A109,városok!$A$2:$C$346,3,0)-VLOOKUP(AD$1,városok!$A$2:$C$346,3,0))^2)/1000,0)</f>
        <v>223</v>
      </c>
      <c r="AE109">
        <f ca="1">ROUND(SQRT((VLOOKUP($A109,városok!$A$2:$C$346,2,0)-VLOOKUP(AE$1,városok!$A$2:$C$346,2,0))^2+(VLOOKUP($A109,városok!$A$2:$C$346,3,0)-VLOOKUP(AE$1,városok!$A$2:$C$346,3,0))^2)/1000,0)</f>
        <v>224</v>
      </c>
      <c r="AF109">
        <f ca="1">ROUND(SQRT((VLOOKUP($A109,városok!$A$2:$C$346,2,0)-VLOOKUP(AF$1,városok!$A$2:$C$346,2,0))^2+(VLOOKUP($A109,városok!$A$2:$C$346,3,0)-VLOOKUP(AF$1,városok!$A$2:$C$346,3,0))^2)/1000,0)</f>
        <v>173</v>
      </c>
      <c r="AG109">
        <f ca="1">ROUND(SQRT((VLOOKUP($A109,városok!$A$2:$C$346,2,0)-VLOOKUP(AG$1,városok!$A$2:$C$346,2,0))^2+(VLOOKUP($A109,városok!$A$2:$C$346,3,0)-VLOOKUP(AG$1,városok!$A$2:$C$346,3,0))^2)/1000,0)</f>
        <v>137</v>
      </c>
      <c r="AH109">
        <f ca="1">ROUND(SQRT((VLOOKUP($A109,városok!$A$2:$C$346,2,0)-VLOOKUP(AH$1,városok!$A$2:$C$346,2,0))^2+(VLOOKUP($A109,városok!$A$2:$C$346,3,0)-VLOOKUP(AH$1,városok!$A$2:$C$346,3,0))^2)/1000,0)</f>
        <v>115</v>
      </c>
      <c r="AI109">
        <f ca="1">ROUND(SQRT((VLOOKUP($A109,városok!$A$2:$C$346,2,0)-VLOOKUP(AI$1,városok!$A$2:$C$346,2,0))^2+(VLOOKUP($A109,városok!$A$2:$C$346,3,0)-VLOOKUP(AI$1,városok!$A$2:$C$346,3,0))^2)/1000,0)</f>
        <v>159</v>
      </c>
      <c r="AJ109">
        <f ca="1">ROUND(SQRT((VLOOKUP($A109,városok!$A$2:$C$346,2,0)-VLOOKUP(AJ$1,városok!$A$2:$C$346,2,0))^2+(VLOOKUP($A109,városok!$A$2:$C$346,3,0)-VLOOKUP(AJ$1,városok!$A$2:$C$346,3,0))^2)/1000,0)</f>
        <v>136</v>
      </c>
      <c r="AK109">
        <f ca="1">ROUND(SQRT((VLOOKUP($A109,városok!$A$2:$C$346,2,0)-VLOOKUP(AK$1,városok!$A$2:$C$346,2,0))^2+(VLOOKUP($A109,városok!$A$2:$C$346,3,0)-VLOOKUP(AK$1,városok!$A$2:$C$346,3,0))^2)/1000,0)</f>
        <v>209</v>
      </c>
      <c r="AL109">
        <f ca="1">ROUND(SQRT((VLOOKUP($A109,városok!$A$2:$C$346,2,0)-VLOOKUP(AL$1,városok!$A$2:$C$346,2,0))^2+(VLOOKUP($A109,városok!$A$2:$C$346,3,0)-VLOOKUP(AL$1,városok!$A$2:$C$346,3,0))^2)/1000,0)</f>
        <v>182</v>
      </c>
      <c r="AM109">
        <f ca="1">ROUND(SQRT((VLOOKUP($A109,városok!$A$2:$C$346,2,0)-VLOOKUP(AM$1,városok!$A$2:$C$346,2,0))^2+(VLOOKUP($A109,városok!$A$2:$C$346,3,0)-VLOOKUP(AM$1,városok!$A$2:$C$346,3,0))^2)/1000,0)</f>
        <v>151</v>
      </c>
      <c r="AN109">
        <f ca="1">ROUND(SQRT((VLOOKUP($A109,városok!$A$2:$C$346,2,0)-VLOOKUP(AN$1,városok!$A$2:$C$346,2,0))^2+(VLOOKUP($A109,városok!$A$2:$C$346,3,0)-VLOOKUP(AN$1,városok!$A$2:$C$346,3,0))^2)/1000,0)</f>
        <v>61</v>
      </c>
      <c r="AO109">
        <f ca="1">ROUND(SQRT((VLOOKUP($A109,városok!$A$2:$C$346,2,0)-VLOOKUP(AO$1,városok!$A$2:$C$346,2,0))^2+(VLOOKUP($A109,városok!$A$2:$C$346,3,0)-VLOOKUP(AO$1,városok!$A$2:$C$346,3,0))^2)/1000,0)</f>
        <v>41</v>
      </c>
      <c r="AP109">
        <f ca="1">ROUND(SQRT((VLOOKUP($A109,városok!$A$2:$C$346,2,0)-VLOOKUP(AP$1,városok!$A$2:$C$346,2,0))^2+(VLOOKUP($A109,városok!$A$2:$C$346,3,0)-VLOOKUP(AP$1,városok!$A$2:$C$346,3,0))^2)/1000,0)</f>
        <v>31</v>
      </c>
      <c r="AQ109">
        <f ca="1">ROUND(SQRT((VLOOKUP($A109,városok!$A$2:$C$346,2,0)-VLOOKUP(AQ$1,városok!$A$2:$C$346,2,0))^2+(VLOOKUP($A109,városok!$A$2:$C$346,3,0)-VLOOKUP(AQ$1,városok!$A$2:$C$346,3,0))^2)/1000,0)</f>
        <v>26</v>
      </c>
      <c r="AR109">
        <f ca="1">ROUND(SQRT((VLOOKUP($A109,városok!$A$2:$C$346,2,0)-VLOOKUP(AR$1,városok!$A$2:$C$346,2,0))^2+(VLOOKUP($A109,városok!$A$2:$C$346,3,0)-VLOOKUP(AR$1,városok!$A$2:$C$346,3,0))^2)/1000,0)</f>
        <v>127</v>
      </c>
      <c r="AS109">
        <f ca="1">ROUND(SQRT((VLOOKUP($A109,városok!$A$2:$C$346,2,0)-VLOOKUP(AS$1,városok!$A$2:$C$346,2,0))^2+(VLOOKUP($A109,városok!$A$2:$C$346,3,0)-VLOOKUP(AS$1,városok!$A$2:$C$346,3,0))^2)/1000,0)</f>
        <v>145</v>
      </c>
      <c r="AT109">
        <f ca="1">ROUND(SQRT((VLOOKUP($A109,városok!$A$2:$C$346,2,0)-VLOOKUP(AT$1,városok!$A$2:$C$346,2,0))^2+(VLOOKUP($A109,városok!$A$2:$C$346,3,0)-VLOOKUP(AT$1,városok!$A$2:$C$346,3,0))^2)/1000,0)</f>
        <v>47</v>
      </c>
      <c r="AU109">
        <f ca="1">ROUND(SQRT((VLOOKUP($A109,városok!$A$2:$C$346,2,0)-VLOOKUP(AU$1,városok!$A$2:$C$346,2,0))^2+(VLOOKUP($A109,városok!$A$2:$C$346,3,0)-VLOOKUP(AU$1,városok!$A$2:$C$346,3,0))^2)/1000,0)</f>
        <v>57</v>
      </c>
      <c r="AV109">
        <f ca="1">ROUND(SQRT((VLOOKUP($A109,városok!$A$2:$C$346,2,0)-VLOOKUP(AV$1,városok!$A$2:$C$346,2,0))^2+(VLOOKUP($A109,városok!$A$2:$C$346,3,0)-VLOOKUP(AV$1,városok!$A$2:$C$346,3,0))^2)/1000,0)</f>
        <v>56</v>
      </c>
      <c r="AW109">
        <f ca="1">ROUND(SQRT((VLOOKUP($A109,városok!$A$2:$C$346,2,0)-VLOOKUP(AW$1,városok!$A$2:$C$346,2,0))^2+(VLOOKUP($A109,városok!$A$2:$C$346,3,0)-VLOOKUP(AW$1,városok!$A$2:$C$346,3,0))^2)/1000,0)</f>
        <v>53</v>
      </c>
      <c r="AX109">
        <f ca="1">ROUND(SQRT((VLOOKUP($A109,városok!$A$2:$C$346,2,0)-VLOOKUP(AX$1,városok!$A$2:$C$346,2,0))^2+(VLOOKUP($A109,városok!$A$2:$C$346,3,0)-VLOOKUP(AX$1,városok!$A$2:$C$346,3,0))^2)/1000,0)</f>
        <v>125</v>
      </c>
      <c r="AY109">
        <f ca="1">ROUND(SQRT((VLOOKUP($A109,városok!$A$2:$C$346,2,0)-VLOOKUP(AY$1,városok!$A$2:$C$346,2,0))^2+(VLOOKUP($A109,városok!$A$2:$C$346,3,0)-VLOOKUP(AY$1,városok!$A$2:$C$346,3,0))^2)/1000,0)</f>
        <v>73</v>
      </c>
      <c r="AZ109">
        <f ca="1">ROUND(SQRT((VLOOKUP($A109,városok!$A$2:$C$346,2,0)-VLOOKUP(AZ$1,városok!$A$2:$C$346,2,0))^2+(VLOOKUP($A109,városok!$A$2:$C$346,3,0)-VLOOKUP(AZ$1,városok!$A$2:$C$346,3,0))^2)/1000,0)</f>
        <v>73</v>
      </c>
      <c r="BA109">
        <f ca="1">ROUND(SQRT((VLOOKUP($A109,városok!$A$2:$C$346,2,0)-VLOOKUP(BA$1,városok!$A$2:$C$346,2,0))^2+(VLOOKUP($A109,városok!$A$2:$C$346,3,0)-VLOOKUP(BA$1,városok!$A$2:$C$346,3,0))^2)/1000,0)</f>
        <v>77</v>
      </c>
      <c r="BB109">
        <f ca="1">ROUND(SQRT((VLOOKUP($A109,városok!$A$2:$C$346,2,0)-VLOOKUP(BB$1,városok!$A$2:$C$346,2,0))^2+(VLOOKUP($A109,városok!$A$2:$C$346,3,0)-VLOOKUP(BB$1,városok!$A$2:$C$346,3,0))^2)/1000,0)</f>
        <v>95</v>
      </c>
      <c r="BC109">
        <f ca="1">ROUND(SQRT((VLOOKUP($A109,városok!$A$2:$C$346,2,0)-VLOOKUP(BC$1,városok!$A$2:$C$346,2,0))^2+(VLOOKUP($A109,városok!$A$2:$C$346,3,0)-VLOOKUP(BC$1,városok!$A$2:$C$346,3,0))^2)/1000,0)</f>
        <v>118</v>
      </c>
      <c r="BD109">
        <f ca="1">ROUND(SQRT((VLOOKUP($A109,városok!$A$2:$C$346,2,0)-VLOOKUP(BD$1,városok!$A$2:$C$346,2,0))^2+(VLOOKUP($A109,városok!$A$2:$C$346,3,0)-VLOOKUP(BD$1,városok!$A$2:$C$346,3,0))^2)/1000,0)</f>
        <v>53</v>
      </c>
      <c r="BE109">
        <f ca="1">ROUND(SQRT((VLOOKUP($A109,városok!$A$2:$C$346,2,0)-VLOOKUP(BE$1,városok!$A$2:$C$346,2,0))^2+(VLOOKUP($A109,városok!$A$2:$C$346,3,0)-VLOOKUP(BE$1,városok!$A$2:$C$346,3,0))^2)/1000,0)</f>
        <v>339</v>
      </c>
      <c r="BF109">
        <f ca="1">ROUND(SQRT((VLOOKUP($A109,városok!$A$2:$C$346,2,0)-VLOOKUP(BF$1,városok!$A$2:$C$346,2,0))^2+(VLOOKUP($A109,városok!$A$2:$C$346,3,0)-VLOOKUP(BF$1,városok!$A$2:$C$346,3,0))^2)/1000,0)</f>
        <v>304</v>
      </c>
      <c r="BG109">
        <f ca="1">ROUND(SQRT((VLOOKUP($A109,városok!$A$2:$C$346,2,0)-VLOOKUP(BG$1,városok!$A$2:$C$346,2,0))^2+(VLOOKUP($A109,városok!$A$2:$C$346,3,0)-VLOOKUP(BG$1,városok!$A$2:$C$346,3,0))^2)/1000,0)</f>
        <v>258</v>
      </c>
      <c r="BH109">
        <f ca="1">ROUND(SQRT((VLOOKUP($A109,városok!$A$2:$C$346,2,0)-VLOOKUP(BH$1,városok!$A$2:$C$346,2,0))^2+(VLOOKUP($A109,városok!$A$2:$C$346,3,0)-VLOOKUP(BH$1,városok!$A$2:$C$346,3,0))^2)/1000,0)</f>
        <v>258</v>
      </c>
      <c r="BI109">
        <f ca="1">ROUND(SQRT((VLOOKUP($A109,városok!$A$2:$C$346,2,0)-VLOOKUP(BI$1,városok!$A$2:$C$346,2,0))^2+(VLOOKUP($A109,városok!$A$2:$C$346,3,0)-VLOOKUP(BI$1,városok!$A$2:$C$346,3,0))^2)/1000,0)</f>
        <v>113</v>
      </c>
      <c r="BJ109">
        <f ca="1">ROUND(SQRT((VLOOKUP($A109,városok!$A$2:$C$346,2,0)-VLOOKUP(BJ$1,városok!$A$2:$C$346,2,0))^2+(VLOOKUP($A109,városok!$A$2:$C$346,3,0)-VLOOKUP(BJ$1,városok!$A$2:$C$346,3,0))^2)/1000,0)</f>
        <v>123</v>
      </c>
      <c r="BK109">
        <f ca="1">ROUND(SQRT((VLOOKUP($A109,városok!$A$2:$C$346,2,0)-VLOOKUP(BK$1,városok!$A$2:$C$346,2,0))^2+(VLOOKUP($A109,városok!$A$2:$C$346,3,0)-VLOOKUP(BK$1,városok!$A$2:$C$346,3,0))^2)/1000,0)</f>
        <v>120</v>
      </c>
      <c r="BL109">
        <f ca="1">ROUND(SQRT((VLOOKUP($A109,városok!$A$2:$C$346,2,0)-VLOOKUP(BL$1,városok!$A$2:$C$346,2,0))^2+(VLOOKUP($A109,városok!$A$2:$C$346,3,0)-VLOOKUP(BL$1,városok!$A$2:$C$346,3,0))^2)/1000,0)</f>
        <v>128</v>
      </c>
      <c r="BM109">
        <f ca="1">ROUND(SQRT((VLOOKUP($A109,városok!$A$2:$C$346,2,0)-VLOOKUP(BM$1,városok!$A$2:$C$346,2,0))^2+(VLOOKUP($A109,városok!$A$2:$C$346,3,0)-VLOOKUP(BM$1,városok!$A$2:$C$346,3,0))^2)/1000,0)</f>
        <v>98</v>
      </c>
      <c r="BN109">
        <f ca="1">ROUND(SQRT((VLOOKUP($A109,városok!$A$2:$C$346,2,0)-VLOOKUP(BN$1,városok!$A$2:$C$346,2,0))^2+(VLOOKUP($A109,városok!$A$2:$C$346,3,0)-VLOOKUP(BN$1,városok!$A$2:$C$346,3,0))^2)/1000,0)</f>
        <v>121</v>
      </c>
      <c r="BO109">
        <f ca="1">ROUND(SQRT((VLOOKUP($A109,városok!$A$2:$C$346,2,0)-VLOOKUP(BO$1,városok!$A$2:$C$346,2,0))^2+(VLOOKUP($A109,városok!$A$2:$C$346,3,0)-VLOOKUP(BO$1,városok!$A$2:$C$346,3,0))^2)/1000,0)</f>
        <v>41</v>
      </c>
      <c r="BP109">
        <f ca="1">ROUND(SQRT((VLOOKUP($A109,városok!$A$2:$C$346,2,0)-VLOOKUP(BP$1,városok!$A$2:$C$346,2,0))^2+(VLOOKUP($A109,városok!$A$2:$C$346,3,0)-VLOOKUP(BP$1,városok!$A$2:$C$346,3,0))^2)/1000,0)</f>
        <v>38</v>
      </c>
      <c r="BQ109">
        <f ca="1">ROUND(SQRT((VLOOKUP($A109,városok!$A$2:$C$346,2,0)-VLOOKUP(BQ$1,városok!$A$2:$C$346,2,0))^2+(VLOOKUP($A109,városok!$A$2:$C$346,3,0)-VLOOKUP(BQ$1,városok!$A$2:$C$346,3,0))^2)/1000,0)</f>
        <v>39</v>
      </c>
      <c r="BR109">
        <f ca="1">ROUND(SQRT((VLOOKUP($A109,városok!$A$2:$C$346,2,0)-VLOOKUP(BR$1,városok!$A$2:$C$346,2,0))^2+(VLOOKUP($A109,városok!$A$2:$C$346,3,0)-VLOOKUP(BR$1,városok!$A$2:$C$346,3,0))^2)/1000,0)</f>
        <v>99</v>
      </c>
      <c r="BS109">
        <f ca="1">ROUND(SQRT((VLOOKUP($A109,városok!$A$2:$C$346,2,0)-VLOOKUP(BS$1,városok!$A$2:$C$346,2,0))^2+(VLOOKUP($A109,városok!$A$2:$C$346,3,0)-VLOOKUP(BS$1,városok!$A$2:$C$346,3,0))^2)/1000,0)</f>
        <v>139</v>
      </c>
      <c r="BT109">
        <f ca="1">ROUND(SQRT((VLOOKUP($A109,városok!$A$2:$C$346,2,0)-VLOOKUP(BT$1,városok!$A$2:$C$346,2,0))^2+(VLOOKUP($A109,városok!$A$2:$C$346,3,0)-VLOOKUP(BT$1,városok!$A$2:$C$346,3,0))^2)/1000,0)</f>
        <v>120</v>
      </c>
    </row>
    <row r="110" spans="1:72" x14ac:dyDescent="0.2">
      <c r="A110" t="str">
        <f>városok!A110</f>
        <v>Polgárdi</v>
      </c>
      <c r="B110">
        <f ca="1">ROUND(SQRT((VLOOKUP($A110,városok!$A$2:$C$346,2,0)-VLOOKUP(B$1,városok!$A$2:$C$346,2,0))^2+(VLOOKUP($A110,városok!$A$2:$C$346,3,0)-VLOOKUP(B$1,városok!$A$2:$C$346,3,0))^2)/1000,0)</f>
        <v>110</v>
      </c>
      <c r="C110">
        <f ca="1">ROUND(SQRT((VLOOKUP($A110,városok!$A$2:$C$346,2,0)-VLOOKUP(C$1,városok!$A$2:$C$346,2,0))^2+(VLOOKUP($A110,városok!$A$2:$C$346,3,0)-VLOOKUP(C$1,városok!$A$2:$C$346,3,0))^2)/1000,0)</f>
        <v>79</v>
      </c>
      <c r="D110">
        <f ca="1">ROUND(SQRT((VLOOKUP($A110,városok!$A$2:$C$346,2,0)-VLOOKUP(D$1,városok!$A$2:$C$346,2,0))^2+(VLOOKUP($A110,városok!$A$2:$C$346,3,0)-VLOOKUP(D$1,városok!$A$2:$C$346,3,0))^2)/1000,0)</f>
        <v>107</v>
      </c>
      <c r="E110">
        <f ca="1">ROUND(SQRT((VLOOKUP($A110,városok!$A$2:$C$346,2,0)-VLOOKUP(E$1,városok!$A$2:$C$346,2,0))^2+(VLOOKUP($A110,városok!$A$2:$C$346,3,0)-VLOOKUP(E$1,városok!$A$2:$C$346,3,0))^2)/1000,0)</f>
        <v>97</v>
      </c>
      <c r="F110">
        <f ca="1">ROUND(SQRT((VLOOKUP($A110,városok!$A$2:$C$346,2,0)-VLOOKUP(F$1,városok!$A$2:$C$346,2,0))^2+(VLOOKUP($A110,városok!$A$2:$C$346,3,0)-VLOOKUP(F$1,városok!$A$2:$C$346,3,0))^2)/1000,0)</f>
        <v>123</v>
      </c>
      <c r="G110">
        <f ca="1">ROUND(SQRT((VLOOKUP($A110,városok!$A$2:$C$346,2,0)-VLOOKUP(G$1,városok!$A$2:$C$346,2,0))^2+(VLOOKUP($A110,városok!$A$2:$C$346,3,0)-VLOOKUP(G$1,városok!$A$2:$C$346,3,0))^2)/1000,0)</f>
        <v>109</v>
      </c>
      <c r="H110">
        <f ca="1">ROUND(SQRT((VLOOKUP($A110,városok!$A$2:$C$346,2,0)-VLOOKUP(H$1,városok!$A$2:$C$346,2,0))^2+(VLOOKUP($A110,városok!$A$2:$C$346,3,0)-VLOOKUP(H$1,városok!$A$2:$C$346,3,0))^2)/1000,0)</f>
        <v>119</v>
      </c>
      <c r="I110">
        <f ca="1">ROUND(SQRT((VLOOKUP($A110,városok!$A$2:$C$346,2,0)-VLOOKUP(I$1,városok!$A$2:$C$346,2,0))^2+(VLOOKUP($A110,városok!$A$2:$C$346,3,0)-VLOOKUP(I$1,városok!$A$2:$C$346,3,0))^2)/1000,0)</f>
        <v>216</v>
      </c>
      <c r="J110">
        <f ca="1">ROUND(SQRT((VLOOKUP($A110,városok!$A$2:$C$346,2,0)-VLOOKUP(J$1,városok!$A$2:$C$346,2,0))^2+(VLOOKUP($A110,városok!$A$2:$C$346,3,0)-VLOOKUP(J$1,városok!$A$2:$C$346,3,0))^2)/1000,0)</f>
        <v>231</v>
      </c>
      <c r="K110">
        <f ca="1">ROUND(SQRT((VLOOKUP($A110,városok!$A$2:$C$346,2,0)-VLOOKUP(K$1,városok!$A$2:$C$346,2,0))^2+(VLOOKUP($A110,városok!$A$2:$C$346,3,0)-VLOOKUP(K$1,városok!$A$2:$C$346,3,0))^2)/1000,0)</f>
        <v>189</v>
      </c>
      <c r="L110">
        <f ca="1">ROUND(SQRT((VLOOKUP($A110,városok!$A$2:$C$346,2,0)-VLOOKUP(L$1,városok!$A$2:$C$346,2,0))^2+(VLOOKUP($A110,városok!$A$2:$C$346,3,0)-VLOOKUP(L$1,városok!$A$2:$C$346,3,0))^2)/1000,0)</f>
        <v>220</v>
      </c>
      <c r="M110">
        <f ca="1">ROUND(SQRT((VLOOKUP($A110,városok!$A$2:$C$346,2,0)-VLOOKUP(M$1,városok!$A$2:$C$346,2,0))^2+(VLOOKUP($A110,városok!$A$2:$C$346,3,0)-VLOOKUP(M$1,városok!$A$2:$C$346,3,0))^2)/1000,0)</f>
        <v>221</v>
      </c>
      <c r="N110">
        <f ca="1">ROUND(SQRT((VLOOKUP($A110,városok!$A$2:$C$346,2,0)-VLOOKUP(N$1,városok!$A$2:$C$346,2,0))^2+(VLOOKUP($A110,városok!$A$2:$C$346,3,0)-VLOOKUP(N$1,városok!$A$2:$C$346,3,0))^2)/1000,0)</f>
        <v>198</v>
      </c>
      <c r="O110">
        <f ca="1">ROUND(SQRT((VLOOKUP($A110,városok!$A$2:$C$346,2,0)-VLOOKUP(O$1,városok!$A$2:$C$346,2,0))^2+(VLOOKUP($A110,városok!$A$2:$C$346,3,0)-VLOOKUP(O$1,városok!$A$2:$C$346,3,0))^2)/1000,0)</f>
        <v>292</v>
      </c>
      <c r="P110">
        <f ca="1">ROUND(SQRT((VLOOKUP($A110,városok!$A$2:$C$346,2,0)-VLOOKUP(P$1,városok!$A$2:$C$346,2,0))^2+(VLOOKUP($A110,városok!$A$2:$C$346,3,0)-VLOOKUP(P$1,városok!$A$2:$C$346,3,0))^2)/1000,0)</f>
        <v>292</v>
      </c>
      <c r="Q110">
        <f ca="1">ROUND(SQRT((VLOOKUP($A110,városok!$A$2:$C$346,2,0)-VLOOKUP(Q$1,városok!$A$2:$C$346,2,0))^2+(VLOOKUP($A110,városok!$A$2:$C$346,3,0)-VLOOKUP(Q$1,városok!$A$2:$C$346,3,0))^2)/1000,0)</f>
        <v>170</v>
      </c>
      <c r="R110">
        <f ca="1">ROUND(SQRT((VLOOKUP($A110,városok!$A$2:$C$346,2,0)-VLOOKUP(R$1,városok!$A$2:$C$346,2,0))^2+(VLOOKUP($A110,városok!$A$2:$C$346,3,0)-VLOOKUP(R$1,városok!$A$2:$C$346,3,0))^2)/1000,0)</f>
        <v>191</v>
      </c>
      <c r="S110">
        <f ca="1">ROUND(SQRT((VLOOKUP($A110,városok!$A$2:$C$346,2,0)-VLOOKUP(S$1,városok!$A$2:$C$346,2,0))^2+(VLOOKUP($A110,városok!$A$2:$C$346,3,0)-VLOOKUP(S$1,városok!$A$2:$C$346,3,0))^2)/1000,0)</f>
        <v>168</v>
      </c>
      <c r="T110">
        <f ca="1">ROUND(SQRT((VLOOKUP($A110,városok!$A$2:$C$346,2,0)-VLOOKUP(T$1,városok!$A$2:$C$346,2,0))^2+(VLOOKUP($A110,városok!$A$2:$C$346,3,0)-VLOOKUP(T$1,városok!$A$2:$C$346,3,0))^2)/1000,0)</f>
        <v>54</v>
      </c>
      <c r="U110">
        <f ca="1">ROUND(SQRT((VLOOKUP($A110,városok!$A$2:$C$346,2,0)-VLOOKUP(U$1,városok!$A$2:$C$346,2,0))^2+(VLOOKUP($A110,városok!$A$2:$C$346,3,0)-VLOOKUP(U$1,városok!$A$2:$C$346,3,0))^2)/1000,0)</f>
        <v>49</v>
      </c>
      <c r="V110">
        <f ca="1">ROUND(SQRT((VLOOKUP($A110,városok!$A$2:$C$346,2,0)-VLOOKUP(V$1,városok!$A$2:$C$346,2,0))^2+(VLOOKUP($A110,városok!$A$2:$C$346,3,0)-VLOOKUP(V$1,városok!$A$2:$C$346,3,0))^2)/1000,0)</f>
        <v>0</v>
      </c>
      <c r="W110">
        <f ca="1">ROUND(SQRT((VLOOKUP($A110,városok!$A$2:$C$346,2,0)-VLOOKUP(W$1,városok!$A$2:$C$346,2,0))^2+(VLOOKUP($A110,városok!$A$2:$C$346,3,0)-VLOOKUP(W$1,városok!$A$2:$C$346,3,0))^2)/1000,0)</f>
        <v>31</v>
      </c>
      <c r="X110">
        <f ca="1">ROUND(SQRT((VLOOKUP($A110,városok!$A$2:$C$346,2,0)-VLOOKUP(X$1,városok!$A$2:$C$346,2,0))^2+(VLOOKUP($A110,városok!$A$2:$C$346,3,0)-VLOOKUP(X$1,városok!$A$2:$C$346,3,0))^2)/1000,0)</f>
        <v>26</v>
      </c>
      <c r="Y110">
        <f ca="1">ROUND(SQRT((VLOOKUP($A110,városok!$A$2:$C$346,2,0)-VLOOKUP(Y$1,városok!$A$2:$C$346,2,0))^2+(VLOOKUP($A110,városok!$A$2:$C$346,3,0)-VLOOKUP(Y$1,városok!$A$2:$C$346,3,0))^2)/1000,0)</f>
        <v>86</v>
      </c>
      <c r="Z110">
        <f ca="1">ROUND(SQRT((VLOOKUP($A110,városok!$A$2:$C$346,2,0)-VLOOKUP(Z$1,városok!$A$2:$C$346,2,0))^2+(VLOOKUP($A110,városok!$A$2:$C$346,3,0)-VLOOKUP(Z$1,városok!$A$2:$C$346,3,0))^2)/1000,0)</f>
        <v>102</v>
      </c>
      <c r="AA110">
        <f ca="1">ROUND(SQRT((VLOOKUP($A110,városok!$A$2:$C$346,2,0)-VLOOKUP(AA$1,városok!$A$2:$C$346,2,0))^2+(VLOOKUP($A110,városok!$A$2:$C$346,3,0)-VLOOKUP(AA$1,városok!$A$2:$C$346,3,0))^2)/1000,0)</f>
        <v>147</v>
      </c>
      <c r="AB110">
        <f ca="1">ROUND(SQRT((VLOOKUP($A110,városok!$A$2:$C$346,2,0)-VLOOKUP(AB$1,városok!$A$2:$C$346,2,0))^2+(VLOOKUP($A110,városok!$A$2:$C$346,3,0)-VLOOKUP(AB$1,városok!$A$2:$C$346,3,0))^2)/1000,0)</f>
        <v>257</v>
      </c>
      <c r="AC110">
        <f ca="1">ROUND(SQRT((VLOOKUP($A110,városok!$A$2:$C$346,2,0)-VLOOKUP(AC$1,városok!$A$2:$C$346,2,0))^2+(VLOOKUP($A110,városok!$A$2:$C$346,3,0)-VLOOKUP(AC$1,városok!$A$2:$C$346,3,0))^2)/1000,0)</f>
        <v>238</v>
      </c>
      <c r="AD110">
        <f ca="1">ROUND(SQRT((VLOOKUP($A110,városok!$A$2:$C$346,2,0)-VLOOKUP(AD$1,városok!$A$2:$C$346,2,0))^2+(VLOOKUP($A110,városok!$A$2:$C$346,3,0)-VLOOKUP(AD$1,városok!$A$2:$C$346,3,0))^2)/1000,0)</f>
        <v>220</v>
      </c>
      <c r="AE110">
        <f ca="1">ROUND(SQRT((VLOOKUP($A110,városok!$A$2:$C$346,2,0)-VLOOKUP(AE$1,városok!$A$2:$C$346,2,0))^2+(VLOOKUP($A110,városok!$A$2:$C$346,3,0)-VLOOKUP(AE$1,városok!$A$2:$C$346,3,0))^2)/1000,0)</f>
        <v>219</v>
      </c>
      <c r="AF110">
        <f ca="1">ROUND(SQRT((VLOOKUP($A110,városok!$A$2:$C$346,2,0)-VLOOKUP(AF$1,városok!$A$2:$C$346,2,0))^2+(VLOOKUP($A110,városok!$A$2:$C$346,3,0)-VLOOKUP(AF$1,városok!$A$2:$C$346,3,0))^2)/1000,0)</f>
        <v>182</v>
      </c>
      <c r="AG110">
        <f ca="1">ROUND(SQRT((VLOOKUP($A110,városok!$A$2:$C$346,2,0)-VLOOKUP(AG$1,városok!$A$2:$C$346,2,0))^2+(VLOOKUP($A110,városok!$A$2:$C$346,3,0)-VLOOKUP(AG$1,városok!$A$2:$C$346,3,0))^2)/1000,0)</f>
        <v>146</v>
      </c>
      <c r="AH110">
        <f ca="1">ROUND(SQRT((VLOOKUP($A110,városok!$A$2:$C$346,2,0)-VLOOKUP(AH$1,városok!$A$2:$C$346,2,0))^2+(VLOOKUP($A110,városok!$A$2:$C$346,3,0)-VLOOKUP(AH$1,városok!$A$2:$C$346,3,0))^2)/1000,0)</f>
        <v>124</v>
      </c>
      <c r="AI110">
        <f ca="1">ROUND(SQRT((VLOOKUP($A110,városok!$A$2:$C$346,2,0)-VLOOKUP(AI$1,városok!$A$2:$C$346,2,0))^2+(VLOOKUP($A110,városok!$A$2:$C$346,3,0)-VLOOKUP(AI$1,városok!$A$2:$C$346,3,0))^2)/1000,0)</f>
        <v>172</v>
      </c>
      <c r="AJ110">
        <f ca="1">ROUND(SQRT((VLOOKUP($A110,városok!$A$2:$C$346,2,0)-VLOOKUP(AJ$1,városok!$A$2:$C$346,2,0))^2+(VLOOKUP($A110,városok!$A$2:$C$346,3,0)-VLOOKUP(AJ$1,városok!$A$2:$C$346,3,0))^2)/1000,0)</f>
        <v>142</v>
      </c>
      <c r="AK110">
        <f ca="1">ROUND(SQRT((VLOOKUP($A110,városok!$A$2:$C$346,2,0)-VLOOKUP(AK$1,városok!$A$2:$C$346,2,0))^2+(VLOOKUP($A110,városok!$A$2:$C$346,3,0)-VLOOKUP(AK$1,városok!$A$2:$C$346,3,0))^2)/1000,0)</f>
        <v>204</v>
      </c>
      <c r="AL110">
        <f ca="1">ROUND(SQRT((VLOOKUP($A110,városok!$A$2:$C$346,2,0)-VLOOKUP(AL$1,városok!$A$2:$C$346,2,0))^2+(VLOOKUP($A110,városok!$A$2:$C$346,3,0)-VLOOKUP(AL$1,városok!$A$2:$C$346,3,0))^2)/1000,0)</f>
        <v>179</v>
      </c>
      <c r="AM110">
        <f ca="1">ROUND(SQRT((VLOOKUP($A110,városok!$A$2:$C$346,2,0)-VLOOKUP(AM$1,városok!$A$2:$C$346,2,0))^2+(VLOOKUP($A110,városok!$A$2:$C$346,3,0)-VLOOKUP(AM$1,városok!$A$2:$C$346,3,0))^2)/1000,0)</f>
        <v>143</v>
      </c>
      <c r="AN110">
        <f ca="1">ROUND(SQRT((VLOOKUP($A110,városok!$A$2:$C$346,2,0)-VLOOKUP(AN$1,városok!$A$2:$C$346,2,0))^2+(VLOOKUP($A110,városok!$A$2:$C$346,3,0)-VLOOKUP(AN$1,városok!$A$2:$C$346,3,0))^2)/1000,0)</f>
        <v>88</v>
      </c>
      <c r="AO110">
        <f ca="1">ROUND(SQRT((VLOOKUP($A110,városok!$A$2:$C$346,2,0)-VLOOKUP(AO$1,városok!$A$2:$C$346,2,0))^2+(VLOOKUP($A110,városok!$A$2:$C$346,3,0)-VLOOKUP(AO$1,városok!$A$2:$C$346,3,0))^2)/1000,0)</f>
        <v>77</v>
      </c>
      <c r="AP110">
        <f ca="1">ROUND(SQRT((VLOOKUP($A110,városok!$A$2:$C$346,2,0)-VLOOKUP(AP$1,városok!$A$2:$C$346,2,0))^2+(VLOOKUP($A110,városok!$A$2:$C$346,3,0)-VLOOKUP(AP$1,városok!$A$2:$C$346,3,0))^2)/1000,0)</f>
        <v>65</v>
      </c>
      <c r="AQ110">
        <f ca="1">ROUND(SQRT((VLOOKUP($A110,városok!$A$2:$C$346,2,0)-VLOOKUP(AQ$1,városok!$A$2:$C$346,2,0))^2+(VLOOKUP($A110,városok!$A$2:$C$346,3,0)-VLOOKUP(AQ$1,városok!$A$2:$C$346,3,0))^2)/1000,0)</f>
        <v>57</v>
      </c>
      <c r="AR110">
        <f ca="1">ROUND(SQRT((VLOOKUP($A110,városok!$A$2:$C$346,2,0)-VLOOKUP(AR$1,városok!$A$2:$C$346,2,0))^2+(VLOOKUP($A110,városok!$A$2:$C$346,3,0)-VLOOKUP(AR$1,városok!$A$2:$C$346,3,0))^2)/1000,0)</f>
        <v>142</v>
      </c>
      <c r="AS110">
        <f ca="1">ROUND(SQRT((VLOOKUP($A110,városok!$A$2:$C$346,2,0)-VLOOKUP(AS$1,városok!$A$2:$C$346,2,0))^2+(VLOOKUP($A110,városok!$A$2:$C$346,3,0)-VLOOKUP(AS$1,városok!$A$2:$C$346,3,0))^2)/1000,0)</f>
        <v>163</v>
      </c>
      <c r="AT110">
        <f ca="1">ROUND(SQRT((VLOOKUP($A110,városok!$A$2:$C$346,2,0)-VLOOKUP(AT$1,városok!$A$2:$C$346,2,0))^2+(VLOOKUP($A110,városok!$A$2:$C$346,3,0)-VLOOKUP(AT$1,városok!$A$2:$C$346,3,0))^2)/1000,0)</f>
        <v>60</v>
      </c>
      <c r="AU110">
        <f ca="1">ROUND(SQRT((VLOOKUP($A110,városok!$A$2:$C$346,2,0)-VLOOKUP(AU$1,városok!$A$2:$C$346,2,0))^2+(VLOOKUP($A110,városok!$A$2:$C$346,3,0)-VLOOKUP(AU$1,városok!$A$2:$C$346,3,0))^2)/1000,0)</f>
        <v>67</v>
      </c>
      <c r="AV110">
        <f ca="1">ROUND(SQRT((VLOOKUP($A110,városok!$A$2:$C$346,2,0)-VLOOKUP(AV$1,városok!$A$2:$C$346,2,0))^2+(VLOOKUP($A110,városok!$A$2:$C$346,3,0)-VLOOKUP(AV$1,városok!$A$2:$C$346,3,0))^2)/1000,0)</f>
        <v>62</v>
      </c>
      <c r="AW110">
        <f ca="1">ROUND(SQRT((VLOOKUP($A110,városok!$A$2:$C$346,2,0)-VLOOKUP(AW$1,városok!$A$2:$C$346,2,0))^2+(VLOOKUP($A110,városok!$A$2:$C$346,3,0)-VLOOKUP(AW$1,városok!$A$2:$C$346,3,0))^2)/1000,0)</f>
        <v>59</v>
      </c>
      <c r="AX110">
        <f ca="1">ROUND(SQRT((VLOOKUP($A110,városok!$A$2:$C$346,2,0)-VLOOKUP(AX$1,városok!$A$2:$C$346,2,0))^2+(VLOOKUP($A110,városok!$A$2:$C$346,3,0)-VLOOKUP(AX$1,városok!$A$2:$C$346,3,0))^2)/1000,0)</f>
        <v>112</v>
      </c>
      <c r="AY110">
        <f ca="1">ROUND(SQRT((VLOOKUP($A110,városok!$A$2:$C$346,2,0)-VLOOKUP(AY$1,városok!$A$2:$C$346,2,0))^2+(VLOOKUP($A110,városok!$A$2:$C$346,3,0)-VLOOKUP(AY$1,városok!$A$2:$C$346,3,0))^2)/1000,0)</f>
        <v>90</v>
      </c>
      <c r="AZ110">
        <f ca="1">ROUND(SQRT((VLOOKUP($A110,városok!$A$2:$C$346,2,0)-VLOOKUP(AZ$1,városok!$A$2:$C$346,2,0))^2+(VLOOKUP($A110,városok!$A$2:$C$346,3,0)-VLOOKUP(AZ$1,városok!$A$2:$C$346,3,0))^2)/1000,0)</f>
        <v>95</v>
      </c>
      <c r="BA110">
        <f ca="1">ROUND(SQRT((VLOOKUP($A110,városok!$A$2:$C$346,2,0)-VLOOKUP(BA$1,városok!$A$2:$C$346,2,0))^2+(VLOOKUP($A110,városok!$A$2:$C$346,3,0)-VLOOKUP(BA$1,városok!$A$2:$C$346,3,0))^2)/1000,0)</f>
        <v>55</v>
      </c>
      <c r="BB110">
        <f ca="1">ROUND(SQRT((VLOOKUP($A110,városok!$A$2:$C$346,2,0)-VLOOKUP(BB$1,városok!$A$2:$C$346,2,0))^2+(VLOOKUP($A110,városok!$A$2:$C$346,3,0)-VLOOKUP(BB$1,városok!$A$2:$C$346,3,0))^2)/1000,0)</f>
        <v>64</v>
      </c>
      <c r="BC110">
        <f ca="1">ROUND(SQRT((VLOOKUP($A110,városok!$A$2:$C$346,2,0)-VLOOKUP(BC$1,városok!$A$2:$C$346,2,0))^2+(VLOOKUP($A110,városok!$A$2:$C$346,3,0)-VLOOKUP(BC$1,városok!$A$2:$C$346,3,0))^2)/1000,0)</f>
        <v>87</v>
      </c>
      <c r="BD110">
        <f ca="1">ROUND(SQRT((VLOOKUP($A110,városok!$A$2:$C$346,2,0)-VLOOKUP(BD$1,városok!$A$2:$C$346,2,0))^2+(VLOOKUP($A110,városok!$A$2:$C$346,3,0)-VLOOKUP(BD$1,városok!$A$2:$C$346,3,0))^2)/1000,0)</f>
        <v>25</v>
      </c>
      <c r="BE110">
        <f ca="1">ROUND(SQRT((VLOOKUP($A110,városok!$A$2:$C$346,2,0)-VLOOKUP(BE$1,városok!$A$2:$C$346,2,0))^2+(VLOOKUP($A110,városok!$A$2:$C$346,3,0)-VLOOKUP(BE$1,városok!$A$2:$C$346,3,0))^2)/1000,0)</f>
        <v>340</v>
      </c>
      <c r="BF110">
        <f ca="1">ROUND(SQRT((VLOOKUP($A110,városok!$A$2:$C$346,2,0)-VLOOKUP(BF$1,városok!$A$2:$C$346,2,0))^2+(VLOOKUP($A110,városok!$A$2:$C$346,3,0)-VLOOKUP(BF$1,városok!$A$2:$C$346,3,0))^2)/1000,0)</f>
        <v>312</v>
      </c>
      <c r="BG110">
        <f ca="1">ROUND(SQRT((VLOOKUP($A110,városok!$A$2:$C$346,2,0)-VLOOKUP(BG$1,városok!$A$2:$C$346,2,0))^2+(VLOOKUP($A110,városok!$A$2:$C$346,3,0)-VLOOKUP(BG$1,városok!$A$2:$C$346,3,0))^2)/1000,0)</f>
        <v>266</v>
      </c>
      <c r="BH110">
        <f ca="1">ROUND(SQRT((VLOOKUP($A110,városok!$A$2:$C$346,2,0)-VLOOKUP(BH$1,városok!$A$2:$C$346,2,0))^2+(VLOOKUP($A110,városok!$A$2:$C$346,3,0)-VLOOKUP(BH$1,városok!$A$2:$C$346,3,0))^2)/1000,0)</f>
        <v>265</v>
      </c>
      <c r="BI110">
        <f ca="1">ROUND(SQRT((VLOOKUP($A110,városok!$A$2:$C$346,2,0)-VLOOKUP(BI$1,városok!$A$2:$C$346,2,0))^2+(VLOOKUP($A110,városok!$A$2:$C$346,3,0)-VLOOKUP(BI$1,városok!$A$2:$C$346,3,0))^2)/1000,0)</f>
        <v>78</v>
      </c>
      <c r="BJ110">
        <f ca="1">ROUND(SQRT((VLOOKUP($A110,városok!$A$2:$C$346,2,0)-VLOOKUP(BJ$1,városok!$A$2:$C$346,2,0))^2+(VLOOKUP($A110,városok!$A$2:$C$346,3,0)-VLOOKUP(BJ$1,városok!$A$2:$C$346,3,0))^2)/1000,0)</f>
        <v>87</v>
      </c>
      <c r="BK110">
        <f ca="1">ROUND(SQRT((VLOOKUP($A110,városok!$A$2:$C$346,2,0)-VLOOKUP(BK$1,városok!$A$2:$C$346,2,0))^2+(VLOOKUP($A110,városok!$A$2:$C$346,3,0)-VLOOKUP(BK$1,városok!$A$2:$C$346,3,0))^2)/1000,0)</f>
        <v>85</v>
      </c>
      <c r="BL110">
        <f ca="1">ROUND(SQRT((VLOOKUP($A110,városok!$A$2:$C$346,2,0)-VLOOKUP(BL$1,városok!$A$2:$C$346,2,0))^2+(VLOOKUP($A110,városok!$A$2:$C$346,3,0)-VLOOKUP(BL$1,városok!$A$2:$C$346,3,0))^2)/1000,0)</f>
        <v>129</v>
      </c>
      <c r="BM110">
        <f ca="1">ROUND(SQRT((VLOOKUP($A110,városok!$A$2:$C$346,2,0)-VLOOKUP(BM$1,városok!$A$2:$C$346,2,0))^2+(VLOOKUP($A110,városok!$A$2:$C$346,3,0)-VLOOKUP(BM$1,városok!$A$2:$C$346,3,0))^2)/1000,0)</f>
        <v>106</v>
      </c>
      <c r="BN110">
        <f ca="1">ROUND(SQRT((VLOOKUP($A110,városok!$A$2:$C$346,2,0)-VLOOKUP(BN$1,városok!$A$2:$C$346,2,0))^2+(VLOOKUP($A110,városok!$A$2:$C$346,3,0)-VLOOKUP(BN$1,városok!$A$2:$C$346,3,0))^2)/1000,0)</f>
        <v>129</v>
      </c>
      <c r="BO110">
        <f ca="1">ROUND(SQRT((VLOOKUP($A110,városok!$A$2:$C$346,2,0)-VLOOKUP(BO$1,városok!$A$2:$C$346,2,0))^2+(VLOOKUP($A110,városok!$A$2:$C$346,3,0)-VLOOKUP(BO$1,városok!$A$2:$C$346,3,0))^2)/1000,0)</f>
        <v>22</v>
      </c>
      <c r="BP110">
        <f ca="1">ROUND(SQRT((VLOOKUP($A110,városok!$A$2:$C$346,2,0)-VLOOKUP(BP$1,városok!$A$2:$C$346,2,0))^2+(VLOOKUP($A110,városok!$A$2:$C$346,3,0)-VLOOKUP(BP$1,városok!$A$2:$C$346,3,0))^2)/1000,0)</f>
        <v>15</v>
      </c>
      <c r="BQ110">
        <f ca="1">ROUND(SQRT((VLOOKUP($A110,városok!$A$2:$C$346,2,0)-VLOOKUP(BQ$1,városok!$A$2:$C$346,2,0))^2+(VLOOKUP($A110,városok!$A$2:$C$346,3,0)-VLOOKUP(BQ$1,városok!$A$2:$C$346,3,0))^2)/1000,0)</f>
        <v>30</v>
      </c>
      <c r="BR110">
        <f ca="1">ROUND(SQRT((VLOOKUP($A110,városok!$A$2:$C$346,2,0)-VLOOKUP(BR$1,városok!$A$2:$C$346,2,0))^2+(VLOOKUP($A110,városok!$A$2:$C$346,3,0)-VLOOKUP(BR$1,városok!$A$2:$C$346,3,0))^2)/1000,0)</f>
        <v>86</v>
      </c>
      <c r="BS110">
        <f ca="1">ROUND(SQRT((VLOOKUP($A110,városok!$A$2:$C$346,2,0)-VLOOKUP(BS$1,városok!$A$2:$C$346,2,0))^2+(VLOOKUP($A110,városok!$A$2:$C$346,3,0)-VLOOKUP(BS$1,városok!$A$2:$C$346,3,0))^2)/1000,0)</f>
        <v>121</v>
      </c>
      <c r="BT110">
        <f ca="1">ROUND(SQRT((VLOOKUP($A110,városok!$A$2:$C$346,2,0)-VLOOKUP(BT$1,városok!$A$2:$C$346,2,0))^2+(VLOOKUP($A110,városok!$A$2:$C$346,3,0)-VLOOKUP(BT$1,városok!$A$2:$C$346,3,0))^2)/1000,0)</f>
        <v>114</v>
      </c>
    </row>
    <row r="111" spans="1:72" x14ac:dyDescent="0.2">
      <c r="A111" t="str">
        <f>városok!A111</f>
        <v>Pusztaszabolcs</v>
      </c>
      <c r="B111">
        <f ca="1">ROUND(SQRT((VLOOKUP($A111,városok!$A$2:$C$346,2,0)-VLOOKUP(B$1,városok!$A$2:$C$346,2,0))^2+(VLOOKUP($A111,városok!$A$2:$C$346,3,0)-VLOOKUP(B$1,városok!$A$2:$C$346,3,0))^2)/1000,0)</f>
        <v>107</v>
      </c>
      <c r="C111">
        <f ca="1">ROUND(SQRT((VLOOKUP($A111,városok!$A$2:$C$346,2,0)-VLOOKUP(C$1,városok!$A$2:$C$346,2,0))^2+(VLOOKUP($A111,városok!$A$2:$C$346,3,0)-VLOOKUP(C$1,városok!$A$2:$C$346,3,0))^2)/1000,0)</f>
        <v>70</v>
      </c>
      <c r="D111">
        <f ca="1">ROUND(SQRT((VLOOKUP($A111,városok!$A$2:$C$346,2,0)-VLOOKUP(D$1,városok!$A$2:$C$346,2,0))^2+(VLOOKUP($A111,városok!$A$2:$C$346,3,0)-VLOOKUP(D$1,városok!$A$2:$C$346,3,0))^2)/1000,0)</f>
        <v>75</v>
      </c>
      <c r="E111">
        <f ca="1">ROUND(SQRT((VLOOKUP($A111,városok!$A$2:$C$346,2,0)-VLOOKUP(E$1,városok!$A$2:$C$346,2,0))^2+(VLOOKUP($A111,városok!$A$2:$C$346,3,0)-VLOOKUP(E$1,városok!$A$2:$C$346,3,0))^2)/1000,0)</f>
        <v>113</v>
      </c>
      <c r="F111">
        <f ca="1">ROUND(SQRT((VLOOKUP($A111,városok!$A$2:$C$346,2,0)-VLOOKUP(F$1,városok!$A$2:$C$346,2,0))^2+(VLOOKUP($A111,városok!$A$2:$C$346,3,0)-VLOOKUP(F$1,városok!$A$2:$C$346,3,0))^2)/1000,0)</f>
        <v>128</v>
      </c>
      <c r="G111">
        <f ca="1">ROUND(SQRT((VLOOKUP($A111,városok!$A$2:$C$346,2,0)-VLOOKUP(G$1,városok!$A$2:$C$346,2,0))^2+(VLOOKUP($A111,városok!$A$2:$C$346,3,0)-VLOOKUP(G$1,városok!$A$2:$C$346,3,0))^2)/1000,0)</f>
        <v>125</v>
      </c>
      <c r="H111">
        <f ca="1">ROUND(SQRT((VLOOKUP($A111,városok!$A$2:$C$346,2,0)-VLOOKUP(H$1,városok!$A$2:$C$346,2,0))^2+(VLOOKUP($A111,városok!$A$2:$C$346,3,0)-VLOOKUP(H$1,városok!$A$2:$C$346,3,0))^2)/1000,0)</f>
        <v>142</v>
      </c>
      <c r="I111">
        <f ca="1">ROUND(SQRT((VLOOKUP($A111,városok!$A$2:$C$346,2,0)-VLOOKUP(I$1,városok!$A$2:$C$346,2,0))^2+(VLOOKUP($A111,városok!$A$2:$C$346,3,0)-VLOOKUP(I$1,városok!$A$2:$C$346,3,0))^2)/1000,0)</f>
        <v>184</v>
      </c>
      <c r="J111">
        <f ca="1">ROUND(SQRT((VLOOKUP($A111,városok!$A$2:$C$346,2,0)-VLOOKUP(J$1,városok!$A$2:$C$346,2,0))^2+(VLOOKUP($A111,városok!$A$2:$C$346,3,0)-VLOOKUP(J$1,városok!$A$2:$C$346,3,0))^2)/1000,0)</f>
        <v>199</v>
      </c>
      <c r="K111">
        <f ca="1">ROUND(SQRT((VLOOKUP($A111,városok!$A$2:$C$346,2,0)-VLOOKUP(K$1,városok!$A$2:$C$346,2,0))^2+(VLOOKUP($A111,városok!$A$2:$C$346,3,0)-VLOOKUP(K$1,városok!$A$2:$C$346,3,0))^2)/1000,0)</f>
        <v>159</v>
      </c>
      <c r="L111">
        <f ca="1">ROUND(SQRT((VLOOKUP($A111,városok!$A$2:$C$346,2,0)-VLOOKUP(L$1,városok!$A$2:$C$346,2,0))^2+(VLOOKUP($A111,városok!$A$2:$C$346,3,0)-VLOOKUP(L$1,városok!$A$2:$C$346,3,0))^2)/1000,0)</f>
        <v>187</v>
      </c>
      <c r="M111">
        <f ca="1">ROUND(SQRT((VLOOKUP($A111,városok!$A$2:$C$346,2,0)-VLOOKUP(M$1,városok!$A$2:$C$346,2,0))^2+(VLOOKUP($A111,városok!$A$2:$C$346,3,0)-VLOOKUP(M$1,városok!$A$2:$C$346,3,0))^2)/1000,0)</f>
        <v>187</v>
      </c>
      <c r="N111">
        <f ca="1">ROUND(SQRT((VLOOKUP($A111,városok!$A$2:$C$346,2,0)-VLOOKUP(N$1,városok!$A$2:$C$346,2,0))^2+(VLOOKUP($A111,városok!$A$2:$C$346,3,0)-VLOOKUP(N$1,városok!$A$2:$C$346,3,0))^2)/1000,0)</f>
        <v>166</v>
      </c>
      <c r="O111">
        <f ca="1">ROUND(SQRT((VLOOKUP($A111,városok!$A$2:$C$346,2,0)-VLOOKUP(O$1,városok!$A$2:$C$346,2,0))^2+(VLOOKUP($A111,városok!$A$2:$C$346,3,0)-VLOOKUP(O$1,városok!$A$2:$C$346,3,0))^2)/1000,0)</f>
        <v>258</v>
      </c>
      <c r="P111">
        <f ca="1">ROUND(SQRT((VLOOKUP($A111,városok!$A$2:$C$346,2,0)-VLOOKUP(P$1,városok!$A$2:$C$346,2,0))^2+(VLOOKUP($A111,városok!$A$2:$C$346,3,0)-VLOOKUP(P$1,városok!$A$2:$C$346,3,0))^2)/1000,0)</f>
        <v>258</v>
      </c>
      <c r="Q111">
        <f ca="1">ROUND(SQRT((VLOOKUP($A111,városok!$A$2:$C$346,2,0)-VLOOKUP(Q$1,városok!$A$2:$C$346,2,0))^2+(VLOOKUP($A111,városok!$A$2:$C$346,3,0)-VLOOKUP(Q$1,városok!$A$2:$C$346,3,0))^2)/1000,0)</f>
        <v>144</v>
      </c>
      <c r="R111">
        <f ca="1">ROUND(SQRT((VLOOKUP($A111,városok!$A$2:$C$346,2,0)-VLOOKUP(R$1,városok!$A$2:$C$346,2,0))^2+(VLOOKUP($A111,városok!$A$2:$C$346,3,0)-VLOOKUP(R$1,városok!$A$2:$C$346,3,0))^2)/1000,0)</f>
        <v>166</v>
      </c>
      <c r="S111">
        <f ca="1">ROUND(SQRT((VLOOKUP($A111,városok!$A$2:$C$346,2,0)-VLOOKUP(S$1,városok!$A$2:$C$346,2,0))^2+(VLOOKUP($A111,városok!$A$2:$C$346,3,0)-VLOOKUP(S$1,városok!$A$2:$C$346,3,0))^2)/1000,0)</f>
        <v>146</v>
      </c>
      <c r="T111">
        <f ca="1">ROUND(SQRT((VLOOKUP($A111,városok!$A$2:$C$346,2,0)-VLOOKUP(T$1,városok!$A$2:$C$346,2,0))^2+(VLOOKUP($A111,városok!$A$2:$C$346,3,0)-VLOOKUP(T$1,városok!$A$2:$C$346,3,0))^2)/1000,0)</f>
        <v>40</v>
      </c>
      <c r="U111">
        <f ca="1">ROUND(SQRT((VLOOKUP($A111,városok!$A$2:$C$346,2,0)-VLOOKUP(U$1,városok!$A$2:$C$346,2,0))^2+(VLOOKUP($A111,városok!$A$2:$C$346,3,0)-VLOOKUP(U$1,városok!$A$2:$C$346,3,0))^2)/1000,0)</f>
        <v>23</v>
      </c>
      <c r="V111">
        <f ca="1">ROUND(SQRT((VLOOKUP($A111,városok!$A$2:$C$346,2,0)-VLOOKUP(V$1,városok!$A$2:$C$346,2,0))^2+(VLOOKUP($A111,városok!$A$2:$C$346,3,0)-VLOOKUP(V$1,városok!$A$2:$C$346,3,0))^2)/1000,0)</f>
        <v>36</v>
      </c>
      <c r="W111">
        <f ca="1">ROUND(SQRT((VLOOKUP($A111,városok!$A$2:$C$346,2,0)-VLOOKUP(W$1,városok!$A$2:$C$346,2,0))^2+(VLOOKUP($A111,városok!$A$2:$C$346,3,0)-VLOOKUP(W$1,városok!$A$2:$C$346,3,0))^2)/1000,0)</f>
        <v>30</v>
      </c>
      <c r="X111">
        <f ca="1">ROUND(SQRT((VLOOKUP($A111,városok!$A$2:$C$346,2,0)-VLOOKUP(X$1,városok!$A$2:$C$346,2,0))^2+(VLOOKUP($A111,városok!$A$2:$C$346,3,0)-VLOOKUP(X$1,városok!$A$2:$C$346,3,0))^2)/1000,0)</f>
        <v>37</v>
      </c>
      <c r="Y111">
        <f ca="1">ROUND(SQRT((VLOOKUP($A111,városok!$A$2:$C$346,2,0)-VLOOKUP(Y$1,városok!$A$2:$C$346,2,0))^2+(VLOOKUP($A111,városok!$A$2:$C$346,3,0)-VLOOKUP(Y$1,városok!$A$2:$C$346,3,0))^2)/1000,0)</f>
        <v>105</v>
      </c>
      <c r="Z111">
        <f ca="1">ROUND(SQRT((VLOOKUP($A111,városok!$A$2:$C$346,2,0)-VLOOKUP(Z$1,városok!$A$2:$C$346,2,0))^2+(VLOOKUP($A111,városok!$A$2:$C$346,3,0)-VLOOKUP(Z$1,városok!$A$2:$C$346,3,0))^2)/1000,0)</f>
        <v>123</v>
      </c>
      <c r="AA111">
        <f ca="1">ROUND(SQRT((VLOOKUP($A111,városok!$A$2:$C$346,2,0)-VLOOKUP(AA$1,városok!$A$2:$C$346,2,0))^2+(VLOOKUP($A111,városok!$A$2:$C$346,3,0)-VLOOKUP(AA$1,városok!$A$2:$C$346,3,0))^2)/1000,0)</f>
        <v>175</v>
      </c>
      <c r="AB111">
        <f ca="1">ROUND(SQRT((VLOOKUP($A111,városok!$A$2:$C$346,2,0)-VLOOKUP(AB$1,városok!$A$2:$C$346,2,0))^2+(VLOOKUP($A111,városok!$A$2:$C$346,3,0)-VLOOKUP(AB$1,városok!$A$2:$C$346,3,0))^2)/1000,0)</f>
        <v>221</v>
      </c>
      <c r="AC111">
        <f ca="1">ROUND(SQRT((VLOOKUP($A111,városok!$A$2:$C$346,2,0)-VLOOKUP(AC$1,városok!$A$2:$C$346,2,0))^2+(VLOOKUP($A111,városok!$A$2:$C$346,3,0)-VLOOKUP(AC$1,városok!$A$2:$C$346,3,0))^2)/1000,0)</f>
        <v>202</v>
      </c>
      <c r="AD111">
        <f ca="1">ROUND(SQRT((VLOOKUP($A111,városok!$A$2:$C$346,2,0)-VLOOKUP(AD$1,városok!$A$2:$C$346,2,0))^2+(VLOOKUP($A111,városok!$A$2:$C$346,3,0)-VLOOKUP(AD$1,városok!$A$2:$C$346,3,0))^2)/1000,0)</f>
        <v>184</v>
      </c>
      <c r="AE111">
        <f ca="1">ROUND(SQRT((VLOOKUP($A111,városok!$A$2:$C$346,2,0)-VLOOKUP(AE$1,városok!$A$2:$C$346,2,0))^2+(VLOOKUP($A111,városok!$A$2:$C$346,3,0)-VLOOKUP(AE$1,városok!$A$2:$C$346,3,0))^2)/1000,0)</f>
        <v>183</v>
      </c>
      <c r="AF111">
        <f ca="1">ROUND(SQRT((VLOOKUP($A111,városok!$A$2:$C$346,2,0)-VLOOKUP(AF$1,városok!$A$2:$C$346,2,0))^2+(VLOOKUP($A111,városok!$A$2:$C$346,3,0)-VLOOKUP(AF$1,városok!$A$2:$C$346,3,0))^2)/1000,0)</f>
        <v>148</v>
      </c>
      <c r="AG111">
        <f ca="1">ROUND(SQRT((VLOOKUP($A111,városok!$A$2:$C$346,2,0)-VLOOKUP(AG$1,városok!$A$2:$C$346,2,0))^2+(VLOOKUP($A111,városok!$A$2:$C$346,3,0)-VLOOKUP(AG$1,városok!$A$2:$C$346,3,0))^2)/1000,0)</f>
        <v>113</v>
      </c>
      <c r="AH111">
        <f ca="1">ROUND(SQRT((VLOOKUP($A111,városok!$A$2:$C$346,2,0)-VLOOKUP(AH$1,városok!$A$2:$C$346,2,0))^2+(VLOOKUP($A111,városok!$A$2:$C$346,3,0)-VLOOKUP(AH$1,városok!$A$2:$C$346,3,0))^2)/1000,0)</f>
        <v>90</v>
      </c>
      <c r="AI111">
        <f ca="1">ROUND(SQRT((VLOOKUP($A111,városok!$A$2:$C$346,2,0)-VLOOKUP(AI$1,városok!$A$2:$C$346,2,0))^2+(VLOOKUP($A111,városok!$A$2:$C$346,3,0)-VLOOKUP(AI$1,városok!$A$2:$C$346,3,0))^2)/1000,0)</f>
        <v>140</v>
      </c>
      <c r="AJ111">
        <f ca="1">ROUND(SQRT((VLOOKUP($A111,városok!$A$2:$C$346,2,0)-VLOOKUP(AJ$1,városok!$A$2:$C$346,2,0))^2+(VLOOKUP($A111,városok!$A$2:$C$346,3,0)-VLOOKUP(AJ$1,városok!$A$2:$C$346,3,0))^2)/1000,0)</f>
        <v>107</v>
      </c>
      <c r="AK111">
        <f ca="1">ROUND(SQRT((VLOOKUP($A111,városok!$A$2:$C$346,2,0)-VLOOKUP(AK$1,városok!$A$2:$C$346,2,0))^2+(VLOOKUP($A111,városok!$A$2:$C$346,3,0)-VLOOKUP(AK$1,városok!$A$2:$C$346,3,0))^2)/1000,0)</f>
        <v>168</v>
      </c>
      <c r="AL111">
        <f ca="1">ROUND(SQRT((VLOOKUP($A111,városok!$A$2:$C$346,2,0)-VLOOKUP(AL$1,városok!$A$2:$C$346,2,0))^2+(VLOOKUP($A111,városok!$A$2:$C$346,3,0)-VLOOKUP(AL$1,városok!$A$2:$C$346,3,0))^2)/1000,0)</f>
        <v>143</v>
      </c>
      <c r="AM111">
        <f ca="1">ROUND(SQRT((VLOOKUP($A111,városok!$A$2:$C$346,2,0)-VLOOKUP(AM$1,városok!$A$2:$C$346,2,0))^2+(VLOOKUP($A111,városok!$A$2:$C$346,3,0)-VLOOKUP(AM$1,városok!$A$2:$C$346,3,0))^2)/1000,0)</f>
        <v>108</v>
      </c>
      <c r="AN111">
        <f ca="1">ROUND(SQRT((VLOOKUP($A111,városok!$A$2:$C$346,2,0)-VLOOKUP(AN$1,városok!$A$2:$C$346,2,0))^2+(VLOOKUP($A111,városok!$A$2:$C$346,3,0)-VLOOKUP(AN$1,városok!$A$2:$C$346,3,0))^2)/1000,0)</f>
        <v>72</v>
      </c>
      <c r="AO111">
        <f ca="1">ROUND(SQRT((VLOOKUP($A111,városok!$A$2:$C$346,2,0)-VLOOKUP(AO$1,városok!$A$2:$C$346,2,0))^2+(VLOOKUP($A111,városok!$A$2:$C$346,3,0)-VLOOKUP(AO$1,városok!$A$2:$C$346,3,0))^2)/1000,0)</f>
        <v>82</v>
      </c>
      <c r="AP111">
        <f ca="1">ROUND(SQRT((VLOOKUP($A111,városok!$A$2:$C$346,2,0)-VLOOKUP(AP$1,városok!$A$2:$C$346,2,0))^2+(VLOOKUP($A111,városok!$A$2:$C$346,3,0)-VLOOKUP(AP$1,városok!$A$2:$C$346,3,0))^2)/1000,0)</f>
        <v>65</v>
      </c>
      <c r="AQ111">
        <f ca="1">ROUND(SQRT((VLOOKUP($A111,városok!$A$2:$C$346,2,0)-VLOOKUP(AQ$1,városok!$A$2:$C$346,2,0))^2+(VLOOKUP($A111,városok!$A$2:$C$346,3,0)-VLOOKUP(AQ$1,városok!$A$2:$C$346,3,0))^2)/1000,0)</f>
        <v>54</v>
      </c>
      <c r="AR111">
        <f ca="1">ROUND(SQRT((VLOOKUP($A111,városok!$A$2:$C$346,2,0)-VLOOKUP(AR$1,városok!$A$2:$C$346,2,0))^2+(VLOOKUP($A111,városok!$A$2:$C$346,3,0)-VLOOKUP(AR$1,városok!$A$2:$C$346,3,0))^2)/1000,0)</f>
        <v>112</v>
      </c>
      <c r="AS111">
        <f ca="1">ROUND(SQRT((VLOOKUP($A111,városok!$A$2:$C$346,2,0)-VLOOKUP(AS$1,városok!$A$2:$C$346,2,0))^2+(VLOOKUP($A111,városok!$A$2:$C$346,3,0)-VLOOKUP(AS$1,városok!$A$2:$C$346,3,0))^2)/1000,0)</f>
        <v>134</v>
      </c>
      <c r="AT111">
        <f ca="1">ROUND(SQRT((VLOOKUP($A111,városok!$A$2:$C$346,2,0)-VLOOKUP(AT$1,városok!$A$2:$C$346,2,0))^2+(VLOOKUP($A111,városok!$A$2:$C$346,3,0)-VLOOKUP(AT$1,városok!$A$2:$C$346,3,0))^2)/1000,0)</f>
        <v>37</v>
      </c>
      <c r="AU111">
        <f ca="1">ROUND(SQRT((VLOOKUP($A111,városok!$A$2:$C$346,2,0)-VLOOKUP(AU$1,városok!$A$2:$C$346,2,0))^2+(VLOOKUP($A111,városok!$A$2:$C$346,3,0)-VLOOKUP(AU$1,városok!$A$2:$C$346,3,0))^2)/1000,0)</f>
        <v>38</v>
      </c>
      <c r="AV111">
        <f ca="1">ROUND(SQRT((VLOOKUP($A111,városok!$A$2:$C$346,2,0)-VLOOKUP(AV$1,városok!$A$2:$C$346,2,0))^2+(VLOOKUP($A111,városok!$A$2:$C$346,3,0)-VLOOKUP(AV$1,városok!$A$2:$C$346,3,0))^2)/1000,0)</f>
        <v>33</v>
      </c>
      <c r="AW111">
        <f ca="1">ROUND(SQRT((VLOOKUP($A111,városok!$A$2:$C$346,2,0)-VLOOKUP(AW$1,városok!$A$2:$C$346,2,0))^2+(VLOOKUP($A111,városok!$A$2:$C$346,3,0)-VLOOKUP(AW$1,városok!$A$2:$C$346,3,0))^2)/1000,0)</f>
        <v>30</v>
      </c>
      <c r="AX111">
        <f ca="1">ROUND(SQRT((VLOOKUP($A111,városok!$A$2:$C$346,2,0)-VLOOKUP(AX$1,városok!$A$2:$C$346,2,0))^2+(VLOOKUP($A111,városok!$A$2:$C$346,3,0)-VLOOKUP(AX$1,városok!$A$2:$C$346,3,0))^2)/1000,0)</f>
        <v>78</v>
      </c>
      <c r="AY111">
        <f ca="1">ROUND(SQRT((VLOOKUP($A111,városok!$A$2:$C$346,2,0)-VLOOKUP(AY$1,városok!$A$2:$C$346,2,0))^2+(VLOOKUP($A111,városok!$A$2:$C$346,3,0)-VLOOKUP(AY$1,városok!$A$2:$C$346,3,0))^2)/1000,0)</f>
        <v>64</v>
      </c>
      <c r="AZ111">
        <f ca="1">ROUND(SQRT((VLOOKUP($A111,városok!$A$2:$C$346,2,0)-VLOOKUP(AZ$1,városok!$A$2:$C$346,2,0))^2+(VLOOKUP($A111,városok!$A$2:$C$346,3,0)-VLOOKUP(AZ$1,városok!$A$2:$C$346,3,0))^2)/1000,0)</f>
        <v>73</v>
      </c>
      <c r="BA111">
        <f ca="1">ROUND(SQRT((VLOOKUP($A111,városok!$A$2:$C$346,2,0)-VLOOKUP(BA$1,városok!$A$2:$C$346,2,0))^2+(VLOOKUP($A111,városok!$A$2:$C$346,3,0)-VLOOKUP(BA$1,városok!$A$2:$C$346,3,0))^2)/1000,0)</f>
        <v>90</v>
      </c>
      <c r="BB111">
        <f ca="1">ROUND(SQRT((VLOOKUP($A111,városok!$A$2:$C$346,2,0)-VLOOKUP(BB$1,városok!$A$2:$C$346,2,0))^2+(VLOOKUP($A111,városok!$A$2:$C$346,3,0)-VLOOKUP(BB$1,városok!$A$2:$C$346,3,0))^2)/1000,0)</f>
        <v>92</v>
      </c>
      <c r="BC111">
        <f ca="1">ROUND(SQRT((VLOOKUP($A111,városok!$A$2:$C$346,2,0)-VLOOKUP(BC$1,városok!$A$2:$C$346,2,0))^2+(VLOOKUP($A111,városok!$A$2:$C$346,3,0)-VLOOKUP(BC$1,városok!$A$2:$C$346,3,0))^2)/1000,0)</f>
        <v>114</v>
      </c>
      <c r="BD111">
        <f ca="1">ROUND(SQRT((VLOOKUP($A111,városok!$A$2:$C$346,2,0)-VLOOKUP(BD$1,városok!$A$2:$C$346,2,0))^2+(VLOOKUP($A111,városok!$A$2:$C$346,3,0)-VLOOKUP(BD$1,városok!$A$2:$C$346,3,0))^2)/1000,0)</f>
        <v>59</v>
      </c>
      <c r="BE111">
        <f ca="1">ROUND(SQRT((VLOOKUP($A111,városok!$A$2:$C$346,2,0)-VLOOKUP(BE$1,városok!$A$2:$C$346,2,0))^2+(VLOOKUP($A111,városok!$A$2:$C$346,3,0)-VLOOKUP(BE$1,városok!$A$2:$C$346,3,0))^2)/1000,0)</f>
        <v>304</v>
      </c>
      <c r="BF111">
        <f ca="1">ROUND(SQRT((VLOOKUP($A111,városok!$A$2:$C$346,2,0)-VLOOKUP(BF$1,városok!$A$2:$C$346,2,0))^2+(VLOOKUP($A111,városok!$A$2:$C$346,3,0)-VLOOKUP(BF$1,városok!$A$2:$C$346,3,0))^2)/1000,0)</f>
        <v>276</v>
      </c>
      <c r="BG111">
        <f ca="1">ROUND(SQRT((VLOOKUP($A111,városok!$A$2:$C$346,2,0)-VLOOKUP(BG$1,városok!$A$2:$C$346,2,0))^2+(VLOOKUP($A111,városok!$A$2:$C$346,3,0)-VLOOKUP(BG$1,városok!$A$2:$C$346,3,0))^2)/1000,0)</f>
        <v>231</v>
      </c>
      <c r="BH111">
        <f ca="1">ROUND(SQRT((VLOOKUP($A111,városok!$A$2:$C$346,2,0)-VLOOKUP(BH$1,városok!$A$2:$C$346,2,0))^2+(VLOOKUP($A111,városok!$A$2:$C$346,3,0)-VLOOKUP(BH$1,városok!$A$2:$C$346,3,0))^2)/1000,0)</f>
        <v>230</v>
      </c>
      <c r="BI111">
        <f ca="1">ROUND(SQRT((VLOOKUP($A111,városok!$A$2:$C$346,2,0)-VLOOKUP(BI$1,városok!$A$2:$C$346,2,0))^2+(VLOOKUP($A111,városok!$A$2:$C$346,3,0)-VLOOKUP(BI$1,városok!$A$2:$C$346,3,0))^2)/1000,0)</f>
        <v>83</v>
      </c>
      <c r="BJ111">
        <f ca="1">ROUND(SQRT((VLOOKUP($A111,városok!$A$2:$C$346,2,0)-VLOOKUP(BJ$1,városok!$A$2:$C$346,2,0))^2+(VLOOKUP($A111,városok!$A$2:$C$346,3,0)-VLOOKUP(BJ$1,városok!$A$2:$C$346,3,0))^2)/1000,0)</f>
        <v>98</v>
      </c>
      <c r="BK111">
        <f ca="1">ROUND(SQRT((VLOOKUP($A111,városok!$A$2:$C$346,2,0)-VLOOKUP(BK$1,városok!$A$2:$C$346,2,0))^2+(VLOOKUP($A111,városok!$A$2:$C$346,3,0)-VLOOKUP(BK$1,városok!$A$2:$C$346,3,0))^2)/1000,0)</f>
        <v>88</v>
      </c>
      <c r="BL111">
        <f ca="1">ROUND(SQRT((VLOOKUP($A111,városok!$A$2:$C$346,2,0)-VLOOKUP(BL$1,városok!$A$2:$C$346,2,0))^2+(VLOOKUP($A111,városok!$A$2:$C$346,3,0)-VLOOKUP(BL$1,városok!$A$2:$C$346,3,0))^2)/1000,0)</f>
        <v>165</v>
      </c>
      <c r="BM111">
        <f ca="1">ROUND(SQRT((VLOOKUP($A111,városok!$A$2:$C$346,2,0)-VLOOKUP(BM$1,városok!$A$2:$C$346,2,0))^2+(VLOOKUP($A111,városok!$A$2:$C$346,3,0)-VLOOKUP(BM$1,városok!$A$2:$C$346,3,0))^2)/1000,0)</f>
        <v>139</v>
      </c>
      <c r="BN111">
        <f ca="1">ROUND(SQRT((VLOOKUP($A111,városok!$A$2:$C$346,2,0)-VLOOKUP(BN$1,városok!$A$2:$C$346,2,0))^2+(VLOOKUP($A111,városok!$A$2:$C$346,3,0)-VLOOKUP(BN$1,városok!$A$2:$C$346,3,0))^2)/1000,0)</f>
        <v>163</v>
      </c>
      <c r="BO111">
        <f ca="1">ROUND(SQRT((VLOOKUP($A111,városok!$A$2:$C$346,2,0)-VLOOKUP(BO$1,városok!$A$2:$C$346,2,0))^2+(VLOOKUP($A111,városok!$A$2:$C$346,3,0)-VLOOKUP(BO$1,városok!$A$2:$C$346,3,0))^2)/1000,0)</f>
        <v>58</v>
      </c>
      <c r="BP111">
        <f ca="1">ROUND(SQRT((VLOOKUP($A111,városok!$A$2:$C$346,2,0)-VLOOKUP(BP$1,városok!$A$2:$C$346,2,0))^2+(VLOOKUP($A111,városok!$A$2:$C$346,3,0)-VLOOKUP(BP$1,városok!$A$2:$C$346,3,0))^2)/1000,0)</f>
        <v>51</v>
      </c>
      <c r="BQ111">
        <f ca="1">ROUND(SQRT((VLOOKUP($A111,városok!$A$2:$C$346,2,0)-VLOOKUP(BQ$1,városok!$A$2:$C$346,2,0))^2+(VLOOKUP($A111,városok!$A$2:$C$346,3,0)-VLOOKUP(BQ$1,városok!$A$2:$C$346,3,0))^2)/1000,0)</f>
        <v>65</v>
      </c>
      <c r="BR111">
        <f ca="1">ROUND(SQRT((VLOOKUP($A111,városok!$A$2:$C$346,2,0)-VLOOKUP(BR$1,városok!$A$2:$C$346,2,0))^2+(VLOOKUP($A111,városok!$A$2:$C$346,3,0)-VLOOKUP(BR$1,városok!$A$2:$C$346,3,0))^2)/1000,0)</f>
        <v>122</v>
      </c>
      <c r="BS111">
        <f ca="1">ROUND(SQRT((VLOOKUP($A111,városok!$A$2:$C$346,2,0)-VLOOKUP(BS$1,városok!$A$2:$C$346,2,0))^2+(VLOOKUP($A111,városok!$A$2:$C$346,3,0)-VLOOKUP(BS$1,városok!$A$2:$C$346,3,0))^2)/1000,0)</f>
        <v>155</v>
      </c>
      <c r="BT111">
        <f ca="1">ROUND(SQRT((VLOOKUP($A111,városok!$A$2:$C$346,2,0)-VLOOKUP(BT$1,városok!$A$2:$C$346,2,0))^2+(VLOOKUP($A111,városok!$A$2:$C$346,3,0)-VLOOKUP(BT$1,városok!$A$2:$C$346,3,0))^2)/1000,0)</f>
        <v>150</v>
      </c>
    </row>
    <row r="112" spans="1:72" x14ac:dyDescent="0.2">
      <c r="A112" t="str">
        <f>városok!A112</f>
        <v>Rácalmás</v>
      </c>
      <c r="B112">
        <f ca="1">ROUND(SQRT((VLOOKUP($A112,városok!$A$2:$C$346,2,0)-VLOOKUP(B$1,városok!$A$2:$C$346,2,0))^2+(VLOOKUP($A112,városok!$A$2:$C$346,3,0)-VLOOKUP(B$1,városok!$A$2:$C$346,3,0))^2)/1000,0)</f>
        <v>93</v>
      </c>
      <c r="C112">
        <f ca="1">ROUND(SQRT((VLOOKUP($A112,városok!$A$2:$C$346,2,0)-VLOOKUP(C$1,városok!$A$2:$C$346,2,0))^2+(VLOOKUP($A112,városok!$A$2:$C$346,3,0)-VLOOKUP(C$1,városok!$A$2:$C$346,3,0))^2)/1000,0)</f>
        <v>55</v>
      </c>
      <c r="D112">
        <f ca="1">ROUND(SQRT((VLOOKUP($A112,városok!$A$2:$C$346,2,0)-VLOOKUP(D$1,városok!$A$2:$C$346,2,0))^2+(VLOOKUP($A112,városok!$A$2:$C$346,3,0)-VLOOKUP(D$1,városok!$A$2:$C$346,3,0))^2)/1000,0)</f>
        <v>58</v>
      </c>
      <c r="E112">
        <f ca="1">ROUND(SQRT((VLOOKUP($A112,városok!$A$2:$C$346,2,0)-VLOOKUP(E$1,városok!$A$2:$C$346,2,0))^2+(VLOOKUP($A112,városok!$A$2:$C$346,3,0)-VLOOKUP(E$1,városok!$A$2:$C$346,3,0))^2)/1000,0)</f>
        <v>107</v>
      </c>
      <c r="F112">
        <f ca="1">ROUND(SQRT((VLOOKUP($A112,városok!$A$2:$C$346,2,0)-VLOOKUP(F$1,városok!$A$2:$C$346,2,0))^2+(VLOOKUP($A112,városok!$A$2:$C$346,3,0)-VLOOKUP(F$1,városok!$A$2:$C$346,3,0))^2)/1000,0)</f>
        <v>117</v>
      </c>
      <c r="G112">
        <f ca="1">ROUND(SQRT((VLOOKUP($A112,városok!$A$2:$C$346,2,0)-VLOOKUP(G$1,városok!$A$2:$C$346,2,0))^2+(VLOOKUP($A112,városok!$A$2:$C$346,3,0)-VLOOKUP(G$1,városok!$A$2:$C$346,3,0))^2)/1000,0)</f>
        <v>118</v>
      </c>
      <c r="H112">
        <f ca="1">ROUND(SQRT((VLOOKUP($A112,városok!$A$2:$C$346,2,0)-VLOOKUP(H$1,városok!$A$2:$C$346,2,0))^2+(VLOOKUP($A112,városok!$A$2:$C$346,3,0)-VLOOKUP(H$1,városok!$A$2:$C$346,3,0))^2)/1000,0)</f>
        <v>140</v>
      </c>
      <c r="I112">
        <f ca="1">ROUND(SQRT((VLOOKUP($A112,városok!$A$2:$C$346,2,0)-VLOOKUP(I$1,városok!$A$2:$C$346,2,0))^2+(VLOOKUP($A112,városok!$A$2:$C$346,3,0)-VLOOKUP(I$1,városok!$A$2:$C$346,3,0))^2)/1000,0)</f>
        <v>168</v>
      </c>
      <c r="J112">
        <f ca="1">ROUND(SQRT((VLOOKUP($A112,városok!$A$2:$C$346,2,0)-VLOOKUP(J$1,városok!$A$2:$C$346,2,0))^2+(VLOOKUP($A112,városok!$A$2:$C$346,3,0)-VLOOKUP(J$1,városok!$A$2:$C$346,3,0))^2)/1000,0)</f>
        <v>183</v>
      </c>
      <c r="K112">
        <f ca="1">ROUND(SQRT((VLOOKUP($A112,városok!$A$2:$C$346,2,0)-VLOOKUP(K$1,városok!$A$2:$C$346,2,0))^2+(VLOOKUP($A112,városok!$A$2:$C$346,3,0)-VLOOKUP(K$1,városok!$A$2:$C$346,3,0))^2)/1000,0)</f>
        <v>141</v>
      </c>
      <c r="L112">
        <f ca="1">ROUND(SQRT((VLOOKUP($A112,városok!$A$2:$C$346,2,0)-VLOOKUP(L$1,városok!$A$2:$C$346,2,0))^2+(VLOOKUP($A112,városok!$A$2:$C$346,3,0)-VLOOKUP(L$1,városok!$A$2:$C$346,3,0))^2)/1000,0)</f>
        <v>187</v>
      </c>
      <c r="M112">
        <f ca="1">ROUND(SQRT((VLOOKUP($A112,városok!$A$2:$C$346,2,0)-VLOOKUP(M$1,városok!$A$2:$C$346,2,0))^2+(VLOOKUP($A112,városok!$A$2:$C$346,3,0)-VLOOKUP(M$1,városok!$A$2:$C$346,3,0))^2)/1000,0)</f>
        <v>184</v>
      </c>
      <c r="N112">
        <f ca="1">ROUND(SQRT((VLOOKUP($A112,városok!$A$2:$C$346,2,0)-VLOOKUP(N$1,városok!$A$2:$C$346,2,0))^2+(VLOOKUP($A112,városok!$A$2:$C$346,3,0)-VLOOKUP(N$1,városok!$A$2:$C$346,3,0))^2)/1000,0)</f>
        <v>167</v>
      </c>
      <c r="O112">
        <f ca="1">ROUND(SQRT((VLOOKUP($A112,városok!$A$2:$C$346,2,0)-VLOOKUP(O$1,városok!$A$2:$C$346,2,0))^2+(VLOOKUP($A112,városok!$A$2:$C$346,3,0)-VLOOKUP(O$1,városok!$A$2:$C$346,3,0))^2)/1000,0)</f>
        <v>254</v>
      </c>
      <c r="P112">
        <f ca="1">ROUND(SQRT((VLOOKUP($A112,városok!$A$2:$C$346,2,0)-VLOOKUP(P$1,városok!$A$2:$C$346,2,0))^2+(VLOOKUP($A112,városok!$A$2:$C$346,3,0)-VLOOKUP(P$1,városok!$A$2:$C$346,3,0))^2)/1000,0)</f>
        <v>254</v>
      </c>
      <c r="Q112">
        <f ca="1">ROUND(SQRT((VLOOKUP($A112,városok!$A$2:$C$346,2,0)-VLOOKUP(Q$1,városok!$A$2:$C$346,2,0))^2+(VLOOKUP($A112,városok!$A$2:$C$346,3,0)-VLOOKUP(Q$1,városok!$A$2:$C$346,3,0))^2)/1000,0)</f>
        <v>125</v>
      </c>
      <c r="R112">
        <f ca="1">ROUND(SQRT((VLOOKUP($A112,városok!$A$2:$C$346,2,0)-VLOOKUP(R$1,városok!$A$2:$C$346,2,0))^2+(VLOOKUP($A112,városok!$A$2:$C$346,3,0)-VLOOKUP(R$1,városok!$A$2:$C$346,3,0))^2)/1000,0)</f>
        <v>148</v>
      </c>
      <c r="S112">
        <f ca="1">ROUND(SQRT((VLOOKUP($A112,városok!$A$2:$C$346,2,0)-VLOOKUP(S$1,városok!$A$2:$C$346,2,0))^2+(VLOOKUP($A112,városok!$A$2:$C$346,3,0)-VLOOKUP(S$1,városok!$A$2:$C$346,3,0))^2)/1000,0)</f>
        <v>127</v>
      </c>
      <c r="T112">
        <f ca="1">ROUND(SQRT((VLOOKUP($A112,városok!$A$2:$C$346,2,0)-VLOOKUP(T$1,városok!$A$2:$C$346,2,0))^2+(VLOOKUP($A112,városok!$A$2:$C$346,3,0)-VLOOKUP(T$1,városok!$A$2:$C$346,3,0))^2)/1000,0)</f>
        <v>57</v>
      </c>
      <c r="U112">
        <f ca="1">ROUND(SQRT((VLOOKUP($A112,városok!$A$2:$C$346,2,0)-VLOOKUP(U$1,városok!$A$2:$C$346,2,0))^2+(VLOOKUP($A112,városok!$A$2:$C$346,3,0)-VLOOKUP(U$1,városok!$A$2:$C$346,3,0))^2)/1000,0)</f>
        <v>6</v>
      </c>
      <c r="V112">
        <f ca="1">ROUND(SQRT((VLOOKUP($A112,városok!$A$2:$C$346,2,0)-VLOOKUP(V$1,városok!$A$2:$C$346,2,0))^2+(VLOOKUP($A112,városok!$A$2:$C$346,3,0)-VLOOKUP(V$1,városok!$A$2:$C$346,3,0))^2)/1000,0)</f>
        <v>49</v>
      </c>
      <c r="W112">
        <f ca="1">ROUND(SQRT((VLOOKUP($A112,városok!$A$2:$C$346,2,0)-VLOOKUP(W$1,városok!$A$2:$C$346,2,0))^2+(VLOOKUP($A112,városok!$A$2:$C$346,3,0)-VLOOKUP(W$1,városok!$A$2:$C$346,3,0))^2)/1000,0)</f>
        <v>29</v>
      </c>
      <c r="X112">
        <f ca="1">ROUND(SQRT((VLOOKUP($A112,városok!$A$2:$C$346,2,0)-VLOOKUP(X$1,városok!$A$2:$C$346,2,0))^2+(VLOOKUP($A112,városok!$A$2:$C$346,3,0)-VLOOKUP(X$1,városok!$A$2:$C$346,3,0))^2)/1000,0)</f>
        <v>55</v>
      </c>
      <c r="Y112">
        <f ca="1">ROUND(SQRT((VLOOKUP($A112,városok!$A$2:$C$346,2,0)-VLOOKUP(Y$1,városok!$A$2:$C$346,2,0))^2+(VLOOKUP($A112,városok!$A$2:$C$346,3,0)-VLOOKUP(Y$1,városok!$A$2:$C$346,3,0))^2)/1000,0)</f>
        <v>123</v>
      </c>
      <c r="Z112">
        <f ca="1">ROUND(SQRT((VLOOKUP($A112,városok!$A$2:$C$346,2,0)-VLOOKUP(Z$1,városok!$A$2:$C$346,2,0))^2+(VLOOKUP($A112,városok!$A$2:$C$346,3,0)-VLOOKUP(Z$1,városok!$A$2:$C$346,3,0))^2)/1000,0)</f>
        <v>141</v>
      </c>
      <c r="AA112">
        <f ca="1">ROUND(SQRT((VLOOKUP($A112,városok!$A$2:$C$346,2,0)-VLOOKUP(AA$1,városok!$A$2:$C$346,2,0))^2+(VLOOKUP($A112,városok!$A$2:$C$346,3,0)-VLOOKUP(AA$1,városok!$A$2:$C$346,3,0))^2)/1000,0)</f>
        <v>193</v>
      </c>
      <c r="AB112">
        <f ca="1">ROUND(SQRT((VLOOKUP($A112,városok!$A$2:$C$346,2,0)-VLOOKUP(AB$1,városok!$A$2:$C$346,2,0))^2+(VLOOKUP($A112,városok!$A$2:$C$346,3,0)-VLOOKUP(AB$1,városok!$A$2:$C$346,3,0))^2)/1000,0)</f>
        <v>211</v>
      </c>
      <c r="AC112">
        <f ca="1">ROUND(SQRT((VLOOKUP($A112,városok!$A$2:$C$346,2,0)-VLOOKUP(AC$1,városok!$A$2:$C$346,2,0))^2+(VLOOKUP($A112,városok!$A$2:$C$346,3,0)-VLOOKUP(AC$1,városok!$A$2:$C$346,3,0))^2)/1000,0)</f>
        <v>192</v>
      </c>
      <c r="AD112">
        <f ca="1">ROUND(SQRT((VLOOKUP($A112,városok!$A$2:$C$346,2,0)-VLOOKUP(AD$1,városok!$A$2:$C$346,2,0))^2+(VLOOKUP($A112,városok!$A$2:$C$346,3,0)-VLOOKUP(AD$1,városok!$A$2:$C$346,3,0))^2)/1000,0)</f>
        <v>174</v>
      </c>
      <c r="AE112">
        <f ca="1">ROUND(SQRT((VLOOKUP($A112,városok!$A$2:$C$346,2,0)-VLOOKUP(AE$1,városok!$A$2:$C$346,2,0))^2+(VLOOKUP($A112,városok!$A$2:$C$346,3,0)-VLOOKUP(AE$1,városok!$A$2:$C$346,3,0))^2)/1000,0)</f>
        <v>171</v>
      </c>
      <c r="AF112">
        <f ca="1">ROUND(SQRT((VLOOKUP($A112,városok!$A$2:$C$346,2,0)-VLOOKUP(AF$1,városok!$A$2:$C$346,2,0))^2+(VLOOKUP($A112,városok!$A$2:$C$346,3,0)-VLOOKUP(AF$1,városok!$A$2:$C$346,3,0))^2)/1000,0)</f>
        <v>146</v>
      </c>
      <c r="AG112">
        <f ca="1">ROUND(SQRT((VLOOKUP($A112,városok!$A$2:$C$346,2,0)-VLOOKUP(AG$1,városok!$A$2:$C$346,2,0))^2+(VLOOKUP($A112,városok!$A$2:$C$346,3,0)-VLOOKUP(AG$1,városok!$A$2:$C$346,3,0))^2)/1000,0)</f>
        <v>112</v>
      </c>
      <c r="AH112">
        <f ca="1">ROUND(SQRT((VLOOKUP($A112,városok!$A$2:$C$346,2,0)-VLOOKUP(AH$1,városok!$A$2:$C$346,2,0))^2+(VLOOKUP($A112,városok!$A$2:$C$346,3,0)-VLOOKUP(AH$1,városok!$A$2:$C$346,3,0))^2)/1000,0)</f>
        <v>90</v>
      </c>
      <c r="AI112">
        <f ca="1">ROUND(SQRT((VLOOKUP($A112,városok!$A$2:$C$346,2,0)-VLOOKUP(AI$1,városok!$A$2:$C$346,2,0))^2+(VLOOKUP($A112,városok!$A$2:$C$346,3,0)-VLOOKUP(AI$1,városok!$A$2:$C$346,3,0))^2)/1000,0)</f>
        <v>141</v>
      </c>
      <c r="AJ112">
        <f ca="1">ROUND(SQRT((VLOOKUP($A112,városok!$A$2:$C$346,2,0)-VLOOKUP(AJ$1,városok!$A$2:$C$346,2,0))^2+(VLOOKUP($A112,városok!$A$2:$C$346,3,0)-VLOOKUP(AJ$1,városok!$A$2:$C$346,3,0))^2)/1000,0)</f>
        <v>104</v>
      </c>
      <c r="AK112">
        <f ca="1">ROUND(SQRT((VLOOKUP($A112,városok!$A$2:$C$346,2,0)-VLOOKUP(AK$1,városok!$A$2:$C$346,2,0))^2+(VLOOKUP($A112,városok!$A$2:$C$346,3,0)-VLOOKUP(AK$1,városok!$A$2:$C$346,3,0))^2)/1000,0)</f>
        <v>157</v>
      </c>
      <c r="AL112">
        <f ca="1">ROUND(SQRT((VLOOKUP($A112,városok!$A$2:$C$346,2,0)-VLOOKUP(AL$1,városok!$A$2:$C$346,2,0))^2+(VLOOKUP($A112,városok!$A$2:$C$346,3,0)-VLOOKUP(AL$1,városok!$A$2:$C$346,3,0))^2)/1000,0)</f>
        <v>133</v>
      </c>
      <c r="AM112">
        <f ca="1">ROUND(SQRT((VLOOKUP($A112,városok!$A$2:$C$346,2,0)-VLOOKUP(AM$1,városok!$A$2:$C$346,2,0))^2+(VLOOKUP($A112,városok!$A$2:$C$346,3,0)-VLOOKUP(AM$1,városok!$A$2:$C$346,3,0))^2)/1000,0)</f>
        <v>96</v>
      </c>
      <c r="AN112">
        <f ca="1">ROUND(SQRT((VLOOKUP($A112,városok!$A$2:$C$346,2,0)-VLOOKUP(AN$1,városok!$A$2:$C$346,2,0))^2+(VLOOKUP($A112,városok!$A$2:$C$346,3,0)-VLOOKUP(AN$1,városok!$A$2:$C$346,3,0))^2)/1000,0)</f>
        <v>86</v>
      </c>
      <c r="AO112">
        <f ca="1">ROUND(SQRT((VLOOKUP($A112,városok!$A$2:$C$346,2,0)-VLOOKUP(AO$1,városok!$A$2:$C$346,2,0))^2+(VLOOKUP($A112,városok!$A$2:$C$346,3,0)-VLOOKUP(AO$1,városok!$A$2:$C$346,3,0))^2)/1000,0)</f>
        <v>101</v>
      </c>
      <c r="AP112">
        <f ca="1">ROUND(SQRT((VLOOKUP($A112,városok!$A$2:$C$346,2,0)-VLOOKUP(AP$1,városok!$A$2:$C$346,2,0))^2+(VLOOKUP($A112,városok!$A$2:$C$346,3,0)-VLOOKUP(AP$1,városok!$A$2:$C$346,3,0))^2)/1000,0)</f>
        <v>83</v>
      </c>
      <c r="AQ112">
        <f ca="1">ROUND(SQRT((VLOOKUP($A112,városok!$A$2:$C$346,2,0)-VLOOKUP(AQ$1,városok!$A$2:$C$346,2,0))^2+(VLOOKUP($A112,városok!$A$2:$C$346,3,0)-VLOOKUP(AQ$1,városok!$A$2:$C$346,3,0))^2)/1000,0)</f>
        <v>73</v>
      </c>
      <c r="AR112">
        <f ca="1">ROUND(SQRT((VLOOKUP($A112,városok!$A$2:$C$346,2,0)-VLOOKUP(AR$1,városok!$A$2:$C$346,2,0))^2+(VLOOKUP($A112,városok!$A$2:$C$346,3,0)-VLOOKUP(AR$1,városok!$A$2:$C$346,3,0))^2)/1000,0)</f>
        <v>115</v>
      </c>
      <c r="AS112">
        <f ca="1">ROUND(SQRT((VLOOKUP($A112,városok!$A$2:$C$346,2,0)-VLOOKUP(AS$1,városok!$A$2:$C$346,2,0))^2+(VLOOKUP($A112,városok!$A$2:$C$346,3,0)-VLOOKUP(AS$1,városok!$A$2:$C$346,3,0))^2)/1000,0)</f>
        <v>137</v>
      </c>
      <c r="AT112">
        <f ca="1">ROUND(SQRT((VLOOKUP($A112,városok!$A$2:$C$346,2,0)-VLOOKUP(AT$1,városok!$A$2:$C$346,2,0))^2+(VLOOKUP($A112,városok!$A$2:$C$346,3,0)-VLOOKUP(AT$1,városok!$A$2:$C$346,3,0))^2)/1000,0)</f>
        <v>51</v>
      </c>
      <c r="AU112">
        <f ca="1">ROUND(SQRT((VLOOKUP($A112,városok!$A$2:$C$346,2,0)-VLOOKUP(AU$1,városok!$A$2:$C$346,2,0))^2+(VLOOKUP($A112,városok!$A$2:$C$346,3,0)-VLOOKUP(AU$1,városok!$A$2:$C$346,3,0))^2)/1000,0)</f>
        <v>48</v>
      </c>
      <c r="AV112">
        <f ca="1">ROUND(SQRT((VLOOKUP($A112,városok!$A$2:$C$346,2,0)-VLOOKUP(AV$1,városok!$A$2:$C$346,2,0))^2+(VLOOKUP($A112,városok!$A$2:$C$346,3,0)-VLOOKUP(AV$1,városok!$A$2:$C$346,3,0))^2)/1000,0)</f>
        <v>43</v>
      </c>
      <c r="AW112">
        <f ca="1">ROUND(SQRT((VLOOKUP($A112,városok!$A$2:$C$346,2,0)-VLOOKUP(AW$1,városok!$A$2:$C$346,2,0))^2+(VLOOKUP($A112,városok!$A$2:$C$346,3,0)-VLOOKUP(AW$1,városok!$A$2:$C$346,3,0))^2)/1000,0)</f>
        <v>41</v>
      </c>
      <c r="AX112">
        <f ca="1">ROUND(SQRT((VLOOKUP($A112,városok!$A$2:$C$346,2,0)-VLOOKUP(AX$1,városok!$A$2:$C$346,2,0))^2+(VLOOKUP($A112,városok!$A$2:$C$346,3,0)-VLOOKUP(AX$1,városok!$A$2:$C$346,3,0))^2)/1000,0)</f>
        <v>64</v>
      </c>
      <c r="AY112">
        <f ca="1">ROUND(SQRT((VLOOKUP($A112,városok!$A$2:$C$346,2,0)-VLOOKUP(AY$1,városok!$A$2:$C$346,2,0))^2+(VLOOKUP($A112,városok!$A$2:$C$346,3,0)-VLOOKUP(AY$1,városok!$A$2:$C$346,3,0))^2)/1000,0)</f>
        <v>74</v>
      </c>
      <c r="AZ112">
        <f ca="1">ROUND(SQRT((VLOOKUP($A112,városok!$A$2:$C$346,2,0)-VLOOKUP(AZ$1,városok!$A$2:$C$346,2,0))^2+(VLOOKUP($A112,városok!$A$2:$C$346,3,0)-VLOOKUP(AZ$1,városok!$A$2:$C$346,3,0))^2)/1000,0)</f>
        <v>85</v>
      </c>
      <c r="BA112">
        <f ca="1">ROUND(SQRT((VLOOKUP($A112,városok!$A$2:$C$346,2,0)-VLOOKUP(BA$1,városok!$A$2:$C$346,2,0))^2+(VLOOKUP($A112,városok!$A$2:$C$346,3,0)-VLOOKUP(BA$1,városok!$A$2:$C$346,3,0))^2)/1000,0)</f>
        <v>98</v>
      </c>
      <c r="BB112">
        <f ca="1">ROUND(SQRT((VLOOKUP($A112,városok!$A$2:$C$346,2,0)-VLOOKUP(BB$1,városok!$A$2:$C$346,2,0))^2+(VLOOKUP($A112,városok!$A$2:$C$346,3,0)-VLOOKUP(BB$1,városok!$A$2:$C$346,3,0))^2)/1000,0)</f>
        <v>94</v>
      </c>
      <c r="BC112">
        <f ca="1">ROUND(SQRT((VLOOKUP($A112,városok!$A$2:$C$346,2,0)-VLOOKUP(BC$1,városok!$A$2:$C$346,2,0))^2+(VLOOKUP($A112,városok!$A$2:$C$346,3,0)-VLOOKUP(BC$1,városok!$A$2:$C$346,3,0))^2)/1000,0)</f>
        <v>115</v>
      </c>
      <c r="BD112">
        <f ca="1">ROUND(SQRT((VLOOKUP($A112,városok!$A$2:$C$346,2,0)-VLOOKUP(BD$1,városok!$A$2:$C$346,2,0))^2+(VLOOKUP($A112,városok!$A$2:$C$346,3,0)-VLOOKUP(BD$1,városok!$A$2:$C$346,3,0))^2)/1000,0)</f>
        <v>68</v>
      </c>
      <c r="BE112">
        <f ca="1">ROUND(SQRT((VLOOKUP($A112,városok!$A$2:$C$346,2,0)-VLOOKUP(BE$1,városok!$A$2:$C$346,2,0))^2+(VLOOKUP($A112,városok!$A$2:$C$346,3,0)-VLOOKUP(BE$1,városok!$A$2:$C$346,3,0))^2)/1000,0)</f>
        <v>295</v>
      </c>
      <c r="BF112">
        <f ca="1">ROUND(SQRT((VLOOKUP($A112,városok!$A$2:$C$346,2,0)-VLOOKUP(BF$1,városok!$A$2:$C$346,2,0))^2+(VLOOKUP($A112,városok!$A$2:$C$346,3,0)-VLOOKUP(BF$1,városok!$A$2:$C$346,3,0))^2)/1000,0)</f>
        <v>271</v>
      </c>
      <c r="BG112">
        <f ca="1">ROUND(SQRT((VLOOKUP($A112,városok!$A$2:$C$346,2,0)-VLOOKUP(BG$1,városok!$A$2:$C$346,2,0))^2+(VLOOKUP($A112,városok!$A$2:$C$346,3,0)-VLOOKUP(BG$1,városok!$A$2:$C$346,3,0))^2)/1000,0)</f>
        <v>226</v>
      </c>
      <c r="BH112">
        <f ca="1">ROUND(SQRT((VLOOKUP($A112,városok!$A$2:$C$346,2,0)-VLOOKUP(BH$1,városok!$A$2:$C$346,2,0))^2+(VLOOKUP($A112,városok!$A$2:$C$346,3,0)-VLOOKUP(BH$1,városok!$A$2:$C$346,3,0))^2)/1000,0)</f>
        <v>226</v>
      </c>
      <c r="BI112">
        <f ca="1">ROUND(SQRT((VLOOKUP($A112,városok!$A$2:$C$346,2,0)-VLOOKUP(BI$1,városok!$A$2:$C$346,2,0))^2+(VLOOKUP($A112,városok!$A$2:$C$346,3,0)-VLOOKUP(BI$1,városok!$A$2:$C$346,3,0))^2)/1000,0)</f>
        <v>74</v>
      </c>
      <c r="BJ112">
        <f ca="1">ROUND(SQRT((VLOOKUP($A112,városok!$A$2:$C$346,2,0)-VLOOKUP(BJ$1,városok!$A$2:$C$346,2,0))^2+(VLOOKUP($A112,városok!$A$2:$C$346,3,0)-VLOOKUP(BJ$1,városok!$A$2:$C$346,3,0))^2)/1000,0)</f>
        <v>90</v>
      </c>
      <c r="BK112">
        <f ca="1">ROUND(SQRT((VLOOKUP($A112,városok!$A$2:$C$346,2,0)-VLOOKUP(BK$1,városok!$A$2:$C$346,2,0))^2+(VLOOKUP($A112,városok!$A$2:$C$346,3,0)-VLOOKUP(BK$1,városok!$A$2:$C$346,3,0))^2)/1000,0)</f>
        <v>77</v>
      </c>
      <c r="BL112">
        <f ca="1">ROUND(SQRT((VLOOKUP($A112,városok!$A$2:$C$346,2,0)-VLOOKUP(BL$1,városok!$A$2:$C$346,2,0))^2+(VLOOKUP($A112,városok!$A$2:$C$346,3,0)-VLOOKUP(BL$1,városok!$A$2:$C$346,3,0))^2)/1000,0)</f>
        <v>178</v>
      </c>
      <c r="BM112">
        <f ca="1">ROUND(SQRT((VLOOKUP($A112,városok!$A$2:$C$346,2,0)-VLOOKUP(BM$1,városok!$A$2:$C$346,2,0))^2+(VLOOKUP($A112,városok!$A$2:$C$346,3,0)-VLOOKUP(BM$1,városok!$A$2:$C$346,3,0))^2)/1000,0)</f>
        <v>155</v>
      </c>
      <c r="BN112">
        <f ca="1">ROUND(SQRT((VLOOKUP($A112,városok!$A$2:$C$346,2,0)-VLOOKUP(BN$1,városok!$A$2:$C$346,2,0))^2+(VLOOKUP($A112,városok!$A$2:$C$346,3,0)-VLOOKUP(BN$1,városok!$A$2:$C$346,3,0))^2)/1000,0)</f>
        <v>177</v>
      </c>
      <c r="BO112">
        <f ca="1">ROUND(SQRT((VLOOKUP($A112,városok!$A$2:$C$346,2,0)-VLOOKUP(BO$1,városok!$A$2:$C$346,2,0))^2+(VLOOKUP($A112,városok!$A$2:$C$346,3,0)-VLOOKUP(BO$1,városok!$A$2:$C$346,3,0))^2)/1000,0)</f>
        <v>71</v>
      </c>
      <c r="BP112">
        <f ca="1">ROUND(SQRT((VLOOKUP($A112,városok!$A$2:$C$346,2,0)-VLOOKUP(BP$1,városok!$A$2:$C$346,2,0))^2+(VLOOKUP($A112,városok!$A$2:$C$346,3,0)-VLOOKUP(BP$1,városok!$A$2:$C$346,3,0))^2)/1000,0)</f>
        <v>63</v>
      </c>
      <c r="BQ112">
        <f ca="1">ROUND(SQRT((VLOOKUP($A112,városok!$A$2:$C$346,2,0)-VLOOKUP(BQ$1,városok!$A$2:$C$346,2,0))^2+(VLOOKUP($A112,városok!$A$2:$C$346,3,0)-VLOOKUP(BQ$1,városok!$A$2:$C$346,3,0))^2)/1000,0)</f>
        <v>79</v>
      </c>
      <c r="BR112">
        <f ca="1">ROUND(SQRT((VLOOKUP($A112,városok!$A$2:$C$346,2,0)-VLOOKUP(BR$1,városok!$A$2:$C$346,2,0))^2+(VLOOKUP($A112,városok!$A$2:$C$346,3,0)-VLOOKUP(BR$1,városok!$A$2:$C$346,3,0))^2)/1000,0)</f>
        <v>132</v>
      </c>
      <c r="BS112">
        <f ca="1">ROUND(SQRT((VLOOKUP($A112,városok!$A$2:$C$346,2,0)-VLOOKUP(BS$1,városok!$A$2:$C$346,2,0))^2+(VLOOKUP($A112,városok!$A$2:$C$346,3,0)-VLOOKUP(BS$1,városok!$A$2:$C$346,3,0))^2)/1000,0)</f>
        <v>162</v>
      </c>
      <c r="BT112">
        <f ca="1">ROUND(SQRT((VLOOKUP($A112,városok!$A$2:$C$346,2,0)-VLOOKUP(BT$1,városok!$A$2:$C$346,2,0))^2+(VLOOKUP($A112,városok!$A$2:$C$346,3,0)-VLOOKUP(BT$1,városok!$A$2:$C$346,3,0))^2)/1000,0)</f>
        <v>161</v>
      </c>
    </row>
    <row r="113" spans="1:72" x14ac:dyDescent="0.2">
      <c r="A113" t="str">
        <f>városok!A113</f>
        <v>Sárbogárd</v>
      </c>
      <c r="B113">
        <f ca="1">ROUND(SQRT((VLOOKUP($A113,városok!$A$2:$C$346,2,0)-VLOOKUP(B$1,városok!$A$2:$C$346,2,0))^2+(VLOOKUP($A113,városok!$A$2:$C$346,3,0)-VLOOKUP(B$1,városok!$A$2:$C$346,3,0))^2)/1000,0)</f>
        <v>82</v>
      </c>
      <c r="C113">
        <f ca="1">ROUND(SQRT((VLOOKUP($A113,városok!$A$2:$C$346,2,0)-VLOOKUP(C$1,városok!$A$2:$C$346,2,0))^2+(VLOOKUP($A113,városok!$A$2:$C$346,3,0)-VLOOKUP(C$1,városok!$A$2:$C$346,3,0))^2)/1000,0)</f>
        <v>48</v>
      </c>
      <c r="D113">
        <f ca="1">ROUND(SQRT((VLOOKUP($A113,városok!$A$2:$C$346,2,0)-VLOOKUP(D$1,városok!$A$2:$C$346,2,0))^2+(VLOOKUP($A113,városok!$A$2:$C$346,3,0)-VLOOKUP(D$1,városok!$A$2:$C$346,3,0))^2)/1000,0)</f>
        <v>81</v>
      </c>
      <c r="E113">
        <f ca="1">ROUND(SQRT((VLOOKUP($A113,városok!$A$2:$C$346,2,0)-VLOOKUP(E$1,városok!$A$2:$C$346,2,0))^2+(VLOOKUP($A113,városok!$A$2:$C$346,3,0)-VLOOKUP(E$1,városok!$A$2:$C$346,3,0))^2)/1000,0)</f>
        <v>82</v>
      </c>
      <c r="F113">
        <f ca="1">ROUND(SQRT((VLOOKUP($A113,városok!$A$2:$C$346,2,0)-VLOOKUP(F$1,városok!$A$2:$C$346,2,0))^2+(VLOOKUP($A113,városok!$A$2:$C$346,3,0)-VLOOKUP(F$1,városok!$A$2:$C$346,3,0))^2)/1000,0)</f>
        <v>100</v>
      </c>
      <c r="G113">
        <f ca="1">ROUND(SQRT((VLOOKUP($A113,városok!$A$2:$C$346,2,0)-VLOOKUP(G$1,városok!$A$2:$C$346,2,0))^2+(VLOOKUP($A113,városok!$A$2:$C$346,3,0)-VLOOKUP(G$1,városok!$A$2:$C$346,3,0))^2)/1000,0)</f>
        <v>94</v>
      </c>
      <c r="H113">
        <f ca="1">ROUND(SQRT((VLOOKUP($A113,városok!$A$2:$C$346,2,0)-VLOOKUP(H$1,városok!$A$2:$C$346,2,0))^2+(VLOOKUP($A113,városok!$A$2:$C$346,3,0)-VLOOKUP(H$1,városok!$A$2:$C$346,3,0))^2)/1000,0)</f>
        <v>113</v>
      </c>
      <c r="I113">
        <f ca="1">ROUND(SQRT((VLOOKUP($A113,városok!$A$2:$C$346,2,0)-VLOOKUP(I$1,városok!$A$2:$C$346,2,0))^2+(VLOOKUP($A113,városok!$A$2:$C$346,3,0)-VLOOKUP(I$1,városok!$A$2:$C$346,3,0))^2)/1000,0)</f>
        <v>189</v>
      </c>
      <c r="J113">
        <f ca="1">ROUND(SQRT((VLOOKUP($A113,városok!$A$2:$C$346,2,0)-VLOOKUP(J$1,városok!$A$2:$C$346,2,0))^2+(VLOOKUP($A113,városok!$A$2:$C$346,3,0)-VLOOKUP(J$1,városok!$A$2:$C$346,3,0))^2)/1000,0)</f>
        <v>204</v>
      </c>
      <c r="K113">
        <f ca="1">ROUND(SQRT((VLOOKUP($A113,városok!$A$2:$C$346,2,0)-VLOOKUP(K$1,városok!$A$2:$C$346,2,0))^2+(VLOOKUP($A113,városok!$A$2:$C$346,3,0)-VLOOKUP(K$1,városok!$A$2:$C$346,3,0))^2)/1000,0)</f>
        <v>161</v>
      </c>
      <c r="L113">
        <f ca="1">ROUND(SQRT((VLOOKUP($A113,városok!$A$2:$C$346,2,0)-VLOOKUP(L$1,városok!$A$2:$C$346,2,0))^2+(VLOOKUP($A113,városok!$A$2:$C$346,3,0)-VLOOKUP(L$1,városok!$A$2:$C$346,3,0))^2)/1000,0)</f>
        <v>215</v>
      </c>
      <c r="M113">
        <f ca="1">ROUND(SQRT((VLOOKUP($A113,városok!$A$2:$C$346,2,0)-VLOOKUP(M$1,városok!$A$2:$C$346,2,0))^2+(VLOOKUP($A113,városok!$A$2:$C$346,3,0)-VLOOKUP(M$1,városok!$A$2:$C$346,3,0))^2)/1000,0)</f>
        <v>212</v>
      </c>
      <c r="N113">
        <f ca="1">ROUND(SQRT((VLOOKUP($A113,városok!$A$2:$C$346,2,0)-VLOOKUP(N$1,városok!$A$2:$C$346,2,0))^2+(VLOOKUP($A113,városok!$A$2:$C$346,3,0)-VLOOKUP(N$1,városok!$A$2:$C$346,3,0))^2)/1000,0)</f>
        <v>195</v>
      </c>
      <c r="O113">
        <f ca="1">ROUND(SQRT((VLOOKUP($A113,városok!$A$2:$C$346,2,0)-VLOOKUP(O$1,városok!$A$2:$C$346,2,0))^2+(VLOOKUP($A113,városok!$A$2:$C$346,3,0)-VLOOKUP(O$1,városok!$A$2:$C$346,3,0))^2)/1000,0)</f>
        <v>283</v>
      </c>
      <c r="P113">
        <f ca="1">ROUND(SQRT((VLOOKUP($A113,városok!$A$2:$C$346,2,0)-VLOOKUP(P$1,városok!$A$2:$C$346,2,0))^2+(VLOOKUP($A113,városok!$A$2:$C$346,3,0)-VLOOKUP(P$1,városok!$A$2:$C$346,3,0))^2)/1000,0)</f>
        <v>283</v>
      </c>
      <c r="Q113">
        <f ca="1">ROUND(SQRT((VLOOKUP($A113,városok!$A$2:$C$346,2,0)-VLOOKUP(Q$1,városok!$A$2:$C$346,2,0))^2+(VLOOKUP($A113,városok!$A$2:$C$346,3,0)-VLOOKUP(Q$1,városok!$A$2:$C$346,3,0))^2)/1000,0)</f>
        <v>140</v>
      </c>
      <c r="R113">
        <f ca="1">ROUND(SQRT((VLOOKUP($A113,városok!$A$2:$C$346,2,0)-VLOOKUP(R$1,városok!$A$2:$C$346,2,0))^2+(VLOOKUP($A113,városok!$A$2:$C$346,3,0)-VLOOKUP(R$1,városok!$A$2:$C$346,3,0))^2)/1000,0)</f>
        <v>160</v>
      </c>
      <c r="S113">
        <f ca="1">ROUND(SQRT((VLOOKUP($A113,városok!$A$2:$C$346,2,0)-VLOOKUP(S$1,városok!$A$2:$C$346,2,0))^2+(VLOOKUP($A113,városok!$A$2:$C$346,3,0)-VLOOKUP(S$1,városok!$A$2:$C$346,3,0))^2)/1000,0)</f>
        <v>138</v>
      </c>
      <c r="T113">
        <f ca="1">ROUND(SQRT((VLOOKUP($A113,városok!$A$2:$C$346,2,0)-VLOOKUP(T$1,városok!$A$2:$C$346,2,0))^2+(VLOOKUP($A113,városok!$A$2:$C$346,3,0)-VLOOKUP(T$1,városok!$A$2:$C$346,3,0))^2)/1000,0)</f>
        <v>67</v>
      </c>
      <c r="U113">
        <f ca="1">ROUND(SQRT((VLOOKUP($A113,városok!$A$2:$C$346,2,0)-VLOOKUP(U$1,városok!$A$2:$C$346,2,0))^2+(VLOOKUP($A113,városok!$A$2:$C$346,3,0)-VLOOKUP(U$1,városok!$A$2:$C$346,3,0))^2)/1000,0)</f>
        <v>25</v>
      </c>
      <c r="V113">
        <f ca="1">ROUND(SQRT((VLOOKUP($A113,városok!$A$2:$C$346,2,0)-VLOOKUP(V$1,városok!$A$2:$C$346,2,0))^2+(VLOOKUP($A113,városok!$A$2:$C$346,3,0)-VLOOKUP(V$1,városok!$A$2:$C$346,3,0))^2)/1000,0)</f>
        <v>31</v>
      </c>
      <c r="W113">
        <f ca="1">ROUND(SQRT((VLOOKUP($A113,városok!$A$2:$C$346,2,0)-VLOOKUP(W$1,városok!$A$2:$C$346,2,0))^2+(VLOOKUP($A113,városok!$A$2:$C$346,3,0)-VLOOKUP(W$1,városok!$A$2:$C$346,3,0))^2)/1000,0)</f>
        <v>0</v>
      </c>
      <c r="X113">
        <f ca="1">ROUND(SQRT((VLOOKUP($A113,városok!$A$2:$C$346,2,0)-VLOOKUP(X$1,városok!$A$2:$C$346,2,0))^2+(VLOOKUP($A113,városok!$A$2:$C$346,3,0)-VLOOKUP(X$1,városok!$A$2:$C$346,3,0))^2)/1000,0)</f>
        <v>50</v>
      </c>
      <c r="Y113">
        <f ca="1">ROUND(SQRT((VLOOKUP($A113,városok!$A$2:$C$346,2,0)-VLOOKUP(Y$1,városok!$A$2:$C$346,2,0))^2+(VLOOKUP($A113,városok!$A$2:$C$346,3,0)-VLOOKUP(Y$1,városok!$A$2:$C$346,3,0))^2)/1000,0)</f>
        <v>116</v>
      </c>
      <c r="Z113">
        <f ca="1">ROUND(SQRT((VLOOKUP($A113,városok!$A$2:$C$346,2,0)-VLOOKUP(Z$1,városok!$A$2:$C$346,2,0))^2+(VLOOKUP($A113,városok!$A$2:$C$346,3,0)-VLOOKUP(Z$1,városok!$A$2:$C$346,3,0))^2)/1000,0)</f>
        <v>133</v>
      </c>
      <c r="AA113">
        <f ca="1">ROUND(SQRT((VLOOKUP($A113,városok!$A$2:$C$346,2,0)-VLOOKUP(AA$1,városok!$A$2:$C$346,2,0))^2+(VLOOKUP($A113,városok!$A$2:$C$346,3,0)-VLOOKUP(AA$1,városok!$A$2:$C$346,3,0))^2)/1000,0)</f>
        <v>178</v>
      </c>
      <c r="AB113">
        <f ca="1">ROUND(SQRT((VLOOKUP($A113,városok!$A$2:$C$346,2,0)-VLOOKUP(AB$1,városok!$A$2:$C$346,2,0))^2+(VLOOKUP($A113,városok!$A$2:$C$346,3,0)-VLOOKUP(AB$1,városok!$A$2:$C$346,3,0))^2)/1000,0)</f>
        <v>239</v>
      </c>
      <c r="AC113">
        <f ca="1">ROUND(SQRT((VLOOKUP($A113,városok!$A$2:$C$346,2,0)-VLOOKUP(AC$1,városok!$A$2:$C$346,2,0))^2+(VLOOKUP($A113,városok!$A$2:$C$346,3,0)-VLOOKUP(AC$1,városok!$A$2:$C$346,3,0))^2)/1000,0)</f>
        <v>219</v>
      </c>
      <c r="AD113">
        <f ca="1">ROUND(SQRT((VLOOKUP($A113,városok!$A$2:$C$346,2,0)-VLOOKUP(AD$1,városok!$A$2:$C$346,2,0))^2+(VLOOKUP($A113,városok!$A$2:$C$346,3,0)-VLOOKUP(AD$1,városok!$A$2:$C$346,3,0))^2)/1000,0)</f>
        <v>202</v>
      </c>
      <c r="AE113">
        <f ca="1">ROUND(SQRT((VLOOKUP($A113,városok!$A$2:$C$346,2,0)-VLOOKUP(AE$1,városok!$A$2:$C$346,2,0))^2+(VLOOKUP($A113,városok!$A$2:$C$346,3,0)-VLOOKUP(AE$1,városok!$A$2:$C$346,3,0))^2)/1000,0)</f>
        <v>198</v>
      </c>
      <c r="AF113">
        <f ca="1">ROUND(SQRT((VLOOKUP($A113,városok!$A$2:$C$346,2,0)-VLOOKUP(AF$1,városok!$A$2:$C$346,2,0))^2+(VLOOKUP($A113,városok!$A$2:$C$346,3,0)-VLOOKUP(AF$1,városok!$A$2:$C$346,3,0))^2)/1000,0)</f>
        <v>174</v>
      </c>
      <c r="AG113">
        <f ca="1">ROUND(SQRT((VLOOKUP($A113,városok!$A$2:$C$346,2,0)-VLOOKUP(AG$1,városok!$A$2:$C$346,2,0))^2+(VLOOKUP($A113,városok!$A$2:$C$346,3,0)-VLOOKUP(AG$1,városok!$A$2:$C$346,3,0))^2)/1000,0)</f>
        <v>140</v>
      </c>
      <c r="AH113">
        <f ca="1">ROUND(SQRT((VLOOKUP($A113,városok!$A$2:$C$346,2,0)-VLOOKUP(AH$1,városok!$A$2:$C$346,2,0))^2+(VLOOKUP($A113,városok!$A$2:$C$346,3,0)-VLOOKUP(AH$1,városok!$A$2:$C$346,3,0))^2)/1000,0)</f>
        <v>118</v>
      </c>
      <c r="AI113">
        <f ca="1">ROUND(SQRT((VLOOKUP($A113,városok!$A$2:$C$346,2,0)-VLOOKUP(AI$1,városok!$A$2:$C$346,2,0))^2+(VLOOKUP($A113,városok!$A$2:$C$346,3,0)-VLOOKUP(AI$1,városok!$A$2:$C$346,3,0))^2)/1000,0)</f>
        <v>168</v>
      </c>
      <c r="AJ113">
        <f ca="1">ROUND(SQRT((VLOOKUP($A113,városok!$A$2:$C$346,2,0)-VLOOKUP(AJ$1,városok!$A$2:$C$346,2,0))^2+(VLOOKUP($A113,városok!$A$2:$C$346,3,0)-VLOOKUP(AJ$1,városok!$A$2:$C$346,3,0))^2)/1000,0)</f>
        <v>133</v>
      </c>
      <c r="AK113">
        <f ca="1">ROUND(SQRT((VLOOKUP($A113,városok!$A$2:$C$346,2,0)-VLOOKUP(AK$1,városok!$A$2:$C$346,2,0))^2+(VLOOKUP($A113,városok!$A$2:$C$346,3,0)-VLOOKUP(AK$1,városok!$A$2:$C$346,3,0))^2)/1000,0)</f>
        <v>184</v>
      </c>
      <c r="AL113">
        <f ca="1">ROUND(SQRT((VLOOKUP($A113,városok!$A$2:$C$346,2,0)-VLOOKUP(AL$1,városok!$A$2:$C$346,2,0))^2+(VLOOKUP($A113,városok!$A$2:$C$346,3,0)-VLOOKUP(AL$1,városok!$A$2:$C$346,3,0))^2)/1000,0)</f>
        <v>161</v>
      </c>
      <c r="AM113">
        <f ca="1">ROUND(SQRT((VLOOKUP($A113,városok!$A$2:$C$346,2,0)-VLOOKUP(AM$1,városok!$A$2:$C$346,2,0))^2+(VLOOKUP($A113,városok!$A$2:$C$346,3,0)-VLOOKUP(AM$1,városok!$A$2:$C$346,3,0))^2)/1000,0)</f>
        <v>123</v>
      </c>
      <c r="AN113">
        <f ca="1">ROUND(SQRT((VLOOKUP($A113,városok!$A$2:$C$346,2,0)-VLOOKUP(AN$1,városok!$A$2:$C$346,2,0))^2+(VLOOKUP($A113,városok!$A$2:$C$346,3,0)-VLOOKUP(AN$1,városok!$A$2:$C$346,3,0))^2)/1000,0)</f>
        <v>101</v>
      </c>
      <c r="AO113">
        <f ca="1">ROUND(SQRT((VLOOKUP($A113,városok!$A$2:$C$346,2,0)-VLOOKUP(AO$1,városok!$A$2:$C$346,2,0))^2+(VLOOKUP($A113,városok!$A$2:$C$346,3,0)-VLOOKUP(AO$1,városok!$A$2:$C$346,3,0))^2)/1000,0)</f>
        <v>102</v>
      </c>
      <c r="AP113">
        <f ca="1">ROUND(SQRT((VLOOKUP($A113,városok!$A$2:$C$346,2,0)-VLOOKUP(AP$1,városok!$A$2:$C$346,2,0))^2+(VLOOKUP($A113,városok!$A$2:$C$346,3,0)-VLOOKUP(AP$1,városok!$A$2:$C$346,3,0))^2)/1000,0)</f>
        <v>87</v>
      </c>
      <c r="AQ113">
        <f ca="1">ROUND(SQRT((VLOOKUP($A113,városok!$A$2:$C$346,2,0)-VLOOKUP(AQ$1,városok!$A$2:$C$346,2,0))^2+(VLOOKUP($A113,városok!$A$2:$C$346,3,0)-VLOOKUP(AQ$1,városok!$A$2:$C$346,3,0))^2)/1000,0)</f>
        <v>77</v>
      </c>
      <c r="AR113">
        <f ca="1">ROUND(SQRT((VLOOKUP($A113,városok!$A$2:$C$346,2,0)-VLOOKUP(AR$1,városok!$A$2:$C$346,2,0))^2+(VLOOKUP($A113,városok!$A$2:$C$346,3,0)-VLOOKUP(AR$1,városok!$A$2:$C$346,3,0))^2)/1000,0)</f>
        <v>141</v>
      </c>
      <c r="AS113">
        <f ca="1">ROUND(SQRT((VLOOKUP($A113,városok!$A$2:$C$346,2,0)-VLOOKUP(AS$1,városok!$A$2:$C$346,2,0))^2+(VLOOKUP($A113,városok!$A$2:$C$346,3,0)-VLOOKUP(AS$1,városok!$A$2:$C$346,3,0))^2)/1000,0)</f>
        <v>163</v>
      </c>
      <c r="AT113">
        <f ca="1">ROUND(SQRT((VLOOKUP($A113,városok!$A$2:$C$346,2,0)-VLOOKUP(AT$1,városok!$A$2:$C$346,2,0))^2+(VLOOKUP($A113,városok!$A$2:$C$346,3,0)-VLOOKUP(AT$1,városok!$A$2:$C$346,3,0))^2)/1000,0)</f>
        <v>67</v>
      </c>
      <c r="AU113">
        <f ca="1">ROUND(SQRT((VLOOKUP($A113,városok!$A$2:$C$346,2,0)-VLOOKUP(AU$1,városok!$A$2:$C$346,2,0))^2+(VLOOKUP($A113,városok!$A$2:$C$346,3,0)-VLOOKUP(AU$1,városok!$A$2:$C$346,3,0))^2)/1000,0)</f>
        <v>69</v>
      </c>
      <c r="AV113">
        <f ca="1">ROUND(SQRT((VLOOKUP($A113,városok!$A$2:$C$346,2,0)-VLOOKUP(AV$1,városok!$A$2:$C$346,2,0))^2+(VLOOKUP($A113,városok!$A$2:$C$346,3,0)-VLOOKUP(AV$1,városok!$A$2:$C$346,3,0))^2)/1000,0)</f>
        <v>63</v>
      </c>
      <c r="AW113">
        <f ca="1">ROUND(SQRT((VLOOKUP($A113,városok!$A$2:$C$346,2,0)-VLOOKUP(AW$1,városok!$A$2:$C$346,2,0))^2+(VLOOKUP($A113,városok!$A$2:$C$346,3,0)-VLOOKUP(AW$1,városok!$A$2:$C$346,3,0))^2)/1000,0)</f>
        <v>61</v>
      </c>
      <c r="AX113">
        <f ca="1">ROUND(SQRT((VLOOKUP($A113,városok!$A$2:$C$346,2,0)-VLOOKUP(AX$1,városok!$A$2:$C$346,2,0))^2+(VLOOKUP($A113,városok!$A$2:$C$346,3,0)-VLOOKUP(AX$1,városok!$A$2:$C$346,3,0))^2)/1000,0)</f>
        <v>90</v>
      </c>
      <c r="AY113">
        <f ca="1">ROUND(SQRT((VLOOKUP($A113,városok!$A$2:$C$346,2,0)-VLOOKUP(AY$1,városok!$A$2:$C$346,2,0))^2+(VLOOKUP($A113,városok!$A$2:$C$346,3,0)-VLOOKUP(AY$1,városok!$A$2:$C$346,3,0))^2)/1000,0)</f>
        <v>95</v>
      </c>
      <c r="AZ113">
        <f ca="1">ROUND(SQRT((VLOOKUP($A113,városok!$A$2:$C$346,2,0)-VLOOKUP(AZ$1,városok!$A$2:$C$346,2,0))^2+(VLOOKUP($A113,városok!$A$2:$C$346,3,0)-VLOOKUP(AZ$1,városok!$A$2:$C$346,3,0))^2)/1000,0)</f>
        <v>103</v>
      </c>
      <c r="BA113">
        <f ca="1">ROUND(SQRT((VLOOKUP($A113,városok!$A$2:$C$346,2,0)-VLOOKUP(BA$1,városok!$A$2:$C$346,2,0))^2+(VLOOKUP($A113,városok!$A$2:$C$346,3,0)-VLOOKUP(BA$1,városok!$A$2:$C$346,3,0))^2)/1000,0)</f>
        <v>71</v>
      </c>
      <c r="BB113">
        <f ca="1">ROUND(SQRT((VLOOKUP($A113,városok!$A$2:$C$346,2,0)-VLOOKUP(BB$1,városok!$A$2:$C$346,2,0))^2+(VLOOKUP($A113,városok!$A$2:$C$346,3,0)-VLOOKUP(BB$1,városok!$A$2:$C$346,3,0))^2)/1000,0)</f>
        <v>65</v>
      </c>
      <c r="BC113">
        <f ca="1">ROUND(SQRT((VLOOKUP($A113,városok!$A$2:$C$346,2,0)-VLOOKUP(BC$1,városok!$A$2:$C$346,2,0))^2+(VLOOKUP($A113,városok!$A$2:$C$346,3,0)-VLOOKUP(BC$1,városok!$A$2:$C$346,3,0))^2)/1000,0)</f>
        <v>86</v>
      </c>
      <c r="BD113">
        <f ca="1">ROUND(SQRT((VLOOKUP($A113,városok!$A$2:$C$346,2,0)-VLOOKUP(BD$1,városok!$A$2:$C$346,2,0))^2+(VLOOKUP($A113,városok!$A$2:$C$346,3,0)-VLOOKUP(BD$1,városok!$A$2:$C$346,3,0))^2)/1000,0)</f>
        <v>42</v>
      </c>
      <c r="BE113">
        <f ca="1">ROUND(SQRT((VLOOKUP($A113,városok!$A$2:$C$346,2,0)-VLOOKUP(BE$1,városok!$A$2:$C$346,2,0))^2+(VLOOKUP($A113,városok!$A$2:$C$346,3,0)-VLOOKUP(BE$1,városok!$A$2:$C$346,3,0))^2)/1000,0)</f>
        <v>323</v>
      </c>
      <c r="BF113">
        <f ca="1">ROUND(SQRT((VLOOKUP($A113,városok!$A$2:$C$346,2,0)-VLOOKUP(BF$1,városok!$A$2:$C$346,2,0))^2+(VLOOKUP($A113,városok!$A$2:$C$346,3,0)-VLOOKUP(BF$1,városok!$A$2:$C$346,3,0))^2)/1000,0)</f>
        <v>299</v>
      </c>
      <c r="BG113">
        <f ca="1">ROUND(SQRT((VLOOKUP($A113,városok!$A$2:$C$346,2,0)-VLOOKUP(BG$1,városok!$A$2:$C$346,2,0))^2+(VLOOKUP($A113,városok!$A$2:$C$346,3,0)-VLOOKUP(BG$1,városok!$A$2:$C$346,3,0))^2)/1000,0)</f>
        <v>255</v>
      </c>
      <c r="BH113">
        <f ca="1">ROUND(SQRT((VLOOKUP($A113,városok!$A$2:$C$346,2,0)-VLOOKUP(BH$1,városok!$A$2:$C$346,2,0))^2+(VLOOKUP($A113,városok!$A$2:$C$346,3,0)-VLOOKUP(BH$1,városok!$A$2:$C$346,3,0))^2)/1000,0)</f>
        <v>254</v>
      </c>
      <c r="BI113">
        <f ca="1">ROUND(SQRT((VLOOKUP($A113,városok!$A$2:$C$346,2,0)-VLOOKUP(BI$1,városok!$A$2:$C$346,2,0))^2+(VLOOKUP($A113,városok!$A$2:$C$346,3,0)-VLOOKUP(BI$1,városok!$A$2:$C$346,3,0))^2)/1000,0)</f>
        <v>54</v>
      </c>
      <c r="BJ113">
        <f ca="1">ROUND(SQRT((VLOOKUP($A113,városok!$A$2:$C$346,2,0)-VLOOKUP(BJ$1,városok!$A$2:$C$346,2,0))^2+(VLOOKUP($A113,városok!$A$2:$C$346,3,0)-VLOOKUP(BJ$1,városok!$A$2:$C$346,3,0))^2)/1000,0)</f>
        <v>68</v>
      </c>
      <c r="BK113">
        <f ca="1">ROUND(SQRT((VLOOKUP($A113,városok!$A$2:$C$346,2,0)-VLOOKUP(BK$1,városok!$A$2:$C$346,2,0))^2+(VLOOKUP($A113,városok!$A$2:$C$346,3,0)-VLOOKUP(BK$1,városok!$A$2:$C$346,3,0))^2)/1000,0)</f>
        <v>60</v>
      </c>
      <c r="BL113">
        <f ca="1">ROUND(SQRT((VLOOKUP($A113,városok!$A$2:$C$346,2,0)-VLOOKUP(BL$1,városok!$A$2:$C$346,2,0))^2+(VLOOKUP($A113,városok!$A$2:$C$346,3,0)-VLOOKUP(BL$1,városok!$A$2:$C$346,3,0))^2)/1000,0)</f>
        <v>154</v>
      </c>
      <c r="BM113">
        <f ca="1">ROUND(SQRT((VLOOKUP($A113,városok!$A$2:$C$346,2,0)-VLOOKUP(BM$1,városok!$A$2:$C$346,2,0))^2+(VLOOKUP($A113,városok!$A$2:$C$346,3,0)-VLOOKUP(BM$1,városok!$A$2:$C$346,3,0))^2)/1000,0)</f>
        <v>135</v>
      </c>
      <c r="BN113">
        <f ca="1">ROUND(SQRT((VLOOKUP($A113,városok!$A$2:$C$346,2,0)-VLOOKUP(BN$1,városok!$A$2:$C$346,2,0))^2+(VLOOKUP($A113,városok!$A$2:$C$346,3,0)-VLOOKUP(BN$1,városok!$A$2:$C$346,3,0))^2)/1000,0)</f>
        <v>157</v>
      </c>
      <c r="BO113">
        <f ca="1">ROUND(SQRT((VLOOKUP($A113,városok!$A$2:$C$346,2,0)-VLOOKUP(BO$1,városok!$A$2:$C$346,2,0))^2+(VLOOKUP($A113,városok!$A$2:$C$346,3,0)-VLOOKUP(BO$1,városok!$A$2:$C$346,3,0))^2)/1000,0)</f>
        <v>49</v>
      </c>
      <c r="BP113">
        <f ca="1">ROUND(SQRT((VLOOKUP($A113,városok!$A$2:$C$346,2,0)-VLOOKUP(BP$1,városok!$A$2:$C$346,2,0))^2+(VLOOKUP($A113,városok!$A$2:$C$346,3,0)-VLOOKUP(BP$1,városok!$A$2:$C$346,3,0))^2)/1000,0)</f>
        <v>42</v>
      </c>
      <c r="BQ113">
        <f ca="1">ROUND(SQRT((VLOOKUP($A113,városok!$A$2:$C$346,2,0)-VLOOKUP(BQ$1,városok!$A$2:$C$346,2,0))^2+(VLOOKUP($A113,városok!$A$2:$C$346,3,0)-VLOOKUP(BQ$1,városok!$A$2:$C$346,3,0))^2)/1000,0)</f>
        <v>59</v>
      </c>
      <c r="BR113">
        <f ca="1">ROUND(SQRT((VLOOKUP($A113,városok!$A$2:$C$346,2,0)-VLOOKUP(BR$1,városok!$A$2:$C$346,2,0))^2+(VLOOKUP($A113,városok!$A$2:$C$346,3,0)-VLOOKUP(BR$1,városok!$A$2:$C$346,3,0))^2)/1000,0)</f>
        <v>105</v>
      </c>
      <c r="BS113">
        <f ca="1">ROUND(SQRT((VLOOKUP($A113,városok!$A$2:$C$346,2,0)-VLOOKUP(BS$1,városok!$A$2:$C$346,2,0))^2+(VLOOKUP($A113,városok!$A$2:$C$346,3,0)-VLOOKUP(BS$1,városok!$A$2:$C$346,3,0))^2)/1000,0)</f>
        <v>134</v>
      </c>
      <c r="BT113">
        <f ca="1">ROUND(SQRT((VLOOKUP($A113,városok!$A$2:$C$346,2,0)-VLOOKUP(BT$1,városok!$A$2:$C$346,2,0))^2+(VLOOKUP($A113,városok!$A$2:$C$346,3,0)-VLOOKUP(BT$1,városok!$A$2:$C$346,3,0))^2)/1000,0)</f>
        <v>136</v>
      </c>
    </row>
    <row r="114" spans="1:72" x14ac:dyDescent="0.2">
      <c r="A114" t="str">
        <f>városok!A114</f>
        <v>Székesfehérvár</v>
      </c>
      <c r="B114">
        <f ca="1">ROUND(SQRT((VLOOKUP($A114,városok!$A$2:$C$346,2,0)-VLOOKUP(B$1,városok!$A$2:$C$346,2,0))^2+(VLOOKUP($A114,városok!$A$2:$C$346,3,0)-VLOOKUP(B$1,városok!$A$2:$C$346,3,0))^2)/1000,0)</f>
        <v>132</v>
      </c>
      <c r="C114">
        <f ca="1">ROUND(SQRT((VLOOKUP($A114,városok!$A$2:$C$346,2,0)-VLOOKUP(C$1,városok!$A$2:$C$346,2,0))^2+(VLOOKUP($A114,városok!$A$2:$C$346,3,0)-VLOOKUP(C$1,városok!$A$2:$C$346,3,0))^2)/1000,0)</f>
        <v>98</v>
      </c>
      <c r="D114">
        <f ca="1">ROUND(SQRT((VLOOKUP($A114,városok!$A$2:$C$346,2,0)-VLOOKUP(D$1,városok!$A$2:$C$346,2,0))^2+(VLOOKUP($A114,városok!$A$2:$C$346,3,0)-VLOOKUP(D$1,városok!$A$2:$C$346,3,0))^2)/1000,0)</f>
        <v>112</v>
      </c>
      <c r="E114">
        <f ca="1">ROUND(SQRT((VLOOKUP($A114,városok!$A$2:$C$346,2,0)-VLOOKUP(E$1,városok!$A$2:$C$346,2,0))^2+(VLOOKUP($A114,városok!$A$2:$C$346,3,0)-VLOOKUP(E$1,városok!$A$2:$C$346,3,0))^2)/1000,0)</f>
        <v>123</v>
      </c>
      <c r="F114">
        <f ca="1">ROUND(SQRT((VLOOKUP($A114,városok!$A$2:$C$346,2,0)-VLOOKUP(F$1,városok!$A$2:$C$346,2,0))^2+(VLOOKUP($A114,városok!$A$2:$C$346,3,0)-VLOOKUP(F$1,városok!$A$2:$C$346,3,0))^2)/1000,0)</f>
        <v>147</v>
      </c>
      <c r="G114">
        <f ca="1">ROUND(SQRT((VLOOKUP($A114,városok!$A$2:$C$346,2,0)-VLOOKUP(G$1,városok!$A$2:$C$346,2,0))^2+(VLOOKUP($A114,városok!$A$2:$C$346,3,0)-VLOOKUP(G$1,városok!$A$2:$C$346,3,0))^2)/1000,0)</f>
        <v>135</v>
      </c>
      <c r="H114">
        <f ca="1">ROUND(SQRT((VLOOKUP($A114,városok!$A$2:$C$346,2,0)-VLOOKUP(H$1,városok!$A$2:$C$346,2,0))^2+(VLOOKUP($A114,városok!$A$2:$C$346,3,0)-VLOOKUP(H$1,városok!$A$2:$C$346,3,0))^2)/1000,0)</f>
        <v>144</v>
      </c>
      <c r="I114">
        <f ca="1">ROUND(SQRT((VLOOKUP($A114,városok!$A$2:$C$346,2,0)-VLOOKUP(I$1,városok!$A$2:$C$346,2,0))^2+(VLOOKUP($A114,városok!$A$2:$C$346,3,0)-VLOOKUP(I$1,városok!$A$2:$C$346,3,0))^2)/1000,0)</f>
        <v>220</v>
      </c>
      <c r="J114">
        <f ca="1">ROUND(SQRT((VLOOKUP($A114,városok!$A$2:$C$346,2,0)-VLOOKUP(J$1,városok!$A$2:$C$346,2,0))^2+(VLOOKUP($A114,városok!$A$2:$C$346,3,0)-VLOOKUP(J$1,városok!$A$2:$C$346,3,0))^2)/1000,0)</f>
        <v>236</v>
      </c>
      <c r="K114">
        <f ca="1">ROUND(SQRT((VLOOKUP($A114,városok!$A$2:$C$346,2,0)-VLOOKUP(K$1,városok!$A$2:$C$346,2,0))^2+(VLOOKUP($A114,városok!$A$2:$C$346,3,0)-VLOOKUP(K$1,városok!$A$2:$C$346,3,0))^2)/1000,0)</f>
        <v>196</v>
      </c>
      <c r="L114">
        <f ca="1">ROUND(SQRT((VLOOKUP($A114,városok!$A$2:$C$346,2,0)-VLOOKUP(L$1,városok!$A$2:$C$346,2,0))^2+(VLOOKUP($A114,városok!$A$2:$C$346,3,0)-VLOOKUP(L$1,városok!$A$2:$C$346,3,0))^2)/1000,0)</f>
        <v>203</v>
      </c>
      <c r="M114">
        <f ca="1">ROUND(SQRT((VLOOKUP($A114,városok!$A$2:$C$346,2,0)-VLOOKUP(M$1,városok!$A$2:$C$346,2,0))^2+(VLOOKUP($A114,városok!$A$2:$C$346,3,0)-VLOOKUP(M$1,városok!$A$2:$C$346,3,0))^2)/1000,0)</f>
        <v>206</v>
      </c>
      <c r="N114">
        <f ca="1">ROUND(SQRT((VLOOKUP($A114,városok!$A$2:$C$346,2,0)-VLOOKUP(N$1,városok!$A$2:$C$346,2,0))^2+(VLOOKUP($A114,városok!$A$2:$C$346,3,0)-VLOOKUP(N$1,városok!$A$2:$C$346,3,0))^2)/1000,0)</f>
        <v>180</v>
      </c>
      <c r="O114">
        <f ca="1">ROUND(SQRT((VLOOKUP($A114,városok!$A$2:$C$346,2,0)-VLOOKUP(O$1,városok!$A$2:$C$346,2,0))^2+(VLOOKUP($A114,városok!$A$2:$C$346,3,0)-VLOOKUP(O$1,városok!$A$2:$C$346,3,0))^2)/1000,0)</f>
        <v>277</v>
      </c>
      <c r="P114">
        <f ca="1">ROUND(SQRT((VLOOKUP($A114,városok!$A$2:$C$346,2,0)-VLOOKUP(P$1,városok!$A$2:$C$346,2,0))^2+(VLOOKUP($A114,városok!$A$2:$C$346,3,0)-VLOOKUP(P$1,városok!$A$2:$C$346,3,0))^2)/1000,0)</f>
        <v>278</v>
      </c>
      <c r="Q114">
        <f ca="1">ROUND(SQRT((VLOOKUP($A114,városok!$A$2:$C$346,2,0)-VLOOKUP(Q$1,városok!$A$2:$C$346,2,0))^2+(VLOOKUP($A114,városok!$A$2:$C$346,3,0)-VLOOKUP(Q$1,városok!$A$2:$C$346,3,0))^2)/1000,0)</f>
        <v>180</v>
      </c>
      <c r="R114">
        <f ca="1">ROUND(SQRT((VLOOKUP($A114,városok!$A$2:$C$346,2,0)-VLOOKUP(R$1,városok!$A$2:$C$346,2,0))^2+(VLOOKUP($A114,városok!$A$2:$C$346,3,0)-VLOOKUP(R$1,városok!$A$2:$C$346,3,0))^2)/1000,0)</f>
        <v>203</v>
      </c>
      <c r="S114">
        <f ca="1">ROUND(SQRT((VLOOKUP($A114,városok!$A$2:$C$346,2,0)-VLOOKUP(S$1,városok!$A$2:$C$346,2,0))^2+(VLOOKUP($A114,városok!$A$2:$C$346,3,0)-VLOOKUP(S$1,városok!$A$2:$C$346,3,0))^2)/1000,0)</f>
        <v>182</v>
      </c>
      <c r="T114">
        <f ca="1">ROUND(SQRT((VLOOKUP($A114,városok!$A$2:$C$346,2,0)-VLOOKUP(T$1,városok!$A$2:$C$346,2,0))^2+(VLOOKUP($A114,városok!$A$2:$C$346,3,0)-VLOOKUP(T$1,városok!$A$2:$C$346,3,0))^2)/1000,0)</f>
        <v>32</v>
      </c>
      <c r="U114">
        <f ca="1">ROUND(SQRT((VLOOKUP($A114,városok!$A$2:$C$346,2,0)-VLOOKUP(U$1,városok!$A$2:$C$346,2,0))^2+(VLOOKUP($A114,városok!$A$2:$C$346,3,0)-VLOOKUP(U$1,városok!$A$2:$C$346,3,0))^2)/1000,0)</f>
        <v>59</v>
      </c>
      <c r="V114">
        <f ca="1">ROUND(SQRT((VLOOKUP($A114,városok!$A$2:$C$346,2,0)-VLOOKUP(V$1,városok!$A$2:$C$346,2,0))^2+(VLOOKUP($A114,városok!$A$2:$C$346,3,0)-VLOOKUP(V$1,városok!$A$2:$C$346,3,0))^2)/1000,0)</f>
        <v>26</v>
      </c>
      <c r="W114">
        <f ca="1">ROUND(SQRT((VLOOKUP($A114,városok!$A$2:$C$346,2,0)-VLOOKUP(W$1,városok!$A$2:$C$346,2,0))^2+(VLOOKUP($A114,városok!$A$2:$C$346,3,0)-VLOOKUP(W$1,városok!$A$2:$C$346,3,0))^2)/1000,0)</f>
        <v>50</v>
      </c>
      <c r="X114">
        <f ca="1">ROUND(SQRT((VLOOKUP($A114,városok!$A$2:$C$346,2,0)-VLOOKUP(X$1,városok!$A$2:$C$346,2,0))^2+(VLOOKUP($A114,városok!$A$2:$C$346,3,0)-VLOOKUP(X$1,városok!$A$2:$C$346,3,0))^2)/1000,0)</f>
        <v>0</v>
      </c>
      <c r="Y114">
        <f ca="1">ROUND(SQRT((VLOOKUP($A114,városok!$A$2:$C$346,2,0)-VLOOKUP(Y$1,városok!$A$2:$C$346,2,0))^2+(VLOOKUP($A114,városok!$A$2:$C$346,3,0)-VLOOKUP(Y$1,városok!$A$2:$C$346,3,0))^2)/1000,0)</f>
        <v>68</v>
      </c>
      <c r="Z114">
        <f ca="1">ROUND(SQRT((VLOOKUP($A114,városok!$A$2:$C$346,2,0)-VLOOKUP(Z$1,városok!$A$2:$C$346,2,0))^2+(VLOOKUP($A114,városok!$A$2:$C$346,3,0)-VLOOKUP(Z$1,városok!$A$2:$C$346,3,0))^2)/1000,0)</f>
        <v>86</v>
      </c>
      <c r="AA114">
        <f ca="1">ROUND(SQRT((VLOOKUP($A114,városok!$A$2:$C$346,2,0)-VLOOKUP(AA$1,városok!$A$2:$C$346,2,0))^2+(VLOOKUP($A114,városok!$A$2:$C$346,3,0)-VLOOKUP(AA$1,városok!$A$2:$C$346,3,0))^2)/1000,0)</f>
        <v>138</v>
      </c>
      <c r="AB114">
        <f ca="1">ROUND(SQRT((VLOOKUP($A114,városok!$A$2:$C$346,2,0)-VLOOKUP(AB$1,városok!$A$2:$C$346,2,0))^2+(VLOOKUP($A114,városok!$A$2:$C$346,3,0)-VLOOKUP(AB$1,városok!$A$2:$C$346,3,0))^2)/1000,0)</f>
        <v>251</v>
      </c>
      <c r="AC114">
        <f ca="1">ROUND(SQRT((VLOOKUP($A114,városok!$A$2:$C$346,2,0)-VLOOKUP(AC$1,városok!$A$2:$C$346,2,0))^2+(VLOOKUP($A114,városok!$A$2:$C$346,3,0)-VLOOKUP(AC$1,városok!$A$2:$C$346,3,0))^2)/1000,0)</f>
        <v>232</v>
      </c>
      <c r="AD114">
        <f ca="1">ROUND(SQRT((VLOOKUP($A114,városok!$A$2:$C$346,2,0)-VLOOKUP(AD$1,városok!$A$2:$C$346,2,0))^2+(VLOOKUP($A114,városok!$A$2:$C$346,3,0)-VLOOKUP(AD$1,városok!$A$2:$C$346,3,0))^2)/1000,0)</f>
        <v>215</v>
      </c>
      <c r="AE114">
        <f ca="1">ROUND(SQRT((VLOOKUP($A114,városok!$A$2:$C$346,2,0)-VLOOKUP(AE$1,városok!$A$2:$C$346,2,0))^2+(VLOOKUP($A114,városok!$A$2:$C$346,3,0)-VLOOKUP(AE$1,városok!$A$2:$C$346,3,0))^2)/1000,0)</f>
        <v>215</v>
      </c>
      <c r="AF114">
        <f ca="1">ROUND(SQRT((VLOOKUP($A114,városok!$A$2:$C$346,2,0)-VLOOKUP(AF$1,városok!$A$2:$C$346,2,0))^2+(VLOOKUP($A114,városok!$A$2:$C$346,3,0)-VLOOKUP(AF$1,városok!$A$2:$C$346,3,0))^2)/1000,0)</f>
        <v>168</v>
      </c>
      <c r="AG114">
        <f ca="1">ROUND(SQRT((VLOOKUP($A114,városok!$A$2:$C$346,2,0)-VLOOKUP(AG$1,városok!$A$2:$C$346,2,0))^2+(VLOOKUP($A114,városok!$A$2:$C$346,3,0)-VLOOKUP(AG$1,városok!$A$2:$C$346,3,0))^2)/1000,0)</f>
        <v>132</v>
      </c>
      <c r="AH114">
        <f ca="1">ROUND(SQRT((VLOOKUP($A114,városok!$A$2:$C$346,2,0)-VLOOKUP(AH$1,városok!$A$2:$C$346,2,0))^2+(VLOOKUP($A114,városok!$A$2:$C$346,3,0)-VLOOKUP(AH$1,városok!$A$2:$C$346,3,0))^2)/1000,0)</f>
        <v>110</v>
      </c>
      <c r="AI114">
        <f ca="1">ROUND(SQRT((VLOOKUP($A114,városok!$A$2:$C$346,2,0)-VLOOKUP(AI$1,városok!$A$2:$C$346,2,0))^2+(VLOOKUP($A114,városok!$A$2:$C$346,3,0)-VLOOKUP(AI$1,városok!$A$2:$C$346,3,0))^2)/1000,0)</f>
        <v>156</v>
      </c>
      <c r="AJ114">
        <f ca="1">ROUND(SQRT((VLOOKUP($A114,városok!$A$2:$C$346,2,0)-VLOOKUP(AJ$1,városok!$A$2:$C$346,2,0))^2+(VLOOKUP($A114,városok!$A$2:$C$346,3,0)-VLOOKUP(AJ$1,városok!$A$2:$C$346,3,0))^2)/1000,0)</f>
        <v>130</v>
      </c>
      <c r="AK114">
        <f ca="1">ROUND(SQRT((VLOOKUP($A114,városok!$A$2:$C$346,2,0)-VLOOKUP(AK$1,városok!$A$2:$C$346,2,0))^2+(VLOOKUP($A114,városok!$A$2:$C$346,3,0)-VLOOKUP(AK$1,városok!$A$2:$C$346,3,0))^2)/1000,0)</f>
        <v>200</v>
      </c>
      <c r="AL114">
        <f ca="1">ROUND(SQRT((VLOOKUP($A114,városok!$A$2:$C$346,2,0)-VLOOKUP(AL$1,városok!$A$2:$C$346,2,0))^2+(VLOOKUP($A114,városok!$A$2:$C$346,3,0)-VLOOKUP(AL$1,városok!$A$2:$C$346,3,0))^2)/1000,0)</f>
        <v>174</v>
      </c>
      <c r="AM114">
        <f ca="1">ROUND(SQRT((VLOOKUP($A114,városok!$A$2:$C$346,2,0)-VLOOKUP(AM$1,városok!$A$2:$C$346,2,0))^2+(VLOOKUP($A114,városok!$A$2:$C$346,3,0)-VLOOKUP(AM$1,városok!$A$2:$C$346,3,0))^2)/1000,0)</f>
        <v>141</v>
      </c>
      <c r="AN114">
        <f ca="1">ROUND(SQRT((VLOOKUP($A114,városok!$A$2:$C$346,2,0)-VLOOKUP(AN$1,városok!$A$2:$C$346,2,0))^2+(VLOOKUP($A114,városok!$A$2:$C$346,3,0)-VLOOKUP(AN$1,városok!$A$2:$C$346,3,0))^2)/1000,0)</f>
        <v>64</v>
      </c>
      <c r="AO114">
        <f ca="1">ROUND(SQRT((VLOOKUP($A114,városok!$A$2:$C$346,2,0)-VLOOKUP(AO$1,városok!$A$2:$C$346,2,0))^2+(VLOOKUP($A114,városok!$A$2:$C$346,3,0)-VLOOKUP(AO$1,városok!$A$2:$C$346,3,0))^2)/1000,0)</f>
        <v>52</v>
      </c>
      <c r="AP114">
        <f ca="1">ROUND(SQRT((VLOOKUP($A114,városok!$A$2:$C$346,2,0)-VLOOKUP(AP$1,városok!$A$2:$C$346,2,0))^2+(VLOOKUP($A114,városok!$A$2:$C$346,3,0)-VLOOKUP(AP$1,városok!$A$2:$C$346,3,0))^2)/1000,0)</f>
        <v>39</v>
      </c>
      <c r="AQ114">
        <f ca="1">ROUND(SQRT((VLOOKUP($A114,városok!$A$2:$C$346,2,0)-VLOOKUP(AQ$1,városok!$A$2:$C$346,2,0))^2+(VLOOKUP($A114,városok!$A$2:$C$346,3,0)-VLOOKUP(AQ$1,városok!$A$2:$C$346,3,0))^2)/1000,0)</f>
        <v>31</v>
      </c>
      <c r="AR114">
        <f ca="1">ROUND(SQRT((VLOOKUP($A114,városok!$A$2:$C$346,2,0)-VLOOKUP(AR$1,városok!$A$2:$C$346,2,0))^2+(VLOOKUP($A114,városok!$A$2:$C$346,3,0)-VLOOKUP(AR$1,városok!$A$2:$C$346,3,0))^2)/1000,0)</f>
        <v>124</v>
      </c>
      <c r="AS114">
        <f ca="1">ROUND(SQRT((VLOOKUP($A114,városok!$A$2:$C$346,2,0)-VLOOKUP(AS$1,városok!$A$2:$C$346,2,0))^2+(VLOOKUP($A114,városok!$A$2:$C$346,3,0)-VLOOKUP(AS$1,városok!$A$2:$C$346,3,0))^2)/1000,0)</f>
        <v>144</v>
      </c>
      <c r="AT114">
        <f ca="1">ROUND(SQRT((VLOOKUP($A114,városok!$A$2:$C$346,2,0)-VLOOKUP(AT$1,városok!$A$2:$C$346,2,0))^2+(VLOOKUP($A114,városok!$A$2:$C$346,3,0)-VLOOKUP(AT$1,városok!$A$2:$C$346,3,0))^2)/1000,0)</f>
        <v>42</v>
      </c>
      <c r="AU114">
        <f ca="1">ROUND(SQRT((VLOOKUP($A114,városok!$A$2:$C$346,2,0)-VLOOKUP(AU$1,városok!$A$2:$C$346,2,0))^2+(VLOOKUP($A114,városok!$A$2:$C$346,3,0)-VLOOKUP(AU$1,városok!$A$2:$C$346,3,0))^2)/1000,0)</f>
        <v>51</v>
      </c>
      <c r="AV114">
        <f ca="1">ROUND(SQRT((VLOOKUP($A114,városok!$A$2:$C$346,2,0)-VLOOKUP(AV$1,városok!$A$2:$C$346,2,0))^2+(VLOOKUP($A114,városok!$A$2:$C$346,3,0)-VLOOKUP(AV$1,városok!$A$2:$C$346,3,0))^2)/1000,0)</f>
        <v>49</v>
      </c>
      <c r="AW114">
        <f ca="1">ROUND(SQRT((VLOOKUP($A114,városok!$A$2:$C$346,2,0)-VLOOKUP(AW$1,városok!$A$2:$C$346,2,0))^2+(VLOOKUP($A114,városok!$A$2:$C$346,3,0)-VLOOKUP(AW$1,városok!$A$2:$C$346,3,0))^2)/1000,0)</f>
        <v>46</v>
      </c>
      <c r="AX114">
        <f ca="1">ROUND(SQRT((VLOOKUP($A114,városok!$A$2:$C$346,2,0)-VLOOKUP(AX$1,városok!$A$2:$C$346,2,0))^2+(VLOOKUP($A114,városok!$A$2:$C$346,3,0)-VLOOKUP(AX$1,városok!$A$2:$C$346,3,0))^2)/1000,0)</f>
        <v>114</v>
      </c>
      <c r="AY114">
        <f ca="1">ROUND(SQRT((VLOOKUP($A114,városok!$A$2:$C$346,2,0)-VLOOKUP(AY$1,városok!$A$2:$C$346,2,0))^2+(VLOOKUP($A114,városok!$A$2:$C$346,3,0)-VLOOKUP(AY$1,városok!$A$2:$C$346,3,0))^2)/1000,0)</f>
        <v>71</v>
      </c>
      <c r="AZ114">
        <f ca="1">ROUND(SQRT((VLOOKUP($A114,városok!$A$2:$C$346,2,0)-VLOOKUP(AZ$1,városok!$A$2:$C$346,2,0))^2+(VLOOKUP($A114,városok!$A$2:$C$346,3,0)-VLOOKUP(AZ$1,városok!$A$2:$C$346,3,0))^2)/1000,0)</f>
        <v>73</v>
      </c>
      <c r="BA114">
        <f ca="1">ROUND(SQRT((VLOOKUP($A114,városok!$A$2:$C$346,2,0)-VLOOKUP(BA$1,városok!$A$2:$C$346,2,0))^2+(VLOOKUP($A114,városok!$A$2:$C$346,3,0)-VLOOKUP(BA$1,városok!$A$2:$C$346,3,0))^2)/1000,0)</f>
        <v>74</v>
      </c>
      <c r="BB114">
        <f ca="1">ROUND(SQRT((VLOOKUP($A114,városok!$A$2:$C$346,2,0)-VLOOKUP(BB$1,városok!$A$2:$C$346,2,0))^2+(VLOOKUP($A114,városok!$A$2:$C$346,3,0)-VLOOKUP(BB$1,városok!$A$2:$C$346,3,0))^2)/1000,0)</f>
        <v>89</v>
      </c>
      <c r="BC114">
        <f ca="1">ROUND(SQRT((VLOOKUP($A114,városok!$A$2:$C$346,2,0)-VLOOKUP(BC$1,városok!$A$2:$C$346,2,0))^2+(VLOOKUP($A114,városok!$A$2:$C$346,3,0)-VLOOKUP(BC$1,városok!$A$2:$C$346,3,0))^2)/1000,0)</f>
        <v>111</v>
      </c>
      <c r="BD114">
        <f ca="1">ROUND(SQRT((VLOOKUP($A114,városok!$A$2:$C$346,2,0)-VLOOKUP(BD$1,városok!$A$2:$C$346,2,0))^2+(VLOOKUP($A114,városok!$A$2:$C$346,3,0)-VLOOKUP(BD$1,városok!$A$2:$C$346,3,0))^2)/1000,0)</f>
        <v>47</v>
      </c>
      <c r="BE114">
        <f ca="1">ROUND(SQRT((VLOOKUP($A114,városok!$A$2:$C$346,2,0)-VLOOKUP(BE$1,városok!$A$2:$C$346,2,0))^2+(VLOOKUP($A114,városok!$A$2:$C$346,3,0)-VLOOKUP(BE$1,városok!$A$2:$C$346,3,0))^2)/1000,0)</f>
        <v>332</v>
      </c>
      <c r="BF114">
        <f ca="1">ROUND(SQRT((VLOOKUP($A114,városok!$A$2:$C$346,2,0)-VLOOKUP(BF$1,városok!$A$2:$C$346,2,0))^2+(VLOOKUP($A114,városok!$A$2:$C$346,3,0)-VLOOKUP(BF$1,városok!$A$2:$C$346,3,0))^2)/1000,0)</f>
        <v>299</v>
      </c>
      <c r="BG114">
        <f ca="1">ROUND(SQRT((VLOOKUP($A114,városok!$A$2:$C$346,2,0)-VLOOKUP(BG$1,városok!$A$2:$C$346,2,0))^2+(VLOOKUP($A114,városok!$A$2:$C$346,3,0)-VLOOKUP(BG$1,városok!$A$2:$C$346,3,0))^2)/1000,0)</f>
        <v>253</v>
      </c>
      <c r="BH114">
        <f ca="1">ROUND(SQRT((VLOOKUP($A114,városok!$A$2:$C$346,2,0)-VLOOKUP(BH$1,városok!$A$2:$C$346,2,0))^2+(VLOOKUP($A114,városok!$A$2:$C$346,3,0)-VLOOKUP(BH$1,városok!$A$2:$C$346,3,0))^2)/1000,0)</f>
        <v>253</v>
      </c>
      <c r="BI114">
        <f ca="1">ROUND(SQRT((VLOOKUP($A114,városok!$A$2:$C$346,2,0)-VLOOKUP(BI$1,városok!$A$2:$C$346,2,0))^2+(VLOOKUP($A114,városok!$A$2:$C$346,3,0)-VLOOKUP(BI$1,városok!$A$2:$C$346,3,0))^2)/1000,0)</f>
        <v>102</v>
      </c>
      <c r="BJ114">
        <f ca="1">ROUND(SQRT((VLOOKUP($A114,városok!$A$2:$C$346,2,0)-VLOOKUP(BJ$1,városok!$A$2:$C$346,2,0))^2+(VLOOKUP($A114,városok!$A$2:$C$346,3,0)-VLOOKUP(BJ$1,városok!$A$2:$C$346,3,0))^2)/1000,0)</f>
        <v>112</v>
      </c>
      <c r="BK114">
        <f ca="1">ROUND(SQRT((VLOOKUP($A114,városok!$A$2:$C$346,2,0)-VLOOKUP(BK$1,városok!$A$2:$C$346,2,0))^2+(VLOOKUP($A114,városok!$A$2:$C$346,3,0)-VLOOKUP(BK$1,városok!$A$2:$C$346,3,0))^2)/1000,0)</f>
        <v>108</v>
      </c>
      <c r="BL114">
        <f ca="1">ROUND(SQRT((VLOOKUP($A114,városok!$A$2:$C$346,2,0)-VLOOKUP(BL$1,városok!$A$2:$C$346,2,0))^2+(VLOOKUP($A114,városok!$A$2:$C$346,3,0)-VLOOKUP(BL$1,városok!$A$2:$C$346,3,0))^2)/1000,0)</f>
        <v>134</v>
      </c>
      <c r="BM114">
        <f ca="1">ROUND(SQRT((VLOOKUP($A114,városok!$A$2:$C$346,2,0)-VLOOKUP(BM$1,városok!$A$2:$C$346,2,0))^2+(VLOOKUP($A114,városok!$A$2:$C$346,3,0)-VLOOKUP(BM$1,városok!$A$2:$C$346,3,0))^2)/1000,0)</f>
        <v>106</v>
      </c>
      <c r="BN114">
        <f ca="1">ROUND(SQRT((VLOOKUP($A114,városok!$A$2:$C$346,2,0)-VLOOKUP(BN$1,városok!$A$2:$C$346,2,0))^2+(VLOOKUP($A114,városok!$A$2:$C$346,3,0)-VLOOKUP(BN$1,városok!$A$2:$C$346,3,0))^2)/1000,0)</f>
        <v>129</v>
      </c>
      <c r="BO114">
        <f ca="1">ROUND(SQRT((VLOOKUP($A114,városok!$A$2:$C$346,2,0)-VLOOKUP(BO$1,városok!$A$2:$C$346,2,0))^2+(VLOOKUP($A114,városok!$A$2:$C$346,3,0)-VLOOKUP(BO$1,városok!$A$2:$C$346,3,0))^2)/1000,0)</f>
        <v>37</v>
      </c>
      <c r="BP114">
        <f ca="1">ROUND(SQRT((VLOOKUP($A114,városok!$A$2:$C$346,2,0)-VLOOKUP(BP$1,városok!$A$2:$C$346,2,0))^2+(VLOOKUP($A114,városok!$A$2:$C$346,3,0)-VLOOKUP(BP$1,városok!$A$2:$C$346,3,0))^2)/1000,0)</f>
        <v>33</v>
      </c>
      <c r="BQ114">
        <f ca="1">ROUND(SQRT((VLOOKUP($A114,városok!$A$2:$C$346,2,0)-VLOOKUP(BQ$1,városok!$A$2:$C$346,2,0))^2+(VLOOKUP($A114,városok!$A$2:$C$346,3,0)-VLOOKUP(BQ$1,városok!$A$2:$C$346,3,0))^2)/1000,0)</f>
        <v>38</v>
      </c>
      <c r="BR114">
        <f ca="1">ROUND(SQRT((VLOOKUP($A114,városok!$A$2:$C$346,2,0)-VLOOKUP(BR$1,városok!$A$2:$C$346,2,0))^2+(VLOOKUP($A114,városok!$A$2:$C$346,3,0)-VLOOKUP(BR$1,városok!$A$2:$C$346,3,0))^2)/1000,0)</f>
        <v>100</v>
      </c>
      <c r="BS114">
        <f ca="1">ROUND(SQRT((VLOOKUP($A114,városok!$A$2:$C$346,2,0)-VLOOKUP(BS$1,városok!$A$2:$C$346,2,0))^2+(VLOOKUP($A114,városok!$A$2:$C$346,3,0)-VLOOKUP(BS$1,városok!$A$2:$C$346,3,0))^2)/1000,0)</f>
        <v>138</v>
      </c>
      <c r="BT114">
        <f ca="1">ROUND(SQRT((VLOOKUP($A114,városok!$A$2:$C$346,2,0)-VLOOKUP(BT$1,városok!$A$2:$C$346,2,0))^2+(VLOOKUP($A114,városok!$A$2:$C$346,3,0)-VLOOKUP(BT$1,városok!$A$2:$C$346,3,0))^2)/1000,0)</f>
        <v>124</v>
      </c>
    </row>
    <row r="115" spans="1:72" x14ac:dyDescent="0.2">
      <c r="A115" t="str">
        <f>városok!A115</f>
        <v>Velence</v>
      </c>
      <c r="B115">
        <f ca="1">ROUND(SQRT((VLOOKUP($A115,városok!$A$2:$C$346,2,0)-VLOOKUP(B$1,városok!$A$2:$C$346,2,0))^2+(VLOOKUP($A115,városok!$A$2:$C$346,3,0)-VLOOKUP(B$1,városok!$A$2:$C$346,3,0))^2)/1000,0)</f>
        <v>119</v>
      </c>
      <c r="C115">
        <f ca="1">ROUND(SQRT((VLOOKUP($A115,városok!$A$2:$C$346,2,0)-VLOOKUP(C$1,városok!$A$2:$C$346,2,0))^2+(VLOOKUP($A115,városok!$A$2:$C$346,3,0)-VLOOKUP(C$1,városok!$A$2:$C$346,3,0))^2)/1000,0)</f>
        <v>83</v>
      </c>
      <c r="D115">
        <f ca="1">ROUND(SQRT((VLOOKUP($A115,városok!$A$2:$C$346,2,0)-VLOOKUP(D$1,városok!$A$2:$C$346,2,0))^2+(VLOOKUP($A115,városok!$A$2:$C$346,3,0)-VLOOKUP(D$1,városok!$A$2:$C$346,3,0))^2)/1000,0)</f>
        <v>87</v>
      </c>
      <c r="E115">
        <f ca="1">ROUND(SQRT((VLOOKUP($A115,városok!$A$2:$C$346,2,0)-VLOOKUP(E$1,városok!$A$2:$C$346,2,0))^2+(VLOOKUP($A115,városok!$A$2:$C$346,3,0)-VLOOKUP(E$1,városok!$A$2:$C$346,3,0))^2)/1000,0)</f>
        <v>120</v>
      </c>
      <c r="F115">
        <f ca="1">ROUND(SQRT((VLOOKUP($A115,városok!$A$2:$C$346,2,0)-VLOOKUP(F$1,városok!$A$2:$C$346,2,0))^2+(VLOOKUP($A115,városok!$A$2:$C$346,3,0)-VLOOKUP(F$1,városok!$A$2:$C$346,3,0))^2)/1000,0)</f>
        <v>139</v>
      </c>
      <c r="G115">
        <f ca="1">ROUND(SQRT((VLOOKUP($A115,városok!$A$2:$C$346,2,0)-VLOOKUP(G$1,városok!$A$2:$C$346,2,0))^2+(VLOOKUP($A115,városok!$A$2:$C$346,3,0)-VLOOKUP(G$1,városok!$A$2:$C$346,3,0))^2)/1000,0)</f>
        <v>133</v>
      </c>
      <c r="H115">
        <f ca="1">ROUND(SQRT((VLOOKUP($A115,városok!$A$2:$C$346,2,0)-VLOOKUP(H$1,városok!$A$2:$C$346,2,0))^2+(VLOOKUP($A115,városok!$A$2:$C$346,3,0)-VLOOKUP(H$1,városok!$A$2:$C$346,3,0))^2)/1000,0)</f>
        <v>148</v>
      </c>
      <c r="I115">
        <f ca="1">ROUND(SQRT((VLOOKUP($A115,városok!$A$2:$C$346,2,0)-VLOOKUP(I$1,városok!$A$2:$C$346,2,0))^2+(VLOOKUP($A115,városok!$A$2:$C$346,3,0)-VLOOKUP(I$1,városok!$A$2:$C$346,3,0))^2)/1000,0)</f>
        <v>195</v>
      </c>
      <c r="J115">
        <f ca="1">ROUND(SQRT((VLOOKUP($A115,városok!$A$2:$C$346,2,0)-VLOOKUP(J$1,városok!$A$2:$C$346,2,0))^2+(VLOOKUP($A115,városok!$A$2:$C$346,3,0)-VLOOKUP(J$1,városok!$A$2:$C$346,3,0))^2)/1000,0)</f>
        <v>210</v>
      </c>
      <c r="K115">
        <f ca="1">ROUND(SQRT((VLOOKUP($A115,városok!$A$2:$C$346,2,0)-VLOOKUP(K$1,városok!$A$2:$C$346,2,0))^2+(VLOOKUP($A115,városok!$A$2:$C$346,3,0)-VLOOKUP(K$1,városok!$A$2:$C$346,3,0))^2)/1000,0)</f>
        <v>171</v>
      </c>
      <c r="L115">
        <f ca="1">ROUND(SQRT((VLOOKUP($A115,városok!$A$2:$C$346,2,0)-VLOOKUP(L$1,városok!$A$2:$C$346,2,0))^2+(VLOOKUP($A115,városok!$A$2:$C$346,3,0)-VLOOKUP(L$1,városok!$A$2:$C$346,3,0))^2)/1000,0)</f>
        <v>187</v>
      </c>
      <c r="M115">
        <f ca="1">ROUND(SQRT((VLOOKUP($A115,városok!$A$2:$C$346,2,0)-VLOOKUP(M$1,városok!$A$2:$C$346,2,0))^2+(VLOOKUP($A115,városok!$A$2:$C$346,3,0)-VLOOKUP(M$1,városok!$A$2:$C$346,3,0))^2)/1000,0)</f>
        <v>187</v>
      </c>
      <c r="N115">
        <f ca="1">ROUND(SQRT((VLOOKUP($A115,városok!$A$2:$C$346,2,0)-VLOOKUP(N$1,városok!$A$2:$C$346,2,0))^2+(VLOOKUP($A115,városok!$A$2:$C$346,3,0)-VLOOKUP(N$1,városok!$A$2:$C$346,3,0))^2)/1000,0)</f>
        <v>164</v>
      </c>
      <c r="O115">
        <f ca="1">ROUND(SQRT((VLOOKUP($A115,városok!$A$2:$C$346,2,0)-VLOOKUP(O$1,városok!$A$2:$C$346,2,0))^2+(VLOOKUP($A115,városok!$A$2:$C$346,3,0)-VLOOKUP(O$1,városok!$A$2:$C$346,3,0))^2)/1000,0)</f>
        <v>259</v>
      </c>
      <c r="P115">
        <f ca="1">ROUND(SQRT((VLOOKUP($A115,városok!$A$2:$C$346,2,0)-VLOOKUP(P$1,városok!$A$2:$C$346,2,0))^2+(VLOOKUP($A115,városok!$A$2:$C$346,3,0)-VLOOKUP(P$1,városok!$A$2:$C$346,3,0))^2)/1000,0)</f>
        <v>259</v>
      </c>
      <c r="Q115">
        <f ca="1">ROUND(SQRT((VLOOKUP($A115,városok!$A$2:$C$346,2,0)-VLOOKUP(Q$1,városok!$A$2:$C$346,2,0))^2+(VLOOKUP($A115,városok!$A$2:$C$346,3,0)-VLOOKUP(Q$1,városok!$A$2:$C$346,3,0))^2)/1000,0)</f>
        <v>156</v>
      </c>
      <c r="R115">
        <f ca="1">ROUND(SQRT((VLOOKUP($A115,városok!$A$2:$C$346,2,0)-VLOOKUP(R$1,városok!$A$2:$C$346,2,0))^2+(VLOOKUP($A115,városok!$A$2:$C$346,3,0)-VLOOKUP(R$1,városok!$A$2:$C$346,3,0))^2)/1000,0)</f>
        <v>180</v>
      </c>
      <c r="S115">
        <f ca="1">ROUND(SQRT((VLOOKUP($A115,városok!$A$2:$C$346,2,0)-VLOOKUP(S$1,városok!$A$2:$C$346,2,0))^2+(VLOOKUP($A115,városok!$A$2:$C$346,3,0)-VLOOKUP(S$1,városok!$A$2:$C$346,3,0))^2)/1000,0)</f>
        <v>159</v>
      </c>
      <c r="T115">
        <f ca="1">ROUND(SQRT((VLOOKUP($A115,városok!$A$2:$C$346,2,0)-VLOOKUP(T$1,városok!$A$2:$C$346,2,0))^2+(VLOOKUP($A115,városok!$A$2:$C$346,3,0)-VLOOKUP(T$1,városok!$A$2:$C$346,3,0))^2)/1000,0)</f>
        <v>28</v>
      </c>
      <c r="U115">
        <f ca="1">ROUND(SQRT((VLOOKUP($A115,városok!$A$2:$C$346,2,0)-VLOOKUP(U$1,városok!$A$2:$C$346,2,0))^2+(VLOOKUP($A115,városok!$A$2:$C$346,3,0)-VLOOKUP(U$1,városok!$A$2:$C$346,3,0))^2)/1000,0)</f>
        <v>37</v>
      </c>
      <c r="V115">
        <f ca="1">ROUND(SQRT((VLOOKUP($A115,városok!$A$2:$C$346,2,0)-VLOOKUP(V$1,városok!$A$2:$C$346,2,0))^2+(VLOOKUP($A115,városok!$A$2:$C$346,3,0)-VLOOKUP(V$1,városok!$A$2:$C$346,3,0))^2)/1000,0)</f>
        <v>33</v>
      </c>
      <c r="W115">
        <f ca="1">ROUND(SQRT((VLOOKUP($A115,városok!$A$2:$C$346,2,0)-VLOOKUP(W$1,városok!$A$2:$C$346,2,0))^2+(VLOOKUP($A115,városok!$A$2:$C$346,3,0)-VLOOKUP(W$1,városok!$A$2:$C$346,3,0))^2)/1000,0)</f>
        <v>39</v>
      </c>
      <c r="X115">
        <f ca="1">ROUND(SQRT((VLOOKUP($A115,városok!$A$2:$C$346,2,0)-VLOOKUP(X$1,városok!$A$2:$C$346,2,0))^2+(VLOOKUP($A115,városok!$A$2:$C$346,3,0)-VLOOKUP(X$1,városok!$A$2:$C$346,3,0))^2)/1000,0)</f>
        <v>25</v>
      </c>
      <c r="Y115">
        <f ca="1">ROUND(SQRT((VLOOKUP($A115,városok!$A$2:$C$346,2,0)-VLOOKUP(Y$1,városok!$A$2:$C$346,2,0))^2+(VLOOKUP($A115,városok!$A$2:$C$346,3,0)-VLOOKUP(Y$1,városok!$A$2:$C$346,3,0))^2)/1000,0)</f>
        <v>92</v>
      </c>
      <c r="Z115">
        <f ca="1">ROUND(SQRT((VLOOKUP($A115,városok!$A$2:$C$346,2,0)-VLOOKUP(Z$1,városok!$A$2:$C$346,2,0))^2+(VLOOKUP($A115,városok!$A$2:$C$346,3,0)-VLOOKUP(Z$1,városok!$A$2:$C$346,3,0))^2)/1000,0)</f>
        <v>110</v>
      </c>
      <c r="AA115">
        <f ca="1">ROUND(SQRT((VLOOKUP($A115,városok!$A$2:$C$346,2,0)-VLOOKUP(AA$1,városok!$A$2:$C$346,2,0))^2+(VLOOKUP($A115,városok!$A$2:$C$346,3,0)-VLOOKUP(AA$1,városok!$A$2:$C$346,3,0))^2)/1000,0)</f>
        <v>164</v>
      </c>
      <c r="AB115">
        <f ca="1">ROUND(SQRT((VLOOKUP($A115,városok!$A$2:$C$346,2,0)-VLOOKUP(AB$1,városok!$A$2:$C$346,2,0))^2+(VLOOKUP($A115,városok!$A$2:$C$346,3,0)-VLOOKUP(AB$1,városok!$A$2:$C$346,3,0))^2)/1000,0)</f>
        <v>227</v>
      </c>
      <c r="AC115">
        <f ca="1">ROUND(SQRT((VLOOKUP($A115,városok!$A$2:$C$346,2,0)-VLOOKUP(AC$1,városok!$A$2:$C$346,2,0))^2+(VLOOKUP($A115,városok!$A$2:$C$346,3,0)-VLOOKUP(AC$1,városok!$A$2:$C$346,3,0))^2)/1000,0)</f>
        <v>208</v>
      </c>
      <c r="AD115">
        <f ca="1">ROUND(SQRT((VLOOKUP($A115,városok!$A$2:$C$346,2,0)-VLOOKUP(AD$1,városok!$A$2:$C$346,2,0))^2+(VLOOKUP($A115,városok!$A$2:$C$346,3,0)-VLOOKUP(AD$1,városok!$A$2:$C$346,3,0))^2)/1000,0)</f>
        <v>190</v>
      </c>
      <c r="AE115">
        <f ca="1">ROUND(SQRT((VLOOKUP($A115,városok!$A$2:$C$346,2,0)-VLOOKUP(AE$1,városok!$A$2:$C$346,2,0))^2+(VLOOKUP($A115,városok!$A$2:$C$346,3,0)-VLOOKUP(AE$1,városok!$A$2:$C$346,3,0))^2)/1000,0)</f>
        <v>190</v>
      </c>
      <c r="AF115">
        <f ca="1">ROUND(SQRT((VLOOKUP($A115,városok!$A$2:$C$346,2,0)-VLOOKUP(AF$1,városok!$A$2:$C$346,2,0))^2+(VLOOKUP($A115,városok!$A$2:$C$346,3,0)-VLOOKUP(AF$1,városok!$A$2:$C$346,3,0))^2)/1000,0)</f>
        <v>149</v>
      </c>
      <c r="AG115">
        <f ca="1">ROUND(SQRT((VLOOKUP($A115,városok!$A$2:$C$346,2,0)-VLOOKUP(AG$1,városok!$A$2:$C$346,2,0))^2+(VLOOKUP($A115,városok!$A$2:$C$346,3,0)-VLOOKUP(AG$1,városok!$A$2:$C$346,3,0))^2)/1000,0)</f>
        <v>113</v>
      </c>
      <c r="AH115">
        <f ca="1">ROUND(SQRT((VLOOKUP($A115,városok!$A$2:$C$346,2,0)-VLOOKUP(AH$1,városok!$A$2:$C$346,2,0))^2+(VLOOKUP($A115,városok!$A$2:$C$346,3,0)-VLOOKUP(AH$1,városok!$A$2:$C$346,3,0))^2)/1000,0)</f>
        <v>91</v>
      </c>
      <c r="AI115">
        <f ca="1">ROUND(SQRT((VLOOKUP($A115,városok!$A$2:$C$346,2,0)-VLOOKUP(AI$1,városok!$A$2:$C$346,2,0))^2+(VLOOKUP($A115,városok!$A$2:$C$346,3,0)-VLOOKUP(AI$1,városok!$A$2:$C$346,3,0))^2)/1000,0)</f>
        <v>139</v>
      </c>
      <c r="AJ115">
        <f ca="1">ROUND(SQRT((VLOOKUP($A115,városok!$A$2:$C$346,2,0)-VLOOKUP(AJ$1,városok!$A$2:$C$346,2,0))^2+(VLOOKUP($A115,városok!$A$2:$C$346,3,0)-VLOOKUP(AJ$1,városok!$A$2:$C$346,3,0))^2)/1000,0)</f>
        <v>109</v>
      </c>
      <c r="AK115">
        <f ca="1">ROUND(SQRT((VLOOKUP($A115,városok!$A$2:$C$346,2,0)-VLOOKUP(AK$1,városok!$A$2:$C$346,2,0))^2+(VLOOKUP($A115,városok!$A$2:$C$346,3,0)-VLOOKUP(AK$1,városok!$A$2:$C$346,3,0))^2)/1000,0)</f>
        <v>176</v>
      </c>
      <c r="AL115">
        <f ca="1">ROUND(SQRT((VLOOKUP($A115,városok!$A$2:$C$346,2,0)-VLOOKUP(AL$1,városok!$A$2:$C$346,2,0))^2+(VLOOKUP($A115,városok!$A$2:$C$346,3,0)-VLOOKUP(AL$1,városok!$A$2:$C$346,3,0))^2)/1000,0)</f>
        <v>150</v>
      </c>
      <c r="AM115">
        <f ca="1">ROUND(SQRT((VLOOKUP($A115,városok!$A$2:$C$346,2,0)-VLOOKUP(AM$1,városok!$A$2:$C$346,2,0))^2+(VLOOKUP($A115,városok!$A$2:$C$346,3,0)-VLOOKUP(AM$1,városok!$A$2:$C$346,3,0))^2)/1000,0)</f>
        <v>116</v>
      </c>
      <c r="AN115">
        <f ca="1">ROUND(SQRT((VLOOKUP($A115,városok!$A$2:$C$346,2,0)-VLOOKUP(AN$1,városok!$A$2:$C$346,2,0))^2+(VLOOKUP($A115,városok!$A$2:$C$346,3,0)-VLOOKUP(AN$1,városok!$A$2:$C$346,3,0))^2)/1000,0)</f>
        <v>62</v>
      </c>
      <c r="AO115">
        <f ca="1">ROUND(SQRT((VLOOKUP($A115,városok!$A$2:$C$346,2,0)-VLOOKUP(AO$1,városok!$A$2:$C$346,2,0))^2+(VLOOKUP($A115,városok!$A$2:$C$346,3,0)-VLOOKUP(AO$1,városok!$A$2:$C$346,3,0))^2)/1000,0)</f>
        <v>69</v>
      </c>
      <c r="AP115">
        <f ca="1">ROUND(SQRT((VLOOKUP($A115,városok!$A$2:$C$346,2,0)-VLOOKUP(AP$1,városok!$A$2:$C$346,2,0))^2+(VLOOKUP($A115,városok!$A$2:$C$346,3,0)-VLOOKUP(AP$1,városok!$A$2:$C$346,3,0))^2)/1000,0)</f>
        <v>51</v>
      </c>
      <c r="AQ115">
        <f ca="1">ROUND(SQRT((VLOOKUP($A115,városok!$A$2:$C$346,2,0)-VLOOKUP(AQ$1,városok!$A$2:$C$346,2,0))^2+(VLOOKUP($A115,városok!$A$2:$C$346,3,0)-VLOOKUP(AQ$1,városok!$A$2:$C$346,3,0))^2)/1000,0)</f>
        <v>41</v>
      </c>
      <c r="AR115">
        <f ca="1">ROUND(SQRT((VLOOKUP($A115,városok!$A$2:$C$346,2,0)-VLOOKUP(AR$1,városok!$A$2:$C$346,2,0))^2+(VLOOKUP($A115,városok!$A$2:$C$346,3,0)-VLOOKUP(AR$1,városok!$A$2:$C$346,3,0))^2)/1000,0)</f>
        <v>109</v>
      </c>
      <c r="AS115">
        <f ca="1">ROUND(SQRT((VLOOKUP($A115,városok!$A$2:$C$346,2,0)-VLOOKUP(AS$1,városok!$A$2:$C$346,2,0))^2+(VLOOKUP($A115,városok!$A$2:$C$346,3,0)-VLOOKUP(AS$1,városok!$A$2:$C$346,3,0))^2)/1000,0)</f>
        <v>130</v>
      </c>
      <c r="AT115">
        <f ca="1">ROUND(SQRT((VLOOKUP($A115,városok!$A$2:$C$346,2,0)-VLOOKUP(AT$1,városok!$A$2:$C$346,2,0))^2+(VLOOKUP($A115,városok!$A$2:$C$346,3,0)-VLOOKUP(AT$1,városok!$A$2:$C$346,3,0))^2)/1000,0)</f>
        <v>29</v>
      </c>
      <c r="AU115">
        <f ca="1">ROUND(SQRT((VLOOKUP($A115,városok!$A$2:$C$346,2,0)-VLOOKUP(AU$1,városok!$A$2:$C$346,2,0))^2+(VLOOKUP($A115,városok!$A$2:$C$346,3,0)-VLOOKUP(AU$1,városok!$A$2:$C$346,3,0))^2)/1000,0)</f>
        <v>34</v>
      </c>
      <c r="AV115">
        <f ca="1">ROUND(SQRT((VLOOKUP($A115,városok!$A$2:$C$346,2,0)-VLOOKUP(AV$1,városok!$A$2:$C$346,2,0))^2+(VLOOKUP($A115,városok!$A$2:$C$346,3,0)-VLOOKUP(AV$1,városok!$A$2:$C$346,3,0))^2)/1000,0)</f>
        <v>29</v>
      </c>
      <c r="AW115">
        <f ca="1">ROUND(SQRT((VLOOKUP($A115,városok!$A$2:$C$346,2,0)-VLOOKUP(AW$1,városok!$A$2:$C$346,2,0))^2+(VLOOKUP($A115,városok!$A$2:$C$346,3,0)-VLOOKUP(AW$1,városok!$A$2:$C$346,3,0))^2)/1000,0)</f>
        <v>26</v>
      </c>
      <c r="AX115">
        <f ca="1">ROUND(SQRT((VLOOKUP($A115,városok!$A$2:$C$346,2,0)-VLOOKUP(AX$1,városok!$A$2:$C$346,2,0))^2+(VLOOKUP($A115,városok!$A$2:$C$346,3,0)-VLOOKUP(AX$1,városok!$A$2:$C$346,3,0))^2)/1000,0)</f>
        <v>88</v>
      </c>
      <c r="AY115">
        <f ca="1">ROUND(SQRT((VLOOKUP($A115,városok!$A$2:$C$346,2,0)-VLOOKUP(AY$1,városok!$A$2:$C$346,2,0))^2+(VLOOKUP($A115,városok!$A$2:$C$346,3,0)-VLOOKUP(AY$1,városok!$A$2:$C$346,3,0))^2)/1000,0)</f>
        <v>58</v>
      </c>
      <c r="AZ115">
        <f ca="1">ROUND(SQRT((VLOOKUP($A115,városok!$A$2:$C$346,2,0)-VLOOKUP(AZ$1,városok!$A$2:$C$346,2,0))^2+(VLOOKUP($A115,városok!$A$2:$C$346,3,0)-VLOOKUP(AZ$1,városok!$A$2:$C$346,3,0))^2)/1000,0)</f>
        <v>65</v>
      </c>
      <c r="BA115">
        <f ca="1">ROUND(SQRT((VLOOKUP($A115,városok!$A$2:$C$346,2,0)-VLOOKUP(BA$1,városok!$A$2:$C$346,2,0))^2+(VLOOKUP($A115,városok!$A$2:$C$346,3,0)-VLOOKUP(BA$1,városok!$A$2:$C$346,3,0))^2)/1000,0)</f>
        <v>88</v>
      </c>
      <c r="BB115">
        <f ca="1">ROUND(SQRT((VLOOKUP($A115,városok!$A$2:$C$346,2,0)-VLOOKUP(BB$1,városok!$A$2:$C$346,2,0))^2+(VLOOKUP($A115,városok!$A$2:$C$346,3,0)-VLOOKUP(BB$1,városok!$A$2:$C$346,3,0))^2)/1000,0)</f>
        <v>95</v>
      </c>
      <c r="BC115">
        <f ca="1">ROUND(SQRT((VLOOKUP($A115,városok!$A$2:$C$346,2,0)-VLOOKUP(BC$1,városok!$A$2:$C$346,2,0))^2+(VLOOKUP($A115,városok!$A$2:$C$346,3,0)-VLOOKUP(BC$1,városok!$A$2:$C$346,3,0))^2)/1000,0)</f>
        <v>118</v>
      </c>
      <c r="BD115">
        <f ca="1">ROUND(SQRT((VLOOKUP($A115,városok!$A$2:$C$346,2,0)-VLOOKUP(BD$1,városok!$A$2:$C$346,2,0))^2+(VLOOKUP($A115,városok!$A$2:$C$346,3,0)-VLOOKUP(BD$1,városok!$A$2:$C$346,3,0))^2)/1000,0)</f>
        <v>58</v>
      </c>
      <c r="BE115">
        <f ca="1">ROUND(SQRT((VLOOKUP($A115,városok!$A$2:$C$346,2,0)-VLOOKUP(BE$1,városok!$A$2:$C$346,2,0))^2+(VLOOKUP($A115,városok!$A$2:$C$346,3,0)-VLOOKUP(BE$1,városok!$A$2:$C$346,3,0))^2)/1000,0)</f>
        <v>310</v>
      </c>
      <c r="BF115">
        <f ca="1">ROUND(SQRT((VLOOKUP($A115,városok!$A$2:$C$346,2,0)-VLOOKUP(BF$1,városok!$A$2:$C$346,2,0))^2+(VLOOKUP($A115,városok!$A$2:$C$346,3,0)-VLOOKUP(BF$1,városok!$A$2:$C$346,3,0))^2)/1000,0)</f>
        <v>279</v>
      </c>
      <c r="BG115">
        <f ca="1">ROUND(SQRT((VLOOKUP($A115,városok!$A$2:$C$346,2,0)-VLOOKUP(BG$1,városok!$A$2:$C$346,2,0))^2+(VLOOKUP($A115,városok!$A$2:$C$346,3,0)-VLOOKUP(BG$1,városok!$A$2:$C$346,3,0))^2)/1000,0)</f>
        <v>233</v>
      </c>
      <c r="BH115">
        <f ca="1">ROUND(SQRT((VLOOKUP($A115,városok!$A$2:$C$346,2,0)-VLOOKUP(BH$1,városok!$A$2:$C$346,2,0))^2+(VLOOKUP($A115,városok!$A$2:$C$346,3,0)-VLOOKUP(BH$1,városok!$A$2:$C$346,3,0))^2)/1000,0)</f>
        <v>233</v>
      </c>
      <c r="BI115">
        <f ca="1">ROUND(SQRT((VLOOKUP($A115,városok!$A$2:$C$346,2,0)-VLOOKUP(BI$1,városok!$A$2:$C$346,2,0))^2+(VLOOKUP($A115,városok!$A$2:$C$346,3,0)-VLOOKUP(BI$1,városok!$A$2:$C$346,3,0))^2)/1000,0)</f>
        <v>93</v>
      </c>
      <c r="BJ115">
        <f ca="1">ROUND(SQRT((VLOOKUP($A115,városok!$A$2:$C$346,2,0)-VLOOKUP(BJ$1,városok!$A$2:$C$346,2,0))^2+(VLOOKUP($A115,városok!$A$2:$C$346,3,0)-VLOOKUP(BJ$1,városok!$A$2:$C$346,3,0))^2)/1000,0)</f>
        <v>107</v>
      </c>
      <c r="BK115">
        <f ca="1">ROUND(SQRT((VLOOKUP($A115,városok!$A$2:$C$346,2,0)-VLOOKUP(BK$1,városok!$A$2:$C$346,2,0))^2+(VLOOKUP($A115,városok!$A$2:$C$346,3,0)-VLOOKUP(BK$1,városok!$A$2:$C$346,3,0))^2)/1000,0)</f>
        <v>99</v>
      </c>
      <c r="BL115">
        <f ca="1">ROUND(SQRT((VLOOKUP($A115,városok!$A$2:$C$346,2,0)-VLOOKUP(BL$1,városok!$A$2:$C$346,2,0))^2+(VLOOKUP($A115,városok!$A$2:$C$346,3,0)-VLOOKUP(BL$1,városok!$A$2:$C$346,3,0))^2)/1000,0)</f>
        <v>157</v>
      </c>
      <c r="BM115">
        <f ca="1">ROUND(SQRT((VLOOKUP($A115,városok!$A$2:$C$346,2,0)-VLOOKUP(BM$1,városok!$A$2:$C$346,2,0))^2+(VLOOKUP($A115,városok!$A$2:$C$346,3,0)-VLOOKUP(BM$1,városok!$A$2:$C$346,3,0))^2)/1000,0)</f>
        <v>130</v>
      </c>
      <c r="BN115">
        <f ca="1">ROUND(SQRT((VLOOKUP($A115,városok!$A$2:$C$346,2,0)-VLOOKUP(BN$1,városok!$A$2:$C$346,2,0))^2+(VLOOKUP($A115,városok!$A$2:$C$346,3,0)-VLOOKUP(BN$1,városok!$A$2:$C$346,3,0))^2)/1000,0)</f>
        <v>154</v>
      </c>
      <c r="BO115">
        <f ca="1">ROUND(SQRT((VLOOKUP($A115,városok!$A$2:$C$346,2,0)-VLOOKUP(BO$1,városok!$A$2:$C$346,2,0))^2+(VLOOKUP($A115,városok!$A$2:$C$346,3,0)-VLOOKUP(BO$1,városok!$A$2:$C$346,3,0))^2)/1000,0)</f>
        <v>54</v>
      </c>
      <c r="BP115">
        <f ca="1">ROUND(SQRT((VLOOKUP($A115,városok!$A$2:$C$346,2,0)-VLOOKUP(BP$1,városok!$A$2:$C$346,2,0))^2+(VLOOKUP($A115,városok!$A$2:$C$346,3,0)-VLOOKUP(BP$1,városok!$A$2:$C$346,3,0))^2)/1000,0)</f>
        <v>47</v>
      </c>
      <c r="BQ115">
        <f ca="1">ROUND(SQRT((VLOOKUP($A115,városok!$A$2:$C$346,2,0)-VLOOKUP(BQ$1,városok!$A$2:$C$346,2,0))^2+(VLOOKUP($A115,városok!$A$2:$C$346,3,0)-VLOOKUP(BQ$1,városok!$A$2:$C$346,3,0))^2)/1000,0)</f>
        <v>59</v>
      </c>
      <c r="BR115">
        <f ca="1">ROUND(SQRT((VLOOKUP($A115,városok!$A$2:$C$346,2,0)-VLOOKUP(BR$1,városok!$A$2:$C$346,2,0))^2+(VLOOKUP($A115,városok!$A$2:$C$346,3,0)-VLOOKUP(BR$1,városok!$A$2:$C$346,3,0))^2)/1000,0)</f>
        <v>118</v>
      </c>
      <c r="BS115">
        <f ca="1">ROUND(SQRT((VLOOKUP($A115,városok!$A$2:$C$346,2,0)-VLOOKUP(BS$1,városok!$A$2:$C$346,2,0))^2+(VLOOKUP($A115,városok!$A$2:$C$346,3,0)-VLOOKUP(BS$1,városok!$A$2:$C$346,3,0))^2)/1000,0)</f>
        <v>154</v>
      </c>
      <c r="BT115">
        <f ca="1">ROUND(SQRT((VLOOKUP($A115,városok!$A$2:$C$346,2,0)-VLOOKUP(BT$1,városok!$A$2:$C$346,2,0))^2+(VLOOKUP($A115,városok!$A$2:$C$346,3,0)-VLOOKUP(BT$1,városok!$A$2:$C$346,3,0))^2)/1000,0)</f>
        <v>145</v>
      </c>
    </row>
    <row r="116" spans="1:72" x14ac:dyDescent="0.2">
      <c r="A116" t="str">
        <f>városok!A116</f>
        <v>Beled</v>
      </c>
      <c r="B116">
        <f ca="1">ROUND(SQRT((VLOOKUP($A116,városok!$A$2:$C$346,2,0)-VLOOKUP(B$1,városok!$A$2:$C$346,2,0))^2+(VLOOKUP($A116,városok!$A$2:$C$346,3,0)-VLOOKUP(B$1,városok!$A$2:$C$346,3,0))^2)/1000,0)</f>
        <v>201</v>
      </c>
      <c r="C116">
        <f ca="1">ROUND(SQRT((VLOOKUP($A116,városok!$A$2:$C$346,2,0)-VLOOKUP(C$1,városok!$A$2:$C$346,2,0))^2+(VLOOKUP($A116,városok!$A$2:$C$346,3,0)-VLOOKUP(C$1,városok!$A$2:$C$346,3,0))^2)/1000,0)</f>
        <v>177</v>
      </c>
      <c r="D116">
        <f ca="1">ROUND(SQRT((VLOOKUP($A116,városok!$A$2:$C$346,2,0)-VLOOKUP(D$1,városok!$A$2:$C$346,2,0))^2+(VLOOKUP($A116,városok!$A$2:$C$346,3,0)-VLOOKUP(D$1,városok!$A$2:$C$346,3,0))^2)/1000,0)</f>
        <v>206</v>
      </c>
      <c r="E116">
        <f ca="1">ROUND(SQRT((VLOOKUP($A116,városok!$A$2:$C$346,2,0)-VLOOKUP(E$1,városok!$A$2:$C$346,2,0))^2+(VLOOKUP($A116,városok!$A$2:$C$346,3,0)-VLOOKUP(E$1,városok!$A$2:$C$346,3,0))^2)/1000,0)</f>
        <v>168</v>
      </c>
      <c r="F116">
        <f ca="1">ROUND(SQRT((VLOOKUP($A116,városok!$A$2:$C$346,2,0)-VLOOKUP(F$1,városok!$A$2:$C$346,2,0))^2+(VLOOKUP($A116,városok!$A$2:$C$346,3,0)-VLOOKUP(F$1,városok!$A$2:$C$346,3,0))^2)/1000,0)</f>
        <v>204</v>
      </c>
      <c r="G116">
        <f ca="1">ROUND(SQRT((VLOOKUP($A116,városok!$A$2:$C$346,2,0)-VLOOKUP(G$1,városok!$A$2:$C$346,2,0))^2+(VLOOKUP($A116,városok!$A$2:$C$346,3,0)-VLOOKUP(G$1,városok!$A$2:$C$346,3,0))^2)/1000,0)</f>
        <v>178</v>
      </c>
      <c r="H116">
        <f ca="1">ROUND(SQRT((VLOOKUP($A116,városok!$A$2:$C$346,2,0)-VLOOKUP(H$1,városok!$A$2:$C$346,2,0))^2+(VLOOKUP($A116,városok!$A$2:$C$346,3,0)-VLOOKUP(H$1,városok!$A$2:$C$346,3,0))^2)/1000,0)</f>
        <v>167</v>
      </c>
      <c r="I116">
        <f ca="1">ROUND(SQRT((VLOOKUP($A116,városok!$A$2:$C$346,2,0)-VLOOKUP(I$1,városok!$A$2:$C$346,2,0))^2+(VLOOKUP($A116,városok!$A$2:$C$346,3,0)-VLOOKUP(I$1,városok!$A$2:$C$346,3,0))^2)/1000,0)</f>
        <v>315</v>
      </c>
      <c r="J116">
        <f ca="1">ROUND(SQRT((VLOOKUP($A116,városok!$A$2:$C$346,2,0)-VLOOKUP(J$1,városok!$A$2:$C$346,2,0))^2+(VLOOKUP($A116,városok!$A$2:$C$346,3,0)-VLOOKUP(J$1,városok!$A$2:$C$346,3,0))^2)/1000,0)</f>
        <v>330</v>
      </c>
      <c r="K116">
        <f ca="1">ROUND(SQRT((VLOOKUP($A116,városok!$A$2:$C$346,2,0)-VLOOKUP(K$1,városok!$A$2:$C$346,2,0))^2+(VLOOKUP($A116,városok!$A$2:$C$346,3,0)-VLOOKUP(K$1,városok!$A$2:$C$346,3,0))^2)/1000,0)</f>
        <v>289</v>
      </c>
      <c r="L116">
        <f ca="1">ROUND(SQRT((VLOOKUP($A116,városok!$A$2:$C$346,2,0)-VLOOKUP(L$1,városok!$A$2:$C$346,2,0))^2+(VLOOKUP($A116,városok!$A$2:$C$346,3,0)-VLOOKUP(L$1,városok!$A$2:$C$346,3,0))^2)/1000,0)</f>
        <v>279</v>
      </c>
      <c r="M116">
        <f ca="1">ROUND(SQRT((VLOOKUP($A116,városok!$A$2:$C$346,2,0)-VLOOKUP(M$1,városok!$A$2:$C$346,2,0))^2+(VLOOKUP($A116,városok!$A$2:$C$346,3,0)-VLOOKUP(M$1,városok!$A$2:$C$346,3,0))^2)/1000,0)</f>
        <v>286</v>
      </c>
      <c r="N116">
        <f ca="1">ROUND(SQRT((VLOOKUP($A116,városok!$A$2:$C$346,2,0)-VLOOKUP(N$1,városok!$A$2:$C$346,2,0))^2+(VLOOKUP($A116,városok!$A$2:$C$346,3,0)-VLOOKUP(N$1,városok!$A$2:$C$346,3,0))^2)/1000,0)</f>
        <v>253</v>
      </c>
      <c r="O116">
        <f ca="1">ROUND(SQRT((VLOOKUP($A116,városok!$A$2:$C$346,2,0)-VLOOKUP(O$1,városok!$A$2:$C$346,2,0))^2+(VLOOKUP($A116,városok!$A$2:$C$346,3,0)-VLOOKUP(O$1,városok!$A$2:$C$346,3,0))^2)/1000,0)</f>
        <v>355</v>
      </c>
      <c r="P116">
        <f ca="1">ROUND(SQRT((VLOOKUP($A116,városok!$A$2:$C$346,2,0)-VLOOKUP(P$1,városok!$A$2:$C$346,2,0))^2+(VLOOKUP($A116,városok!$A$2:$C$346,3,0)-VLOOKUP(P$1,városok!$A$2:$C$346,3,0))^2)/1000,0)</f>
        <v>355</v>
      </c>
      <c r="Q116">
        <f ca="1">ROUND(SQRT((VLOOKUP($A116,városok!$A$2:$C$346,2,0)-VLOOKUP(Q$1,városok!$A$2:$C$346,2,0))^2+(VLOOKUP($A116,városok!$A$2:$C$346,3,0)-VLOOKUP(Q$1,városok!$A$2:$C$346,3,0))^2)/1000,0)</f>
        <v>272</v>
      </c>
      <c r="R116">
        <f ca="1">ROUND(SQRT((VLOOKUP($A116,városok!$A$2:$C$346,2,0)-VLOOKUP(R$1,városok!$A$2:$C$346,2,0))^2+(VLOOKUP($A116,városok!$A$2:$C$346,3,0)-VLOOKUP(R$1,városok!$A$2:$C$346,3,0))^2)/1000,0)</f>
        <v>293</v>
      </c>
      <c r="S116">
        <f ca="1">ROUND(SQRT((VLOOKUP($A116,városok!$A$2:$C$346,2,0)-VLOOKUP(S$1,városok!$A$2:$C$346,2,0))^2+(VLOOKUP($A116,városok!$A$2:$C$346,3,0)-VLOOKUP(S$1,városok!$A$2:$C$346,3,0))^2)/1000,0)</f>
        <v>270</v>
      </c>
      <c r="T116">
        <f ca="1">ROUND(SQRT((VLOOKUP($A116,városok!$A$2:$C$346,2,0)-VLOOKUP(T$1,városok!$A$2:$C$346,2,0))^2+(VLOOKUP($A116,városok!$A$2:$C$346,3,0)-VLOOKUP(T$1,városok!$A$2:$C$346,3,0))^2)/1000,0)</f>
        <v>116</v>
      </c>
      <c r="U116">
        <f ca="1">ROUND(SQRT((VLOOKUP($A116,városok!$A$2:$C$346,2,0)-VLOOKUP(U$1,városok!$A$2:$C$346,2,0))^2+(VLOOKUP($A116,városok!$A$2:$C$346,3,0)-VLOOKUP(U$1,városok!$A$2:$C$346,3,0))^2)/1000,0)</f>
        <v>150</v>
      </c>
      <c r="V116">
        <f ca="1">ROUND(SQRT((VLOOKUP($A116,városok!$A$2:$C$346,2,0)-VLOOKUP(V$1,városok!$A$2:$C$346,2,0))^2+(VLOOKUP($A116,városok!$A$2:$C$346,3,0)-VLOOKUP(V$1,városok!$A$2:$C$346,3,0))^2)/1000,0)</f>
        <v>102</v>
      </c>
      <c r="W116">
        <f ca="1">ROUND(SQRT((VLOOKUP($A116,városok!$A$2:$C$346,2,0)-VLOOKUP(W$1,városok!$A$2:$C$346,2,0))^2+(VLOOKUP($A116,városok!$A$2:$C$346,3,0)-VLOOKUP(W$1,városok!$A$2:$C$346,3,0))^2)/1000,0)</f>
        <v>132</v>
      </c>
      <c r="X116">
        <f ca="1">ROUND(SQRT((VLOOKUP($A116,városok!$A$2:$C$346,2,0)-VLOOKUP(X$1,városok!$A$2:$C$346,2,0))^2+(VLOOKUP($A116,városok!$A$2:$C$346,3,0)-VLOOKUP(X$1,városok!$A$2:$C$346,3,0))^2)/1000,0)</f>
        <v>95</v>
      </c>
      <c r="Y116">
        <f ca="1">ROUND(SQRT((VLOOKUP($A116,városok!$A$2:$C$346,2,0)-VLOOKUP(Y$1,városok!$A$2:$C$346,2,0))^2+(VLOOKUP($A116,városok!$A$2:$C$346,3,0)-VLOOKUP(Y$1,városok!$A$2:$C$346,3,0))^2)/1000,0)</f>
        <v>47</v>
      </c>
      <c r="Z116">
        <f ca="1">ROUND(SQRT((VLOOKUP($A116,városok!$A$2:$C$346,2,0)-VLOOKUP(Z$1,városok!$A$2:$C$346,2,0))^2+(VLOOKUP($A116,városok!$A$2:$C$346,3,0)-VLOOKUP(Z$1,városok!$A$2:$C$346,3,0))^2)/1000,0)</f>
        <v>37</v>
      </c>
      <c r="AA116">
        <f ca="1">ROUND(SQRT((VLOOKUP($A116,városok!$A$2:$C$346,2,0)-VLOOKUP(AA$1,városok!$A$2:$C$346,2,0))^2+(VLOOKUP($A116,városok!$A$2:$C$346,3,0)-VLOOKUP(AA$1,városok!$A$2:$C$346,3,0))^2)/1000,0)</f>
        <v>46</v>
      </c>
      <c r="AB116">
        <f ca="1">ROUND(SQRT((VLOOKUP($A116,városok!$A$2:$C$346,2,0)-VLOOKUP(AB$1,városok!$A$2:$C$346,2,0))^2+(VLOOKUP($A116,városok!$A$2:$C$346,3,0)-VLOOKUP(AB$1,városok!$A$2:$C$346,3,0))^2)/1000,0)</f>
        <v>342</v>
      </c>
      <c r="AC116">
        <f ca="1">ROUND(SQRT((VLOOKUP($A116,városok!$A$2:$C$346,2,0)-VLOOKUP(AC$1,városok!$A$2:$C$346,2,0))^2+(VLOOKUP($A116,városok!$A$2:$C$346,3,0)-VLOOKUP(AC$1,városok!$A$2:$C$346,3,0))^2)/1000,0)</f>
        <v>324</v>
      </c>
      <c r="AD116">
        <f ca="1">ROUND(SQRT((VLOOKUP($A116,városok!$A$2:$C$346,2,0)-VLOOKUP(AD$1,városok!$A$2:$C$346,2,0))^2+(VLOOKUP($A116,városok!$A$2:$C$346,3,0)-VLOOKUP(AD$1,városok!$A$2:$C$346,3,0))^2)/1000,0)</f>
        <v>306</v>
      </c>
      <c r="AE116">
        <f ca="1">ROUND(SQRT((VLOOKUP($A116,városok!$A$2:$C$346,2,0)-VLOOKUP(AE$1,városok!$A$2:$C$346,2,0))^2+(VLOOKUP($A116,városok!$A$2:$C$346,3,0)-VLOOKUP(AE$1,városok!$A$2:$C$346,3,0))^2)/1000,0)</f>
        <v>308</v>
      </c>
      <c r="AF116">
        <f ca="1">ROUND(SQRT((VLOOKUP($A116,városok!$A$2:$C$346,2,0)-VLOOKUP(AF$1,városok!$A$2:$C$346,2,0))^2+(VLOOKUP($A116,városok!$A$2:$C$346,3,0)-VLOOKUP(AF$1,városok!$A$2:$C$346,3,0))^2)/1000,0)</f>
        <v>251</v>
      </c>
      <c r="AG116">
        <f ca="1">ROUND(SQRT((VLOOKUP($A116,városok!$A$2:$C$346,2,0)-VLOOKUP(AG$1,városok!$A$2:$C$346,2,0))^2+(VLOOKUP($A116,városok!$A$2:$C$346,3,0)-VLOOKUP(AG$1,városok!$A$2:$C$346,3,0))^2)/1000,0)</f>
        <v>215</v>
      </c>
      <c r="AH116">
        <f ca="1">ROUND(SQRT((VLOOKUP($A116,városok!$A$2:$C$346,2,0)-VLOOKUP(AH$1,városok!$A$2:$C$346,2,0))^2+(VLOOKUP($A116,városok!$A$2:$C$346,3,0)-VLOOKUP(AH$1,városok!$A$2:$C$346,3,0))^2)/1000,0)</f>
        <v>195</v>
      </c>
      <c r="AI116">
        <f ca="1">ROUND(SQRT((VLOOKUP($A116,városok!$A$2:$C$346,2,0)-VLOOKUP(AI$1,városok!$A$2:$C$346,2,0))^2+(VLOOKUP($A116,városok!$A$2:$C$346,3,0)-VLOOKUP(AI$1,városok!$A$2:$C$346,3,0))^2)/1000,0)</f>
        <v>233</v>
      </c>
      <c r="AJ116">
        <f ca="1">ROUND(SQRT((VLOOKUP($A116,városok!$A$2:$C$346,2,0)-VLOOKUP(AJ$1,városok!$A$2:$C$346,2,0))^2+(VLOOKUP($A116,városok!$A$2:$C$346,3,0)-VLOOKUP(AJ$1,városok!$A$2:$C$346,3,0))^2)/1000,0)</f>
        <v>217</v>
      </c>
      <c r="AK116">
        <f ca="1">ROUND(SQRT((VLOOKUP($A116,városok!$A$2:$C$346,2,0)-VLOOKUP(AK$1,városok!$A$2:$C$346,2,0))^2+(VLOOKUP($A116,városok!$A$2:$C$346,3,0)-VLOOKUP(AK$1,városok!$A$2:$C$346,3,0))^2)/1000,0)</f>
        <v>293</v>
      </c>
      <c r="AL116">
        <f ca="1">ROUND(SQRT((VLOOKUP($A116,városok!$A$2:$C$346,2,0)-VLOOKUP(AL$1,városok!$A$2:$C$346,2,0))^2+(VLOOKUP($A116,városok!$A$2:$C$346,3,0)-VLOOKUP(AL$1,városok!$A$2:$C$346,3,0))^2)/1000,0)</f>
        <v>267</v>
      </c>
      <c r="AM116">
        <f ca="1">ROUND(SQRT((VLOOKUP($A116,városok!$A$2:$C$346,2,0)-VLOOKUP(AM$1,városok!$A$2:$C$346,2,0))^2+(VLOOKUP($A116,városok!$A$2:$C$346,3,0)-VLOOKUP(AM$1,városok!$A$2:$C$346,3,0))^2)/1000,0)</f>
        <v>235</v>
      </c>
      <c r="AN116">
        <f ca="1">ROUND(SQRT((VLOOKUP($A116,városok!$A$2:$C$346,2,0)-VLOOKUP(AN$1,városok!$A$2:$C$346,2,0))^2+(VLOOKUP($A116,városok!$A$2:$C$346,3,0)-VLOOKUP(AN$1,városok!$A$2:$C$346,3,0))^2)/1000,0)</f>
        <v>129</v>
      </c>
      <c r="AO116">
        <f ca="1">ROUND(SQRT((VLOOKUP($A116,városok!$A$2:$C$346,2,0)-VLOOKUP(AO$1,városok!$A$2:$C$346,2,0))^2+(VLOOKUP($A116,városok!$A$2:$C$346,3,0)-VLOOKUP(AO$1,városok!$A$2:$C$346,3,0))^2)/1000,0)</f>
        <v>83</v>
      </c>
      <c r="AP116">
        <f ca="1">ROUND(SQRT((VLOOKUP($A116,városok!$A$2:$C$346,2,0)-VLOOKUP(AP$1,városok!$A$2:$C$346,2,0))^2+(VLOOKUP($A116,városok!$A$2:$C$346,3,0)-VLOOKUP(AP$1,városok!$A$2:$C$346,3,0))^2)/1000,0)</f>
        <v>95</v>
      </c>
      <c r="AQ116">
        <f ca="1">ROUND(SQRT((VLOOKUP($A116,városok!$A$2:$C$346,2,0)-VLOOKUP(AQ$1,városok!$A$2:$C$346,2,0))^2+(VLOOKUP($A116,városok!$A$2:$C$346,3,0)-VLOOKUP(AQ$1,városok!$A$2:$C$346,3,0))^2)/1000,0)</f>
        <v>99</v>
      </c>
      <c r="AR116">
        <f ca="1">ROUND(SQRT((VLOOKUP($A116,városok!$A$2:$C$346,2,0)-VLOOKUP(AR$1,városok!$A$2:$C$346,2,0))^2+(VLOOKUP($A116,városok!$A$2:$C$346,3,0)-VLOOKUP(AR$1,városok!$A$2:$C$346,3,0))^2)/1000,0)</f>
        <v>201</v>
      </c>
      <c r="AS116">
        <f ca="1">ROUND(SQRT((VLOOKUP($A116,városok!$A$2:$C$346,2,0)-VLOOKUP(AS$1,városok!$A$2:$C$346,2,0))^2+(VLOOKUP($A116,városok!$A$2:$C$346,3,0)-VLOOKUP(AS$1,városok!$A$2:$C$346,3,0))^2)/1000,0)</f>
        <v>216</v>
      </c>
      <c r="AT116">
        <f ca="1">ROUND(SQRT((VLOOKUP($A116,városok!$A$2:$C$346,2,0)-VLOOKUP(AT$1,városok!$A$2:$C$346,2,0))^2+(VLOOKUP($A116,városok!$A$2:$C$346,3,0)-VLOOKUP(AT$1,városok!$A$2:$C$346,3,0))^2)/1000,0)</f>
        <v>130</v>
      </c>
      <c r="AU116">
        <f ca="1">ROUND(SQRT((VLOOKUP($A116,városok!$A$2:$C$346,2,0)-VLOOKUP(AU$1,városok!$A$2:$C$346,2,0))^2+(VLOOKUP($A116,városok!$A$2:$C$346,3,0)-VLOOKUP(AU$1,városok!$A$2:$C$346,3,0))^2)/1000,0)</f>
        <v>140</v>
      </c>
      <c r="AV116">
        <f ca="1">ROUND(SQRT((VLOOKUP($A116,városok!$A$2:$C$346,2,0)-VLOOKUP(AV$1,városok!$A$2:$C$346,2,0))^2+(VLOOKUP($A116,városok!$A$2:$C$346,3,0)-VLOOKUP(AV$1,városok!$A$2:$C$346,3,0))^2)/1000,0)</f>
        <v>140</v>
      </c>
      <c r="AW116">
        <f ca="1">ROUND(SQRT((VLOOKUP($A116,városok!$A$2:$C$346,2,0)-VLOOKUP(AW$1,városok!$A$2:$C$346,2,0))^2+(VLOOKUP($A116,városok!$A$2:$C$346,3,0)-VLOOKUP(AW$1,városok!$A$2:$C$346,3,0))^2)/1000,0)</f>
        <v>137</v>
      </c>
      <c r="AX116">
        <f ca="1">ROUND(SQRT((VLOOKUP($A116,városok!$A$2:$C$346,2,0)-VLOOKUP(AX$1,városok!$A$2:$C$346,2,0))^2+(VLOOKUP($A116,városok!$A$2:$C$346,3,0)-VLOOKUP(AX$1,városok!$A$2:$C$346,3,0))^2)/1000,0)</f>
        <v>209</v>
      </c>
      <c r="AY116">
        <f ca="1">ROUND(SQRT((VLOOKUP($A116,városok!$A$2:$C$346,2,0)-VLOOKUP(AY$1,városok!$A$2:$C$346,2,0))^2+(VLOOKUP($A116,városok!$A$2:$C$346,3,0)-VLOOKUP(AY$1,városok!$A$2:$C$346,3,0))^2)/1000,0)</f>
        <v>150</v>
      </c>
      <c r="AZ116">
        <f ca="1">ROUND(SQRT((VLOOKUP($A116,városok!$A$2:$C$346,2,0)-VLOOKUP(AZ$1,városok!$A$2:$C$346,2,0))^2+(VLOOKUP($A116,városok!$A$2:$C$346,3,0)-VLOOKUP(AZ$1,városok!$A$2:$C$346,3,0))^2)/1000,0)</f>
        <v>145</v>
      </c>
      <c r="BA116">
        <f ca="1">ROUND(SQRT((VLOOKUP($A116,városok!$A$2:$C$346,2,0)-VLOOKUP(BA$1,városok!$A$2:$C$346,2,0))^2+(VLOOKUP($A116,városok!$A$2:$C$346,3,0)-VLOOKUP(BA$1,városok!$A$2:$C$346,3,0))^2)/1000,0)</f>
        <v>89</v>
      </c>
      <c r="BB116">
        <f ca="1">ROUND(SQRT((VLOOKUP($A116,városok!$A$2:$C$346,2,0)-VLOOKUP(BB$1,városok!$A$2:$C$346,2,0))^2+(VLOOKUP($A116,városok!$A$2:$C$346,3,0)-VLOOKUP(BB$1,városok!$A$2:$C$346,3,0))^2)/1000,0)</f>
        <v>122</v>
      </c>
      <c r="BC116">
        <f ca="1">ROUND(SQRT((VLOOKUP($A116,városok!$A$2:$C$346,2,0)-VLOOKUP(BC$1,városok!$A$2:$C$346,2,0))^2+(VLOOKUP($A116,városok!$A$2:$C$346,3,0)-VLOOKUP(BC$1,városok!$A$2:$C$346,3,0))^2)/1000,0)</f>
        <v>134</v>
      </c>
      <c r="BD116">
        <f ca="1">ROUND(SQRT((VLOOKUP($A116,városok!$A$2:$C$346,2,0)-VLOOKUP(BD$1,városok!$A$2:$C$346,2,0))^2+(VLOOKUP($A116,városok!$A$2:$C$346,3,0)-VLOOKUP(BD$1,városok!$A$2:$C$346,3,0))^2)/1000,0)</f>
        <v>96</v>
      </c>
      <c r="BE116">
        <f ca="1">ROUND(SQRT((VLOOKUP($A116,városok!$A$2:$C$346,2,0)-VLOOKUP(BE$1,városok!$A$2:$C$346,2,0))^2+(VLOOKUP($A116,városok!$A$2:$C$346,3,0)-VLOOKUP(BE$1,városok!$A$2:$C$346,3,0))^2)/1000,0)</f>
        <v>420</v>
      </c>
      <c r="BF116">
        <f ca="1">ROUND(SQRT((VLOOKUP($A116,városok!$A$2:$C$346,2,0)-VLOOKUP(BF$1,városok!$A$2:$C$346,2,0))^2+(VLOOKUP($A116,városok!$A$2:$C$346,3,0)-VLOOKUP(BF$1,városok!$A$2:$C$346,3,0))^2)/1000,0)</f>
        <v>382</v>
      </c>
      <c r="BG116">
        <f ca="1">ROUND(SQRT((VLOOKUP($A116,városok!$A$2:$C$346,2,0)-VLOOKUP(BG$1,városok!$A$2:$C$346,2,0))^2+(VLOOKUP($A116,városok!$A$2:$C$346,3,0)-VLOOKUP(BG$1,városok!$A$2:$C$346,3,0))^2)/1000,0)</f>
        <v>335</v>
      </c>
      <c r="BH116">
        <f ca="1">ROUND(SQRT((VLOOKUP($A116,városok!$A$2:$C$346,2,0)-VLOOKUP(BH$1,városok!$A$2:$C$346,2,0))^2+(VLOOKUP($A116,városok!$A$2:$C$346,3,0)-VLOOKUP(BH$1,városok!$A$2:$C$346,3,0))^2)/1000,0)</f>
        <v>335</v>
      </c>
      <c r="BI116">
        <f ca="1">ROUND(SQRT((VLOOKUP($A116,városok!$A$2:$C$346,2,0)-VLOOKUP(BI$1,városok!$A$2:$C$346,2,0))^2+(VLOOKUP($A116,városok!$A$2:$C$346,3,0)-VLOOKUP(BI$1,városok!$A$2:$C$346,3,0))^2)/1000,0)</f>
        <v>166</v>
      </c>
      <c r="BJ116">
        <f ca="1">ROUND(SQRT((VLOOKUP($A116,városok!$A$2:$C$346,2,0)-VLOOKUP(BJ$1,városok!$A$2:$C$346,2,0))^2+(VLOOKUP($A116,városok!$A$2:$C$346,3,0)-VLOOKUP(BJ$1,városok!$A$2:$C$346,3,0))^2)/1000,0)</f>
        <v>168</v>
      </c>
      <c r="BK116">
        <f ca="1">ROUND(SQRT((VLOOKUP($A116,városok!$A$2:$C$346,2,0)-VLOOKUP(BK$1,városok!$A$2:$C$346,2,0))^2+(VLOOKUP($A116,városok!$A$2:$C$346,3,0)-VLOOKUP(BK$1,városok!$A$2:$C$346,3,0))^2)/1000,0)</f>
        <v>174</v>
      </c>
      <c r="BL116">
        <f ca="1">ROUND(SQRT((VLOOKUP($A116,városok!$A$2:$C$346,2,0)-VLOOKUP(BL$1,városok!$A$2:$C$346,2,0))^2+(VLOOKUP($A116,városok!$A$2:$C$346,3,0)-VLOOKUP(BL$1,városok!$A$2:$C$346,3,0))^2)/1000,0)</f>
        <v>63</v>
      </c>
      <c r="BM116">
        <f ca="1">ROUND(SQRT((VLOOKUP($A116,városok!$A$2:$C$346,2,0)-VLOOKUP(BM$1,városok!$A$2:$C$346,2,0))^2+(VLOOKUP($A116,városok!$A$2:$C$346,3,0)-VLOOKUP(BM$1,városok!$A$2:$C$346,3,0))^2)/1000,0)</f>
        <v>27</v>
      </c>
      <c r="BN116">
        <f ca="1">ROUND(SQRT((VLOOKUP($A116,városok!$A$2:$C$346,2,0)-VLOOKUP(BN$1,városok!$A$2:$C$346,2,0))^2+(VLOOKUP($A116,városok!$A$2:$C$346,3,0)-VLOOKUP(BN$1,városok!$A$2:$C$346,3,0))^2)/1000,0)</f>
        <v>44</v>
      </c>
      <c r="BO116">
        <f ca="1">ROUND(SQRT((VLOOKUP($A116,városok!$A$2:$C$346,2,0)-VLOOKUP(BO$1,városok!$A$2:$C$346,2,0))^2+(VLOOKUP($A116,városok!$A$2:$C$346,3,0)-VLOOKUP(BO$1,városok!$A$2:$C$346,3,0))^2)/1000,0)</f>
        <v>84</v>
      </c>
      <c r="BP116">
        <f ca="1">ROUND(SQRT((VLOOKUP($A116,városok!$A$2:$C$346,2,0)-VLOOKUP(BP$1,városok!$A$2:$C$346,2,0))^2+(VLOOKUP($A116,városok!$A$2:$C$346,3,0)-VLOOKUP(BP$1,városok!$A$2:$C$346,3,0))^2)/1000,0)</f>
        <v>90</v>
      </c>
      <c r="BQ116">
        <f ca="1">ROUND(SQRT((VLOOKUP($A116,városok!$A$2:$C$346,2,0)-VLOOKUP(BQ$1,városok!$A$2:$C$346,2,0))^2+(VLOOKUP($A116,városok!$A$2:$C$346,3,0)-VLOOKUP(BQ$1,városok!$A$2:$C$346,3,0))^2)/1000,0)</f>
        <v>74</v>
      </c>
      <c r="BR116">
        <f ca="1">ROUND(SQRT((VLOOKUP($A116,városok!$A$2:$C$346,2,0)-VLOOKUP(BR$1,városok!$A$2:$C$346,2,0))^2+(VLOOKUP($A116,városok!$A$2:$C$346,3,0)-VLOOKUP(BR$1,városok!$A$2:$C$346,3,0))^2)/1000,0)</f>
        <v>78</v>
      </c>
      <c r="BS116">
        <f ca="1">ROUND(SQRT((VLOOKUP($A116,városok!$A$2:$C$346,2,0)-VLOOKUP(BS$1,városok!$A$2:$C$346,2,0))^2+(VLOOKUP($A116,városok!$A$2:$C$346,3,0)-VLOOKUP(BS$1,városok!$A$2:$C$346,3,0))^2)/1000,0)</f>
        <v>113</v>
      </c>
      <c r="BT116">
        <f ca="1">ROUND(SQRT((VLOOKUP($A116,városok!$A$2:$C$346,2,0)-VLOOKUP(BT$1,városok!$A$2:$C$346,2,0))^2+(VLOOKUP($A116,városok!$A$2:$C$346,3,0)-VLOOKUP(BT$1,városok!$A$2:$C$346,3,0))^2)/1000,0)</f>
        <v>73</v>
      </c>
    </row>
    <row r="117" spans="1:72" x14ac:dyDescent="0.2">
      <c r="A117" t="str">
        <f>városok!A117</f>
        <v>Csorna</v>
      </c>
      <c r="B117">
        <f ca="1">ROUND(SQRT((VLOOKUP($A117,városok!$A$2:$C$346,2,0)-VLOOKUP(B$1,városok!$A$2:$C$346,2,0))^2+(VLOOKUP($A117,városok!$A$2:$C$346,3,0)-VLOOKUP(B$1,városok!$A$2:$C$346,3,0))^2)/1000,0)</f>
        <v>205</v>
      </c>
      <c r="C117">
        <f ca="1">ROUND(SQRT((VLOOKUP($A117,városok!$A$2:$C$346,2,0)-VLOOKUP(C$1,városok!$A$2:$C$346,2,0))^2+(VLOOKUP($A117,városok!$A$2:$C$346,3,0)-VLOOKUP(C$1,városok!$A$2:$C$346,3,0))^2)/1000,0)</f>
        <v>178</v>
      </c>
      <c r="D117">
        <f ca="1">ROUND(SQRT((VLOOKUP($A117,városok!$A$2:$C$346,2,0)-VLOOKUP(D$1,városok!$A$2:$C$346,2,0))^2+(VLOOKUP($A117,városok!$A$2:$C$346,3,0)-VLOOKUP(D$1,városok!$A$2:$C$346,3,0))^2)/1000,0)</f>
        <v>200</v>
      </c>
      <c r="E117">
        <f ca="1">ROUND(SQRT((VLOOKUP($A117,városok!$A$2:$C$346,2,0)-VLOOKUP(E$1,városok!$A$2:$C$346,2,0))^2+(VLOOKUP($A117,városok!$A$2:$C$346,3,0)-VLOOKUP(E$1,városok!$A$2:$C$346,3,0))^2)/1000,0)</f>
        <v>176</v>
      </c>
      <c r="F117">
        <f ca="1">ROUND(SQRT((VLOOKUP($A117,városok!$A$2:$C$346,2,0)-VLOOKUP(F$1,városok!$A$2:$C$346,2,0))^2+(VLOOKUP($A117,városok!$A$2:$C$346,3,0)-VLOOKUP(F$1,városok!$A$2:$C$346,3,0))^2)/1000,0)</f>
        <v>211</v>
      </c>
      <c r="G117">
        <f ca="1">ROUND(SQRT((VLOOKUP($A117,városok!$A$2:$C$346,2,0)-VLOOKUP(G$1,városok!$A$2:$C$346,2,0))^2+(VLOOKUP($A117,városok!$A$2:$C$346,3,0)-VLOOKUP(G$1,városok!$A$2:$C$346,3,0))^2)/1000,0)</f>
        <v>187</v>
      </c>
      <c r="H117">
        <f ca="1">ROUND(SQRT((VLOOKUP($A117,városok!$A$2:$C$346,2,0)-VLOOKUP(H$1,városok!$A$2:$C$346,2,0))^2+(VLOOKUP($A117,városok!$A$2:$C$346,3,0)-VLOOKUP(H$1,városok!$A$2:$C$346,3,0))^2)/1000,0)</f>
        <v>179</v>
      </c>
      <c r="I117">
        <f ca="1">ROUND(SQRT((VLOOKUP($A117,városok!$A$2:$C$346,2,0)-VLOOKUP(I$1,városok!$A$2:$C$346,2,0))^2+(VLOOKUP($A117,városok!$A$2:$C$346,3,0)-VLOOKUP(I$1,városok!$A$2:$C$346,3,0))^2)/1000,0)</f>
        <v>308</v>
      </c>
      <c r="J117">
        <f ca="1">ROUND(SQRT((VLOOKUP($A117,városok!$A$2:$C$346,2,0)-VLOOKUP(J$1,városok!$A$2:$C$346,2,0))^2+(VLOOKUP($A117,városok!$A$2:$C$346,3,0)-VLOOKUP(J$1,városok!$A$2:$C$346,3,0))^2)/1000,0)</f>
        <v>323</v>
      </c>
      <c r="K117">
        <f ca="1">ROUND(SQRT((VLOOKUP($A117,városok!$A$2:$C$346,2,0)-VLOOKUP(K$1,városok!$A$2:$C$346,2,0))^2+(VLOOKUP($A117,városok!$A$2:$C$346,3,0)-VLOOKUP(K$1,városok!$A$2:$C$346,3,0))^2)/1000,0)</f>
        <v>284</v>
      </c>
      <c r="L117">
        <f ca="1">ROUND(SQRT((VLOOKUP($A117,városok!$A$2:$C$346,2,0)-VLOOKUP(L$1,városok!$A$2:$C$346,2,0))^2+(VLOOKUP($A117,városok!$A$2:$C$346,3,0)-VLOOKUP(L$1,városok!$A$2:$C$346,3,0))^2)/1000,0)</f>
        <v>262</v>
      </c>
      <c r="M117">
        <f ca="1">ROUND(SQRT((VLOOKUP($A117,városok!$A$2:$C$346,2,0)-VLOOKUP(M$1,városok!$A$2:$C$346,2,0))^2+(VLOOKUP($A117,városok!$A$2:$C$346,3,0)-VLOOKUP(M$1,városok!$A$2:$C$346,3,0))^2)/1000,0)</f>
        <v>270</v>
      </c>
      <c r="N117">
        <f ca="1">ROUND(SQRT((VLOOKUP($A117,városok!$A$2:$C$346,2,0)-VLOOKUP(N$1,városok!$A$2:$C$346,2,0))^2+(VLOOKUP($A117,városok!$A$2:$C$346,3,0)-VLOOKUP(N$1,városok!$A$2:$C$346,3,0))^2)/1000,0)</f>
        <v>237</v>
      </c>
      <c r="O117">
        <f ca="1">ROUND(SQRT((VLOOKUP($A117,városok!$A$2:$C$346,2,0)-VLOOKUP(O$1,városok!$A$2:$C$346,2,0))^2+(VLOOKUP($A117,városok!$A$2:$C$346,3,0)-VLOOKUP(O$1,városok!$A$2:$C$346,3,0))^2)/1000,0)</f>
        <v>339</v>
      </c>
      <c r="P117">
        <f ca="1">ROUND(SQRT((VLOOKUP($A117,városok!$A$2:$C$346,2,0)-VLOOKUP(P$1,városok!$A$2:$C$346,2,0))^2+(VLOOKUP($A117,városok!$A$2:$C$346,3,0)-VLOOKUP(P$1,városok!$A$2:$C$346,3,0))^2)/1000,0)</f>
        <v>339</v>
      </c>
      <c r="Q117">
        <f ca="1">ROUND(SQRT((VLOOKUP($A117,városok!$A$2:$C$346,2,0)-VLOOKUP(Q$1,városok!$A$2:$C$346,2,0))^2+(VLOOKUP($A117,városok!$A$2:$C$346,3,0)-VLOOKUP(Q$1,városok!$A$2:$C$346,3,0))^2)/1000,0)</f>
        <v>268</v>
      </c>
      <c r="R117">
        <f ca="1">ROUND(SQRT((VLOOKUP($A117,városok!$A$2:$C$346,2,0)-VLOOKUP(R$1,városok!$A$2:$C$346,2,0))^2+(VLOOKUP($A117,városok!$A$2:$C$346,3,0)-VLOOKUP(R$1,városok!$A$2:$C$346,3,0))^2)/1000,0)</f>
        <v>290</v>
      </c>
      <c r="S117">
        <f ca="1">ROUND(SQRT((VLOOKUP($A117,városok!$A$2:$C$346,2,0)-VLOOKUP(S$1,városok!$A$2:$C$346,2,0))^2+(VLOOKUP($A117,városok!$A$2:$C$346,3,0)-VLOOKUP(S$1,városok!$A$2:$C$346,3,0))^2)/1000,0)</f>
        <v>268</v>
      </c>
      <c r="T117">
        <f ca="1">ROUND(SQRT((VLOOKUP($A117,városok!$A$2:$C$346,2,0)-VLOOKUP(T$1,városok!$A$2:$C$346,2,0))^2+(VLOOKUP($A117,városok!$A$2:$C$346,3,0)-VLOOKUP(T$1,városok!$A$2:$C$346,3,0))^2)/1000,0)</f>
        <v>105</v>
      </c>
      <c r="U117">
        <f ca="1">ROUND(SQRT((VLOOKUP($A117,városok!$A$2:$C$346,2,0)-VLOOKUP(U$1,városok!$A$2:$C$346,2,0))^2+(VLOOKUP($A117,városok!$A$2:$C$346,3,0)-VLOOKUP(U$1,városok!$A$2:$C$346,3,0))^2)/1000,0)</f>
        <v>146</v>
      </c>
      <c r="V117">
        <f ca="1">ROUND(SQRT((VLOOKUP($A117,városok!$A$2:$C$346,2,0)-VLOOKUP(V$1,városok!$A$2:$C$346,2,0))^2+(VLOOKUP($A117,városok!$A$2:$C$346,3,0)-VLOOKUP(V$1,városok!$A$2:$C$346,3,0))^2)/1000,0)</f>
        <v>100</v>
      </c>
      <c r="W117">
        <f ca="1">ROUND(SQRT((VLOOKUP($A117,városok!$A$2:$C$346,2,0)-VLOOKUP(W$1,városok!$A$2:$C$346,2,0))^2+(VLOOKUP($A117,városok!$A$2:$C$346,3,0)-VLOOKUP(W$1,városok!$A$2:$C$346,3,0))^2)/1000,0)</f>
        <v>131</v>
      </c>
      <c r="X117">
        <f ca="1">ROUND(SQRT((VLOOKUP($A117,városok!$A$2:$C$346,2,0)-VLOOKUP(X$1,városok!$A$2:$C$346,2,0))^2+(VLOOKUP($A117,városok!$A$2:$C$346,3,0)-VLOOKUP(X$1,városok!$A$2:$C$346,3,0))^2)/1000,0)</f>
        <v>88</v>
      </c>
      <c r="Y117">
        <f ca="1">ROUND(SQRT((VLOOKUP($A117,városok!$A$2:$C$346,2,0)-VLOOKUP(Y$1,városok!$A$2:$C$346,2,0))^2+(VLOOKUP($A117,városok!$A$2:$C$346,3,0)-VLOOKUP(Y$1,városok!$A$2:$C$346,3,0))^2)/1000,0)</f>
        <v>30</v>
      </c>
      <c r="Z117">
        <f ca="1">ROUND(SQRT((VLOOKUP($A117,városok!$A$2:$C$346,2,0)-VLOOKUP(Z$1,városok!$A$2:$C$346,2,0))^2+(VLOOKUP($A117,városok!$A$2:$C$346,3,0)-VLOOKUP(Z$1,városok!$A$2:$C$346,3,0))^2)/1000,0)</f>
        <v>17</v>
      </c>
      <c r="AA117">
        <f ca="1">ROUND(SQRT((VLOOKUP($A117,városok!$A$2:$C$346,2,0)-VLOOKUP(AA$1,városok!$A$2:$C$346,2,0))^2+(VLOOKUP($A117,városok!$A$2:$C$346,3,0)-VLOOKUP(AA$1,városok!$A$2:$C$346,3,0))^2)/1000,0)</f>
        <v>51</v>
      </c>
      <c r="AB117">
        <f ca="1">ROUND(SQRT((VLOOKUP($A117,városok!$A$2:$C$346,2,0)-VLOOKUP(AB$1,városok!$A$2:$C$346,2,0))^2+(VLOOKUP($A117,városok!$A$2:$C$346,3,0)-VLOOKUP(AB$1,városok!$A$2:$C$346,3,0))^2)/1000,0)</f>
        <v>329</v>
      </c>
      <c r="AC117">
        <f ca="1">ROUND(SQRT((VLOOKUP($A117,városok!$A$2:$C$346,2,0)-VLOOKUP(AC$1,városok!$A$2:$C$346,2,0))^2+(VLOOKUP($A117,városok!$A$2:$C$346,3,0)-VLOOKUP(AC$1,városok!$A$2:$C$346,3,0))^2)/1000,0)</f>
        <v>312</v>
      </c>
      <c r="AD117">
        <f ca="1">ROUND(SQRT((VLOOKUP($A117,városok!$A$2:$C$346,2,0)-VLOOKUP(AD$1,városok!$A$2:$C$346,2,0))^2+(VLOOKUP($A117,városok!$A$2:$C$346,3,0)-VLOOKUP(AD$1,városok!$A$2:$C$346,3,0))^2)/1000,0)</f>
        <v>295</v>
      </c>
      <c r="AE117">
        <f ca="1">ROUND(SQRT((VLOOKUP($A117,városok!$A$2:$C$346,2,0)-VLOOKUP(AE$1,városok!$A$2:$C$346,2,0))^2+(VLOOKUP($A117,városok!$A$2:$C$346,3,0)-VLOOKUP(AE$1,városok!$A$2:$C$346,3,0))^2)/1000,0)</f>
        <v>297</v>
      </c>
      <c r="AF117">
        <f ca="1">ROUND(SQRT((VLOOKUP($A117,városok!$A$2:$C$346,2,0)-VLOOKUP(AF$1,városok!$A$2:$C$346,2,0))^2+(VLOOKUP($A117,városok!$A$2:$C$346,3,0)-VLOOKUP(AF$1,városok!$A$2:$C$346,3,0))^2)/1000,0)</f>
        <v>236</v>
      </c>
      <c r="AG117">
        <f ca="1">ROUND(SQRT((VLOOKUP($A117,városok!$A$2:$C$346,2,0)-VLOOKUP(AG$1,városok!$A$2:$C$346,2,0))^2+(VLOOKUP($A117,városok!$A$2:$C$346,3,0)-VLOOKUP(AG$1,városok!$A$2:$C$346,3,0))^2)/1000,0)</f>
        <v>201</v>
      </c>
      <c r="AH117">
        <f ca="1">ROUND(SQRT((VLOOKUP($A117,városok!$A$2:$C$346,2,0)-VLOOKUP(AH$1,városok!$A$2:$C$346,2,0))^2+(VLOOKUP($A117,városok!$A$2:$C$346,3,0)-VLOOKUP(AH$1,városok!$A$2:$C$346,3,0))^2)/1000,0)</f>
        <v>182</v>
      </c>
      <c r="AI117">
        <f ca="1">ROUND(SQRT((VLOOKUP($A117,városok!$A$2:$C$346,2,0)-VLOOKUP(AI$1,városok!$A$2:$C$346,2,0))^2+(VLOOKUP($A117,városok!$A$2:$C$346,3,0)-VLOOKUP(AI$1,városok!$A$2:$C$346,3,0))^2)/1000,0)</f>
        <v>217</v>
      </c>
      <c r="AJ117">
        <f ca="1">ROUND(SQRT((VLOOKUP($A117,városok!$A$2:$C$346,2,0)-VLOOKUP(AJ$1,városok!$A$2:$C$346,2,0))^2+(VLOOKUP($A117,városok!$A$2:$C$346,3,0)-VLOOKUP(AJ$1,városok!$A$2:$C$346,3,0))^2)/1000,0)</f>
        <v>204</v>
      </c>
      <c r="AK117">
        <f ca="1">ROUND(SQRT((VLOOKUP($A117,városok!$A$2:$C$346,2,0)-VLOOKUP(AK$1,városok!$A$2:$C$346,2,0))^2+(VLOOKUP($A117,városok!$A$2:$C$346,3,0)-VLOOKUP(AK$1,városok!$A$2:$C$346,3,0))^2)/1000,0)</f>
        <v>283</v>
      </c>
      <c r="AL117">
        <f ca="1">ROUND(SQRT((VLOOKUP($A117,városok!$A$2:$C$346,2,0)-VLOOKUP(AL$1,városok!$A$2:$C$346,2,0))^2+(VLOOKUP($A117,városok!$A$2:$C$346,3,0)-VLOOKUP(AL$1,városok!$A$2:$C$346,3,0))^2)/1000,0)</f>
        <v>256</v>
      </c>
      <c r="AM117">
        <f ca="1">ROUND(SQRT((VLOOKUP($A117,városok!$A$2:$C$346,2,0)-VLOOKUP(AM$1,városok!$A$2:$C$346,2,0))^2+(VLOOKUP($A117,városok!$A$2:$C$346,3,0)-VLOOKUP(AM$1,városok!$A$2:$C$346,3,0))^2)/1000,0)</f>
        <v>226</v>
      </c>
      <c r="AN117">
        <f ca="1">ROUND(SQRT((VLOOKUP($A117,városok!$A$2:$C$346,2,0)-VLOOKUP(AN$1,városok!$A$2:$C$346,2,0))^2+(VLOOKUP($A117,városok!$A$2:$C$346,3,0)-VLOOKUP(AN$1,városok!$A$2:$C$346,3,0))^2)/1000,0)</f>
        <v>113</v>
      </c>
      <c r="AO117">
        <f ca="1">ROUND(SQRT((VLOOKUP($A117,városok!$A$2:$C$346,2,0)-VLOOKUP(AO$1,városok!$A$2:$C$346,2,0))^2+(VLOOKUP($A117,városok!$A$2:$C$346,3,0)-VLOOKUP(AO$1,városok!$A$2:$C$346,3,0))^2)/1000,0)</f>
        <v>67</v>
      </c>
      <c r="AP117">
        <f ca="1">ROUND(SQRT((VLOOKUP($A117,városok!$A$2:$C$346,2,0)-VLOOKUP(AP$1,városok!$A$2:$C$346,2,0))^2+(VLOOKUP($A117,városok!$A$2:$C$346,3,0)-VLOOKUP(AP$1,városok!$A$2:$C$346,3,0))^2)/1000,0)</f>
        <v>81</v>
      </c>
      <c r="AQ117">
        <f ca="1">ROUND(SQRT((VLOOKUP($A117,városok!$A$2:$C$346,2,0)-VLOOKUP(AQ$1,városok!$A$2:$C$346,2,0))^2+(VLOOKUP($A117,városok!$A$2:$C$346,3,0)-VLOOKUP(AQ$1,városok!$A$2:$C$346,3,0))^2)/1000,0)</f>
        <v>87</v>
      </c>
      <c r="AR117">
        <f ca="1">ROUND(SQRT((VLOOKUP($A117,városok!$A$2:$C$346,2,0)-VLOOKUP(AR$1,városok!$A$2:$C$346,2,0))^2+(VLOOKUP($A117,városok!$A$2:$C$346,3,0)-VLOOKUP(AR$1,városok!$A$2:$C$346,3,0))^2)/1000,0)</f>
        <v>186</v>
      </c>
      <c r="AS117">
        <f ca="1">ROUND(SQRT((VLOOKUP($A117,városok!$A$2:$C$346,2,0)-VLOOKUP(AS$1,városok!$A$2:$C$346,2,0))^2+(VLOOKUP($A117,városok!$A$2:$C$346,3,0)-VLOOKUP(AS$1,városok!$A$2:$C$346,3,0))^2)/1000,0)</f>
        <v>199</v>
      </c>
      <c r="AT117">
        <f ca="1">ROUND(SQRT((VLOOKUP($A117,városok!$A$2:$C$346,2,0)-VLOOKUP(AT$1,városok!$A$2:$C$346,2,0))^2+(VLOOKUP($A117,városok!$A$2:$C$346,3,0)-VLOOKUP(AT$1,városok!$A$2:$C$346,3,0))^2)/1000,0)</f>
        <v>119</v>
      </c>
      <c r="AU117">
        <f ca="1">ROUND(SQRT((VLOOKUP($A117,városok!$A$2:$C$346,2,0)-VLOOKUP(AU$1,városok!$A$2:$C$346,2,0))^2+(VLOOKUP($A117,városok!$A$2:$C$346,3,0)-VLOOKUP(AU$1,városok!$A$2:$C$346,3,0))^2)/1000,0)</f>
        <v>130</v>
      </c>
      <c r="AV117">
        <f ca="1">ROUND(SQRT((VLOOKUP($A117,városok!$A$2:$C$346,2,0)-VLOOKUP(AV$1,városok!$A$2:$C$346,2,0))^2+(VLOOKUP($A117,városok!$A$2:$C$346,3,0)-VLOOKUP(AV$1,városok!$A$2:$C$346,3,0))^2)/1000,0)</f>
        <v>130</v>
      </c>
      <c r="AW117">
        <f ca="1">ROUND(SQRT((VLOOKUP($A117,városok!$A$2:$C$346,2,0)-VLOOKUP(AW$1,városok!$A$2:$C$346,2,0))^2+(VLOOKUP($A117,városok!$A$2:$C$346,3,0)-VLOOKUP(AW$1,városok!$A$2:$C$346,3,0))^2)/1000,0)</f>
        <v>127</v>
      </c>
      <c r="AX117">
        <f ca="1">ROUND(SQRT((VLOOKUP($A117,városok!$A$2:$C$346,2,0)-VLOOKUP(AX$1,városok!$A$2:$C$346,2,0))^2+(VLOOKUP($A117,városok!$A$2:$C$346,3,0)-VLOOKUP(AX$1,városok!$A$2:$C$346,3,0))^2)/1000,0)</f>
        <v>201</v>
      </c>
      <c r="AY117">
        <f ca="1">ROUND(SQRT((VLOOKUP($A117,városok!$A$2:$C$346,2,0)-VLOOKUP(AY$1,városok!$A$2:$C$346,2,0))^2+(VLOOKUP($A117,városok!$A$2:$C$346,3,0)-VLOOKUP(AY$1,városok!$A$2:$C$346,3,0))^2)/1000,0)</f>
        <v>136</v>
      </c>
      <c r="AZ117">
        <f ca="1">ROUND(SQRT((VLOOKUP($A117,városok!$A$2:$C$346,2,0)-VLOOKUP(AZ$1,városok!$A$2:$C$346,2,0))^2+(VLOOKUP($A117,városok!$A$2:$C$346,3,0)-VLOOKUP(AZ$1,városok!$A$2:$C$346,3,0))^2)/1000,0)</f>
        <v>130</v>
      </c>
      <c r="BA117">
        <f ca="1">ROUND(SQRT((VLOOKUP($A117,városok!$A$2:$C$346,2,0)-VLOOKUP(BA$1,városok!$A$2:$C$346,2,0))^2+(VLOOKUP($A117,városok!$A$2:$C$346,3,0)-VLOOKUP(BA$1,városok!$A$2:$C$346,3,0))^2)/1000,0)</f>
        <v>99</v>
      </c>
      <c r="BB117">
        <f ca="1">ROUND(SQRT((VLOOKUP($A117,városok!$A$2:$C$346,2,0)-VLOOKUP(BB$1,városok!$A$2:$C$346,2,0))^2+(VLOOKUP($A117,városok!$A$2:$C$346,3,0)-VLOOKUP(BB$1,városok!$A$2:$C$346,3,0))^2)/1000,0)</f>
        <v>130</v>
      </c>
      <c r="BC117">
        <f ca="1">ROUND(SQRT((VLOOKUP($A117,városok!$A$2:$C$346,2,0)-VLOOKUP(BC$1,városok!$A$2:$C$346,2,0))^2+(VLOOKUP($A117,városok!$A$2:$C$346,3,0)-VLOOKUP(BC$1,városok!$A$2:$C$346,3,0))^2)/1000,0)</f>
        <v>146</v>
      </c>
      <c r="BD117">
        <f ca="1">ROUND(SQRT((VLOOKUP($A117,városok!$A$2:$C$346,2,0)-VLOOKUP(BD$1,városok!$A$2:$C$346,2,0))^2+(VLOOKUP($A117,városok!$A$2:$C$346,3,0)-VLOOKUP(BD$1,városok!$A$2:$C$346,3,0))^2)/1000,0)</f>
        <v>100</v>
      </c>
      <c r="BE117">
        <f ca="1">ROUND(SQRT((VLOOKUP($A117,városok!$A$2:$C$346,2,0)-VLOOKUP(BE$1,városok!$A$2:$C$346,2,0))^2+(VLOOKUP($A117,városok!$A$2:$C$346,3,0)-VLOOKUP(BE$1,városok!$A$2:$C$346,3,0))^2)/1000,0)</f>
        <v>407</v>
      </c>
      <c r="BF117">
        <f ca="1">ROUND(SQRT((VLOOKUP($A117,városok!$A$2:$C$346,2,0)-VLOOKUP(BF$1,városok!$A$2:$C$346,2,0))^2+(VLOOKUP($A117,városok!$A$2:$C$346,3,0)-VLOOKUP(BF$1,városok!$A$2:$C$346,3,0))^2)/1000,0)</f>
        <v>366</v>
      </c>
      <c r="BG117">
        <f ca="1">ROUND(SQRT((VLOOKUP($A117,városok!$A$2:$C$346,2,0)-VLOOKUP(BG$1,városok!$A$2:$C$346,2,0))^2+(VLOOKUP($A117,városok!$A$2:$C$346,3,0)-VLOOKUP(BG$1,városok!$A$2:$C$346,3,0))^2)/1000,0)</f>
        <v>320</v>
      </c>
      <c r="BH117">
        <f ca="1">ROUND(SQRT((VLOOKUP($A117,városok!$A$2:$C$346,2,0)-VLOOKUP(BH$1,városok!$A$2:$C$346,2,0))^2+(VLOOKUP($A117,városok!$A$2:$C$346,3,0)-VLOOKUP(BH$1,városok!$A$2:$C$346,3,0))^2)/1000,0)</f>
        <v>320</v>
      </c>
      <c r="BI117">
        <f ca="1">ROUND(SQRT((VLOOKUP($A117,városok!$A$2:$C$346,2,0)-VLOOKUP(BI$1,városok!$A$2:$C$346,2,0))^2+(VLOOKUP($A117,városok!$A$2:$C$346,3,0)-VLOOKUP(BI$1,városok!$A$2:$C$346,3,0))^2)/1000,0)</f>
        <v>170</v>
      </c>
      <c r="BJ117">
        <f ca="1">ROUND(SQRT((VLOOKUP($A117,városok!$A$2:$C$346,2,0)-VLOOKUP(BJ$1,városok!$A$2:$C$346,2,0))^2+(VLOOKUP($A117,városok!$A$2:$C$346,3,0)-VLOOKUP(BJ$1,városok!$A$2:$C$346,3,0))^2)/1000,0)</f>
        <v>174</v>
      </c>
      <c r="BK117">
        <f ca="1">ROUND(SQRT((VLOOKUP($A117,városok!$A$2:$C$346,2,0)-VLOOKUP(BK$1,városok!$A$2:$C$346,2,0))^2+(VLOOKUP($A117,városok!$A$2:$C$346,3,0)-VLOOKUP(BK$1,városok!$A$2:$C$346,3,0))^2)/1000,0)</f>
        <v>178</v>
      </c>
      <c r="BL117">
        <f ca="1">ROUND(SQRT((VLOOKUP($A117,városok!$A$2:$C$346,2,0)-VLOOKUP(BL$1,városok!$A$2:$C$346,2,0))^2+(VLOOKUP($A117,városok!$A$2:$C$346,3,0)-VLOOKUP(BL$1,városok!$A$2:$C$346,3,0))^2)/1000,0)</f>
        <v>83</v>
      </c>
      <c r="BM117">
        <f ca="1">ROUND(SQRT((VLOOKUP($A117,városok!$A$2:$C$346,2,0)-VLOOKUP(BM$1,városok!$A$2:$C$346,2,0))^2+(VLOOKUP($A117,városok!$A$2:$C$346,3,0)-VLOOKUP(BM$1,városok!$A$2:$C$346,3,0))^2)/1000,0)</f>
        <v>47</v>
      </c>
      <c r="BN117">
        <f ca="1">ROUND(SQRT((VLOOKUP($A117,városok!$A$2:$C$346,2,0)-VLOOKUP(BN$1,városok!$A$2:$C$346,2,0))^2+(VLOOKUP($A117,városok!$A$2:$C$346,3,0)-VLOOKUP(BN$1,városok!$A$2:$C$346,3,0))^2)/1000,0)</f>
        <v>64</v>
      </c>
      <c r="BO117">
        <f ca="1">ROUND(SQRT((VLOOKUP($A117,városok!$A$2:$C$346,2,0)-VLOOKUP(BO$1,városok!$A$2:$C$346,2,0))^2+(VLOOKUP($A117,városok!$A$2:$C$346,3,0)-VLOOKUP(BO$1,városok!$A$2:$C$346,3,0))^2)/1000,0)</f>
        <v>86</v>
      </c>
      <c r="BP117">
        <f ca="1">ROUND(SQRT((VLOOKUP($A117,városok!$A$2:$C$346,2,0)-VLOOKUP(BP$1,városok!$A$2:$C$346,2,0))^2+(VLOOKUP($A117,városok!$A$2:$C$346,3,0)-VLOOKUP(BP$1,városok!$A$2:$C$346,3,0))^2)/1000,0)</f>
        <v>91</v>
      </c>
      <c r="BQ117">
        <f ca="1">ROUND(SQRT((VLOOKUP($A117,városok!$A$2:$C$346,2,0)-VLOOKUP(BQ$1,városok!$A$2:$C$346,2,0))^2+(VLOOKUP($A117,városok!$A$2:$C$346,3,0)-VLOOKUP(BQ$1,városok!$A$2:$C$346,3,0))^2)/1000,0)</f>
        <v>76</v>
      </c>
      <c r="BR117">
        <f ca="1">ROUND(SQRT((VLOOKUP($A117,városok!$A$2:$C$346,2,0)-VLOOKUP(BR$1,városok!$A$2:$C$346,2,0))^2+(VLOOKUP($A117,városok!$A$2:$C$346,3,0)-VLOOKUP(BR$1,városok!$A$2:$C$346,3,0))^2)/1000,0)</f>
        <v>94</v>
      </c>
      <c r="BS117">
        <f ca="1">ROUND(SQRT((VLOOKUP($A117,városok!$A$2:$C$346,2,0)-VLOOKUP(BS$1,városok!$A$2:$C$346,2,0))^2+(VLOOKUP($A117,városok!$A$2:$C$346,3,0)-VLOOKUP(BS$1,városok!$A$2:$C$346,3,0))^2)/1000,0)</f>
        <v>131</v>
      </c>
      <c r="BT117">
        <f ca="1">ROUND(SQRT((VLOOKUP($A117,városok!$A$2:$C$346,2,0)-VLOOKUP(BT$1,városok!$A$2:$C$346,2,0))^2+(VLOOKUP($A117,városok!$A$2:$C$346,3,0)-VLOOKUP(BT$1,városok!$A$2:$C$346,3,0))^2)/1000,0)</f>
        <v>92</v>
      </c>
    </row>
    <row r="118" spans="1:72" x14ac:dyDescent="0.2">
      <c r="A118" t="str">
        <f>városok!A118</f>
        <v>Fertőd</v>
      </c>
      <c r="B118">
        <f ca="1">ROUND(SQRT((VLOOKUP($A118,városok!$A$2:$C$346,2,0)-VLOOKUP(B$1,városok!$A$2:$C$346,2,0))^2+(VLOOKUP($A118,városok!$A$2:$C$346,3,0)-VLOOKUP(B$1,városok!$A$2:$C$346,3,0))^2)/1000,0)</f>
        <v>224</v>
      </c>
      <c r="C118">
        <f ca="1">ROUND(SQRT((VLOOKUP($A118,városok!$A$2:$C$346,2,0)-VLOOKUP(C$1,városok!$A$2:$C$346,2,0))^2+(VLOOKUP($A118,városok!$A$2:$C$346,3,0)-VLOOKUP(C$1,városok!$A$2:$C$346,3,0))^2)/1000,0)</f>
        <v>200</v>
      </c>
      <c r="D118">
        <f ca="1">ROUND(SQRT((VLOOKUP($A118,városok!$A$2:$C$346,2,0)-VLOOKUP(D$1,városok!$A$2:$C$346,2,0))^2+(VLOOKUP($A118,városok!$A$2:$C$346,3,0)-VLOOKUP(D$1,városok!$A$2:$C$346,3,0))^2)/1000,0)</f>
        <v>226</v>
      </c>
      <c r="E118">
        <f ca="1">ROUND(SQRT((VLOOKUP($A118,városok!$A$2:$C$346,2,0)-VLOOKUP(E$1,városok!$A$2:$C$346,2,0))^2+(VLOOKUP($A118,városok!$A$2:$C$346,3,0)-VLOOKUP(E$1,városok!$A$2:$C$346,3,0))^2)/1000,0)</f>
        <v>190</v>
      </c>
      <c r="F118">
        <f ca="1">ROUND(SQRT((VLOOKUP($A118,városok!$A$2:$C$346,2,0)-VLOOKUP(F$1,városok!$A$2:$C$346,2,0))^2+(VLOOKUP($A118,városok!$A$2:$C$346,3,0)-VLOOKUP(F$1,városok!$A$2:$C$346,3,0))^2)/1000,0)</f>
        <v>227</v>
      </c>
      <c r="G118">
        <f ca="1">ROUND(SQRT((VLOOKUP($A118,városok!$A$2:$C$346,2,0)-VLOOKUP(G$1,városok!$A$2:$C$346,2,0))^2+(VLOOKUP($A118,városok!$A$2:$C$346,3,0)-VLOOKUP(G$1,városok!$A$2:$C$346,3,0))^2)/1000,0)</f>
        <v>200</v>
      </c>
      <c r="H118">
        <f ca="1">ROUND(SQRT((VLOOKUP($A118,városok!$A$2:$C$346,2,0)-VLOOKUP(H$1,városok!$A$2:$C$346,2,0))^2+(VLOOKUP($A118,városok!$A$2:$C$346,3,0)-VLOOKUP(H$1,városok!$A$2:$C$346,3,0))^2)/1000,0)</f>
        <v>188</v>
      </c>
      <c r="I118">
        <f ca="1">ROUND(SQRT((VLOOKUP($A118,városok!$A$2:$C$346,2,0)-VLOOKUP(I$1,városok!$A$2:$C$346,2,0))^2+(VLOOKUP($A118,városok!$A$2:$C$346,3,0)-VLOOKUP(I$1,városok!$A$2:$C$346,3,0))^2)/1000,0)</f>
        <v>335</v>
      </c>
      <c r="J118">
        <f ca="1">ROUND(SQRT((VLOOKUP($A118,városok!$A$2:$C$346,2,0)-VLOOKUP(J$1,városok!$A$2:$C$346,2,0))^2+(VLOOKUP($A118,városok!$A$2:$C$346,3,0)-VLOOKUP(J$1,városok!$A$2:$C$346,3,0))^2)/1000,0)</f>
        <v>350</v>
      </c>
      <c r="K118">
        <f ca="1">ROUND(SQRT((VLOOKUP($A118,városok!$A$2:$C$346,2,0)-VLOOKUP(K$1,városok!$A$2:$C$346,2,0))^2+(VLOOKUP($A118,városok!$A$2:$C$346,3,0)-VLOOKUP(K$1,városok!$A$2:$C$346,3,0))^2)/1000,0)</f>
        <v>310</v>
      </c>
      <c r="L118">
        <f ca="1">ROUND(SQRT((VLOOKUP($A118,városok!$A$2:$C$346,2,0)-VLOOKUP(L$1,városok!$A$2:$C$346,2,0))^2+(VLOOKUP($A118,városok!$A$2:$C$346,3,0)-VLOOKUP(L$1,városok!$A$2:$C$346,3,0))^2)/1000,0)</f>
        <v>288</v>
      </c>
      <c r="M118">
        <f ca="1">ROUND(SQRT((VLOOKUP($A118,városok!$A$2:$C$346,2,0)-VLOOKUP(M$1,városok!$A$2:$C$346,2,0))^2+(VLOOKUP($A118,városok!$A$2:$C$346,3,0)-VLOOKUP(M$1,városok!$A$2:$C$346,3,0))^2)/1000,0)</f>
        <v>297</v>
      </c>
      <c r="N118">
        <f ca="1">ROUND(SQRT((VLOOKUP($A118,városok!$A$2:$C$346,2,0)-VLOOKUP(N$1,városok!$A$2:$C$346,2,0))^2+(VLOOKUP($A118,városok!$A$2:$C$346,3,0)-VLOOKUP(N$1,városok!$A$2:$C$346,3,0))^2)/1000,0)</f>
        <v>263</v>
      </c>
      <c r="O118">
        <f ca="1">ROUND(SQRT((VLOOKUP($A118,városok!$A$2:$C$346,2,0)-VLOOKUP(O$1,városok!$A$2:$C$346,2,0))^2+(VLOOKUP($A118,városok!$A$2:$C$346,3,0)-VLOOKUP(O$1,városok!$A$2:$C$346,3,0))^2)/1000,0)</f>
        <v>365</v>
      </c>
      <c r="P118">
        <f ca="1">ROUND(SQRT((VLOOKUP($A118,városok!$A$2:$C$346,2,0)-VLOOKUP(P$1,városok!$A$2:$C$346,2,0))^2+(VLOOKUP($A118,városok!$A$2:$C$346,3,0)-VLOOKUP(P$1,városok!$A$2:$C$346,3,0))^2)/1000,0)</f>
        <v>365</v>
      </c>
      <c r="Q118">
        <f ca="1">ROUND(SQRT((VLOOKUP($A118,városok!$A$2:$C$346,2,0)-VLOOKUP(Q$1,városok!$A$2:$C$346,2,0))^2+(VLOOKUP($A118,városok!$A$2:$C$346,3,0)-VLOOKUP(Q$1,városok!$A$2:$C$346,3,0))^2)/1000,0)</f>
        <v>293</v>
      </c>
      <c r="R118">
        <f ca="1">ROUND(SQRT((VLOOKUP($A118,városok!$A$2:$C$346,2,0)-VLOOKUP(R$1,városok!$A$2:$C$346,2,0))^2+(VLOOKUP($A118,városok!$A$2:$C$346,3,0)-VLOOKUP(R$1,városok!$A$2:$C$346,3,0))^2)/1000,0)</f>
        <v>314</v>
      </c>
      <c r="S118">
        <f ca="1">ROUND(SQRT((VLOOKUP($A118,városok!$A$2:$C$346,2,0)-VLOOKUP(S$1,városok!$A$2:$C$346,2,0))^2+(VLOOKUP($A118,városok!$A$2:$C$346,3,0)-VLOOKUP(S$1,városok!$A$2:$C$346,3,0))^2)/1000,0)</f>
        <v>292</v>
      </c>
      <c r="T118">
        <f ca="1">ROUND(SQRT((VLOOKUP($A118,városok!$A$2:$C$346,2,0)-VLOOKUP(T$1,városok!$A$2:$C$346,2,0))^2+(VLOOKUP($A118,városok!$A$2:$C$346,3,0)-VLOOKUP(T$1,városok!$A$2:$C$346,3,0))^2)/1000,0)</f>
        <v>132</v>
      </c>
      <c r="U118">
        <f ca="1">ROUND(SQRT((VLOOKUP($A118,városok!$A$2:$C$346,2,0)-VLOOKUP(U$1,városok!$A$2:$C$346,2,0))^2+(VLOOKUP($A118,városok!$A$2:$C$346,3,0)-VLOOKUP(U$1,városok!$A$2:$C$346,3,0))^2)/1000,0)</f>
        <v>171</v>
      </c>
      <c r="V118">
        <f ca="1">ROUND(SQRT((VLOOKUP($A118,városok!$A$2:$C$346,2,0)-VLOOKUP(V$1,városok!$A$2:$C$346,2,0))^2+(VLOOKUP($A118,városok!$A$2:$C$346,3,0)-VLOOKUP(V$1,városok!$A$2:$C$346,3,0))^2)/1000,0)</f>
        <v>124</v>
      </c>
      <c r="W118">
        <f ca="1">ROUND(SQRT((VLOOKUP($A118,városok!$A$2:$C$346,2,0)-VLOOKUP(W$1,városok!$A$2:$C$346,2,0))^2+(VLOOKUP($A118,városok!$A$2:$C$346,3,0)-VLOOKUP(W$1,városok!$A$2:$C$346,3,0))^2)/1000,0)</f>
        <v>154</v>
      </c>
      <c r="X118">
        <f ca="1">ROUND(SQRT((VLOOKUP($A118,városok!$A$2:$C$346,2,0)-VLOOKUP(X$1,városok!$A$2:$C$346,2,0))^2+(VLOOKUP($A118,városok!$A$2:$C$346,3,0)-VLOOKUP(X$1,városok!$A$2:$C$346,3,0))^2)/1000,0)</f>
        <v>114</v>
      </c>
      <c r="Y118">
        <f ca="1">ROUND(SQRT((VLOOKUP($A118,városok!$A$2:$C$346,2,0)-VLOOKUP(Y$1,városok!$A$2:$C$346,2,0))^2+(VLOOKUP($A118,városok!$A$2:$C$346,3,0)-VLOOKUP(Y$1,városok!$A$2:$C$346,3,0))^2)/1000,0)</f>
        <v>56</v>
      </c>
      <c r="Z118">
        <f ca="1">ROUND(SQRT((VLOOKUP($A118,városok!$A$2:$C$346,2,0)-VLOOKUP(Z$1,városok!$A$2:$C$346,2,0))^2+(VLOOKUP($A118,városok!$A$2:$C$346,3,0)-VLOOKUP(Z$1,városok!$A$2:$C$346,3,0))^2)/1000,0)</f>
        <v>40</v>
      </c>
      <c r="AA118">
        <f ca="1">ROUND(SQRT((VLOOKUP($A118,városok!$A$2:$C$346,2,0)-VLOOKUP(AA$1,városok!$A$2:$C$346,2,0))^2+(VLOOKUP($A118,városok!$A$2:$C$346,3,0)-VLOOKUP(AA$1,városok!$A$2:$C$346,3,0))^2)/1000,0)</f>
        <v>24</v>
      </c>
      <c r="AB118">
        <f ca="1">ROUND(SQRT((VLOOKUP($A118,városok!$A$2:$C$346,2,0)-VLOOKUP(AB$1,városok!$A$2:$C$346,2,0))^2+(VLOOKUP($A118,városok!$A$2:$C$346,3,0)-VLOOKUP(AB$1,városok!$A$2:$C$346,3,0))^2)/1000,0)</f>
        <v>357</v>
      </c>
      <c r="AC118">
        <f ca="1">ROUND(SQRT((VLOOKUP($A118,városok!$A$2:$C$346,2,0)-VLOOKUP(AC$1,városok!$A$2:$C$346,2,0))^2+(VLOOKUP($A118,városok!$A$2:$C$346,3,0)-VLOOKUP(AC$1,városok!$A$2:$C$346,3,0))^2)/1000,0)</f>
        <v>340</v>
      </c>
      <c r="AD118">
        <f ca="1">ROUND(SQRT((VLOOKUP($A118,városok!$A$2:$C$346,2,0)-VLOOKUP(AD$1,városok!$A$2:$C$346,2,0))^2+(VLOOKUP($A118,városok!$A$2:$C$346,3,0)-VLOOKUP(AD$1,városok!$A$2:$C$346,3,0))^2)/1000,0)</f>
        <v>322</v>
      </c>
      <c r="AE118">
        <f ca="1">ROUND(SQRT((VLOOKUP($A118,városok!$A$2:$C$346,2,0)-VLOOKUP(AE$1,városok!$A$2:$C$346,2,0))^2+(VLOOKUP($A118,városok!$A$2:$C$346,3,0)-VLOOKUP(AE$1,városok!$A$2:$C$346,3,0))^2)/1000,0)</f>
        <v>325</v>
      </c>
      <c r="AF118">
        <f ca="1">ROUND(SQRT((VLOOKUP($A118,városok!$A$2:$C$346,2,0)-VLOOKUP(AF$1,városok!$A$2:$C$346,2,0))^2+(VLOOKUP($A118,városok!$A$2:$C$346,3,0)-VLOOKUP(AF$1,városok!$A$2:$C$346,3,0))^2)/1000,0)</f>
        <v>263</v>
      </c>
      <c r="AG118">
        <f ca="1">ROUND(SQRT((VLOOKUP($A118,városok!$A$2:$C$346,2,0)-VLOOKUP(AG$1,városok!$A$2:$C$346,2,0))^2+(VLOOKUP($A118,városok!$A$2:$C$346,3,0)-VLOOKUP(AG$1,városok!$A$2:$C$346,3,0))^2)/1000,0)</f>
        <v>228</v>
      </c>
      <c r="AH118">
        <f ca="1">ROUND(SQRT((VLOOKUP($A118,városok!$A$2:$C$346,2,0)-VLOOKUP(AH$1,városok!$A$2:$C$346,2,0))^2+(VLOOKUP($A118,városok!$A$2:$C$346,3,0)-VLOOKUP(AH$1,városok!$A$2:$C$346,3,0))^2)/1000,0)</f>
        <v>209</v>
      </c>
      <c r="AI118">
        <f ca="1">ROUND(SQRT((VLOOKUP($A118,városok!$A$2:$C$346,2,0)-VLOOKUP(AI$1,városok!$A$2:$C$346,2,0))^2+(VLOOKUP($A118,városok!$A$2:$C$346,3,0)-VLOOKUP(AI$1,városok!$A$2:$C$346,3,0))^2)/1000,0)</f>
        <v>244</v>
      </c>
      <c r="AJ118">
        <f ca="1">ROUND(SQRT((VLOOKUP($A118,városok!$A$2:$C$346,2,0)-VLOOKUP(AJ$1,városok!$A$2:$C$346,2,0))^2+(VLOOKUP($A118,városok!$A$2:$C$346,3,0)-VLOOKUP(AJ$1,városok!$A$2:$C$346,3,0))^2)/1000,0)</f>
        <v>232</v>
      </c>
      <c r="AK118">
        <f ca="1">ROUND(SQRT((VLOOKUP($A118,városok!$A$2:$C$346,2,0)-VLOOKUP(AK$1,városok!$A$2:$C$346,2,0))^2+(VLOOKUP($A118,városok!$A$2:$C$346,3,0)-VLOOKUP(AK$1,városok!$A$2:$C$346,3,0))^2)/1000,0)</f>
        <v>310</v>
      </c>
      <c r="AL118">
        <f ca="1">ROUND(SQRT((VLOOKUP($A118,városok!$A$2:$C$346,2,0)-VLOOKUP(AL$1,városok!$A$2:$C$346,2,0))^2+(VLOOKUP($A118,városok!$A$2:$C$346,3,0)-VLOOKUP(AL$1,városok!$A$2:$C$346,3,0))^2)/1000,0)</f>
        <v>283</v>
      </c>
      <c r="AM118">
        <f ca="1">ROUND(SQRT((VLOOKUP($A118,városok!$A$2:$C$346,2,0)-VLOOKUP(AM$1,városok!$A$2:$C$346,2,0))^2+(VLOOKUP($A118,városok!$A$2:$C$346,3,0)-VLOOKUP(AM$1,városok!$A$2:$C$346,3,0))^2)/1000,0)</f>
        <v>253</v>
      </c>
      <c r="AN118">
        <f ca="1">ROUND(SQRT((VLOOKUP($A118,városok!$A$2:$C$346,2,0)-VLOOKUP(AN$1,városok!$A$2:$C$346,2,0))^2+(VLOOKUP($A118,városok!$A$2:$C$346,3,0)-VLOOKUP(AN$1,városok!$A$2:$C$346,3,0))^2)/1000,0)</f>
        <v>140</v>
      </c>
      <c r="AO118">
        <f ca="1">ROUND(SQRT((VLOOKUP($A118,városok!$A$2:$C$346,2,0)-VLOOKUP(AO$1,városok!$A$2:$C$346,2,0))^2+(VLOOKUP($A118,városok!$A$2:$C$346,3,0)-VLOOKUP(AO$1,városok!$A$2:$C$346,3,0))^2)/1000,0)</f>
        <v>93</v>
      </c>
      <c r="AP118">
        <f ca="1">ROUND(SQRT((VLOOKUP($A118,városok!$A$2:$C$346,2,0)-VLOOKUP(AP$1,városok!$A$2:$C$346,2,0))^2+(VLOOKUP($A118,városok!$A$2:$C$346,3,0)-VLOOKUP(AP$1,városok!$A$2:$C$346,3,0))^2)/1000,0)</f>
        <v>108</v>
      </c>
      <c r="AQ118">
        <f ca="1">ROUND(SQRT((VLOOKUP($A118,városok!$A$2:$C$346,2,0)-VLOOKUP(AQ$1,városok!$A$2:$C$346,2,0))^2+(VLOOKUP($A118,városok!$A$2:$C$346,3,0)-VLOOKUP(AQ$1,városok!$A$2:$C$346,3,0))^2)/1000,0)</f>
        <v>114</v>
      </c>
      <c r="AR118">
        <f ca="1">ROUND(SQRT((VLOOKUP($A118,városok!$A$2:$C$346,2,0)-VLOOKUP(AR$1,városok!$A$2:$C$346,2,0))^2+(VLOOKUP($A118,városok!$A$2:$C$346,3,0)-VLOOKUP(AR$1,városok!$A$2:$C$346,3,0))^2)/1000,0)</f>
        <v>213</v>
      </c>
      <c r="AS118">
        <f ca="1">ROUND(SQRT((VLOOKUP($A118,városok!$A$2:$C$346,2,0)-VLOOKUP(AS$1,városok!$A$2:$C$346,2,0))^2+(VLOOKUP($A118,városok!$A$2:$C$346,3,0)-VLOOKUP(AS$1,városok!$A$2:$C$346,3,0))^2)/1000,0)</f>
        <v>225</v>
      </c>
      <c r="AT118">
        <f ca="1">ROUND(SQRT((VLOOKUP($A118,városok!$A$2:$C$346,2,0)-VLOOKUP(AT$1,városok!$A$2:$C$346,2,0))^2+(VLOOKUP($A118,városok!$A$2:$C$346,3,0)-VLOOKUP(AT$1,városok!$A$2:$C$346,3,0))^2)/1000,0)</f>
        <v>146</v>
      </c>
      <c r="AU118">
        <f ca="1">ROUND(SQRT((VLOOKUP($A118,városok!$A$2:$C$346,2,0)-VLOOKUP(AU$1,városok!$A$2:$C$346,2,0))^2+(VLOOKUP($A118,városok!$A$2:$C$346,3,0)-VLOOKUP(AU$1,városok!$A$2:$C$346,3,0))^2)/1000,0)</f>
        <v>157</v>
      </c>
      <c r="AV118">
        <f ca="1">ROUND(SQRT((VLOOKUP($A118,városok!$A$2:$C$346,2,0)-VLOOKUP(AV$1,városok!$A$2:$C$346,2,0))^2+(VLOOKUP($A118,városok!$A$2:$C$346,3,0)-VLOOKUP(AV$1,városok!$A$2:$C$346,3,0))^2)/1000,0)</f>
        <v>157</v>
      </c>
      <c r="AW118">
        <f ca="1">ROUND(SQRT((VLOOKUP($A118,városok!$A$2:$C$346,2,0)-VLOOKUP(AW$1,városok!$A$2:$C$346,2,0))^2+(VLOOKUP($A118,városok!$A$2:$C$346,3,0)-VLOOKUP(AW$1,városok!$A$2:$C$346,3,0))^2)/1000,0)</f>
        <v>154</v>
      </c>
      <c r="AX118">
        <f ca="1">ROUND(SQRT((VLOOKUP($A118,városok!$A$2:$C$346,2,0)-VLOOKUP(AX$1,városok!$A$2:$C$346,2,0))^2+(VLOOKUP($A118,városok!$A$2:$C$346,3,0)-VLOOKUP(AX$1,városok!$A$2:$C$346,3,0))^2)/1000,0)</f>
        <v>228</v>
      </c>
      <c r="AY118">
        <f ca="1">ROUND(SQRT((VLOOKUP($A118,városok!$A$2:$C$346,2,0)-VLOOKUP(AY$1,városok!$A$2:$C$346,2,0))^2+(VLOOKUP($A118,városok!$A$2:$C$346,3,0)-VLOOKUP(AY$1,városok!$A$2:$C$346,3,0))^2)/1000,0)</f>
        <v>163</v>
      </c>
      <c r="AZ118">
        <f ca="1">ROUND(SQRT((VLOOKUP($A118,városok!$A$2:$C$346,2,0)-VLOOKUP(AZ$1,városok!$A$2:$C$346,2,0))^2+(VLOOKUP($A118,városok!$A$2:$C$346,3,0)-VLOOKUP(AZ$1,városok!$A$2:$C$346,3,0))^2)/1000,0)</f>
        <v>157</v>
      </c>
      <c r="BA118">
        <f ca="1">ROUND(SQRT((VLOOKUP($A118,városok!$A$2:$C$346,2,0)-VLOOKUP(BA$1,városok!$A$2:$C$346,2,0))^2+(VLOOKUP($A118,városok!$A$2:$C$346,3,0)-VLOOKUP(BA$1,városok!$A$2:$C$346,3,0))^2)/1000,0)</f>
        <v>112</v>
      </c>
      <c r="BB118">
        <f ca="1">ROUND(SQRT((VLOOKUP($A118,városok!$A$2:$C$346,2,0)-VLOOKUP(BB$1,városok!$A$2:$C$346,2,0))^2+(VLOOKUP($A118,városok!$A$2:$C$346,3,0)-VLOOKUP(BB$1,városok!$A$2:$C$346,3,0))^2)/1000,0)</f>
        <v>144</v>
      </c>
      <c r="BC118">
        <f ca="1">ROUND(SQRT((VLOOKUP($A118,városok!$A$2:$C$346,2,0)-VLOOKUP(BC$1,városok!$A$2:$C$346,2,0))^2+(VLOOKUP($A118,városok!$A$2:$C$346,3,0)-VLOOKUP(BC$1,városok!$A$2:$C$346,3,0))^2)/1000,0)</f>
        <v>157</v>
      </c>
      <c r="BD118">
        <f ca="1">ROUND(SQRT((VLOOKUP($A118,városok!$A$2:$C$346,2,0)-VLOOKUP(BD$1,városok!$A$2:$C$346,2,0))^2+(VLOOKUP($A118,városok!$A$2:$C$346,3,0)-VLOOKUP(BD$1,városok!$A$2:$C$346,3,0))^2)/1000,0)</f>
        <v>119</v>
      </c>
      <c r="BE118">
        <f ca="1">ROUND(SQRT((VLOOKUP($A118,városok!$A$2:$C$346,2,0)-VLOOKUP(BE$1,városok!$A$2:$C$346,2,0))^2+(VLOOKUP($A118,városok!$A$2:$C$346,3,0)-VLOOKUP(BE$1,városok!$A$2:$C$346,3,0))^2)/1000,0)</f>
        <v>434</v>
      </c>
      <c r="BF118">
        <f ca="1">ROUND(SQRT((VLOOKUP($A118,városok!$A$2:$C$346,2,0)-VLOOKUP(BF$1,városok!$A$2:$C$346,2,0))^2+(VLOOKUP($A118,városok!$A$2:$C$346,3,0)-VLOOKUP(BF$1,városok!$A$2:$C$346,3,0))^2)/1000,0)</f>
        <v>393</v>
      </c>
      <c r="BG118">
        <f ca="1">ROUND(SQRT((VLOOKUP($A118,városok!$A$2:$C$346,2,0)-VLOOKUP(BG$1,városok!$A$2:$C$346,2,0))^2+(VLOOKUP($A118,városok!$A$2:$C$346,3,0)-VLOOKUP(BG$1,városok!$A$2:$C$346,3,0))^2)/1000,0)</f>
        <v>347</v>
      </c>
      <c r="BH118">
        <f ca="1">ROUND(SQRT((VLOOKUP($A118,városok!$A$2:$C$346,2,0)-VLOOKUP(BH$1,városok!$A$2:$C$346,2,0))^2+(VLOOKUP($A118,városok!$A$2:$C$346,3,0)-VLOOKUP(BH$1,városok!$A$2:$C$346,3,0))^2)/1000,0)</f>
        <v>347</v>
      </c>
      <c r="BI118">
        <f ca="1">ROUND(SQRT((VLOOKUP($A118,városok!$A$2:$C$346,2,0)-VLOOKUP(BI$1,városok!$A$2:$C$346,2,0))^2+(VLOOKUP($A118,városok!$A$2:$C$346,3,0)-VLOOKUP(BI$1,városok!$A$2:$C$346,3,0))^2)/1000,0)</f>
        <v>189</v>
      </c>
      <c r="BJ118">
        <f ca="1">ROUND(SQRT((VLOOKUP($A118,városok!$A$2:$C$346,2,0)-VLOOKUP(BJ$1,városok!$A$2:$C$346,2,0))^2+(VLOOKUP($A118,városok!$A$2:$C$346,3,0)-VLOOKUP(BJ$1,városok!$A$2:$C$346,3,0))^2)/1000,0)</f>
        <v>191</v>
      </c>
      <c r="BK118">
        <f ca="1">ROUND(SQRT((VLOOKUP($A118,városok!$A$2:$C$346,2,0)-VLOOKUP(BK$1,városok!$A$2:$C$346,2,0))^2+(VLOOKUP($A118,városok!$A$2:$C$346,3,0)-VLOOKUP(BK$1,városok!$A$2:$C$346,3,0))^2)/1000,0)</f>
        <v>197</v>
      </c>
      <c r="BL118">
        <f ca="1">ROUND(SQRT((VLOOKUP($A118,városok!$A$2:$C$346,2,0)-VLOOKUP(BL$1,városok!$A$2:$C$346,2,0))^2+(VLOOKUP($A118,városok!$A$2:$C$346,3,0)-VLOOKUP(BL$1,városok!$A$2:$C$346,3,0))^2)/1000,0)</f>
        <v>71</v>
      </c>
      <c r="BM118">
        <f ca="1">ROUND(SQRT((VLOOKUP($A118,városok!$A$2:$C$346,2,0)-VLOOKUP(BM$1,városok!$A$2:$C$346,2,0))^2+(VLOOKUP($A118,városok!$A$2:$C$346,3,0)-VLOOKUP(BM$1,városok!$A$2:$C$346,3,0))^2)/1000,0)</f>
        <v>41</v>
      </c>
      <c r="BN118">
        <f ca="1">ROUND(SQRT((VLOOKUP($A118,városok!$A$2:$C$346,2,0)-VLOOKUP(BN$1,városok!$A$2:$C$346,2,0))^2+(VLOOKUP($A118,városok!$A$2:$C$346,3,0)-VLOOKUP(BN$1,városok!$A$2:$C$346,3,0))^2)/1000,0)</f>
        <v>47</v>
      </c>
      <c r="BO118">
        <f ca="1">ROUND(SQRT((VLOOKUP($A118,városok!$A$2:$C$346,2,0)-VLOOKUP(BO$1,városok!$A$2:$C$346,2,0))^2+(VLOOKUP($A118,városok!$A$2:$C$346,3,0)-VLOOKUP(BO$1,városok!$A$2:$C$346,3,0))^2)/1000,0)</f>
        <v>107</v>
      </c>
      <c r="BP118">
        <f ca="1">ROUND(SQRT((VLOOKUP($A118,városok!$A$2:$C$346,2,0)-VLOOKUP(BP$1,városok!$A$2:$C$346,2,0))^2+(VLOOKUP($A118,városok!$A$2:$C$346,3,0)-VLOOKUP(BP$1,városok!$A$2:$C$346,3,0))^2)/1000,0)</f>
        <v>113</v>
      </c>
      <c r="BQ118">
        <f ca="1">ROUND(SQRT((VLOOKUP($A118,városok!$A$2:$C$346,2,0)-VLOOKUP(BQ$1,városok!$A$2:$C$346,2,0))^2+(VLOOKUP($A118,városok!$A$2:$C$346,3,0)-VLOOKUP(BQ$1,városok!$A$2:$C$346,3,0))^2)/1000,0)</f>
        <v>97</v>
      </c>
      <c r="BR118">
        <f ca="1">ROUND(SQRT((VLOOKUP($A118,városok!$A$2:$C$346,2,0)-VLOOKUP(BR$1,városok!$A$2:$C$346,2,0))^2+(VLOOKUP($A118,városok!$A$2:$C$346,3,0)-VLOOKUP(BR$1,városok!$A$2:$C$346,3,0))^2)/1000,0)</f>
        <v>99</v>
      </c>
      <c r="BS118">
        <f ca="1">ROUND(SQRT((VLOOKUP($A118,városok!$A$2:$C$346,2,0)-VLOOKUP(BS$1,városok!$A$2:$C$346,2,0))^2+(VLOOKUP($A118,városok!$A$2:$C$346,3,0)-VLOOKUP(BS$1,városok!$A$2:$C$346,3,0))^2)/1000,0)</f>
        <v>130</v>
      </c>
      <c r="BT118">
        <f ca="1">ROUND(SQRT((VLOOKUP($A118,városok!$A$2:$C$346,2,0)-VLOOKUP(BT$1,városok!$A$2:$C$346,2,0))^2+(VLOOKUP($A118,városok!$A$2:$C$346,3,0)-VLOOKUP(BT$1,városok!$A$2:$C$346,3,0))^2)/1000,0)</f>
        <v>87</v>
      </c>
    </row>
    <row r="119" spans="1:72" x14ac:dyDescent="0.2">
      <c r="A119" t="str">
        <f>városok!A119</f>
        <v>Fertőszentmiklós</v>
      </c>
      <c r="B119">
        <f ca="1">ROUND(SQRT((VLOOKUP($A119,városok!$A$2:$C$346,2,0)-VLOOKUP(B$1,városok!$A$2:$C$346,2,0))^2+(VLOOKUP($A119,városok!$A$2:$C$346,3,0)-VLOOKUP(B$1,városok!$A$2:$C$346,3,0))^2)/1000,0)</f>
        <v>223</v>
      </c>
      <c r="C119">
        <f ca="1">ROUND(SQRT((VLOOKUP($A119,városok!$A$2:$C$346,2,0)-VLOOKUP(C$1,városok!$A$2:$C$346,2,0))^2+(VLOOKUP($A119,városok!$A$2:$C$346,3,0)-VLOOKUP(C$1,városok!$A$2:$C$346,3,0))^2)/1000,0)</f>
        <v>199</v>
      </c>
      <c r="D119">
        <f ca="1">ROUND(SQRT((VLOOKUP($A119,városok!$A$2:$C$346,2,0)-VLOOKUP(D$1,városok!$A$2:$C$346,2,0))^2+(VLOOKUP($A119,városok!$A$2:$C$346,3,0)-VLOOKUP(D$1,városok!$A$2:$C$346,3,0))^2)/1000,0)</f>
        <v>226</v>
      </c>
      <c r="E119">
        <f ca="1">ROUND(SQRT((VLOOKUP($A119,városok!$A$2:$C$346,2,0)-VLOOKUP(E$1,városok!$A$2:$C$346,2,0))^2+(VLOOKUP($A119,városok!$A$2:$C$346,3,0)-VLOOKUP(E$1,városok!$A$2:$C$346,3,0))^2)/1000,0)</f>
        <v>189</v>
      </c>
      <c r="F119">
        <f ca="1">ROUND(SQRT((VLOOKUP($A119,városok!$A$2:$C$346,2,0)-VLOOKUP(F$1,városok!$A$2:$C$346,2,0))^2+(VLOOKUP($A119,városok!$A$2:$C$346,3,0)-VLOOKUP(F$1,városok!$A$2:$C$346,3,0))^2)/1000,0)</f>
        <v>226</v>
      </c>
      <c r="G119">
        <f ca="1">ROUND(SQRT((VLOOKUP($A119,városok!$A$2:$C$346,2,0)-VLOOKUP(G$1,városok!$A$2:$C$346,2,0))^2+(VLOOKUP($A119,városok!$A$2:$C$346,3,0)-VLOOKUP(G$1,városok!$A$2:$C$346,3,0))^2)/1000,0)</f>
        <v>198</v>
      </c>
      <c r="H119">
        <f ca="1">ROUND(SQRT((VLOOKUP($A119,városok!$A$2:$C$346,2,0)-VLOOKUP(H$1,városok!$A$2:$C$346,2,0))^2+(VLOOKUP($A119,városok!$A$2:$C$346,3,0)-VLOOKUP(H$1,városok!$A$2:$C$346,3,0))^2)/1000,0)</f>
        <v>186</v>
      </c>
      <c r="I119">
        <f ca="1">ROUND(SQRT((VLOOKUP($A119,városok!$A$2:$C$346,2,0)-VLOOKUP(I$1,városok!$A$2:$C$346,2,0))^2+(VLOOKUP($A119,városok!$A$2:$C$346,3,0)-VLOOKUP(I$1,városok!$A$2:$C$346,3,0))^2)/1000,0)</f>
        <v>335</v>
      </c>
      <c r="J119">
        <f ca="1">ROUND(SQRT((VLOOKUP($A119,városok!$A$2:$C$346,2,0)-VLOOKUP(J$1,városok!$A$2:$C$346,2,0))^2+(VLOOKUP($A119,városok!$A$2:$C$346,3,0)-VLOOKUP(J$1,városok!$A$2:$C$346,3,0))^2)/1000,0)</f>
        <v>350</v>
      </c>
      <c r="K119">
        <f ca="1">ROUND(SQRT((VLOOKUP($A119,városok!$A$2:$C$346,2,0)-VLOOKUP(K$1,városok!$A$2:$C$346,2,0))^2+(VLOOKUP($A119,városok!$A$2:$C$346,3,0)-VLOOKUP(K$1,városok!$A$2:$C$346,3,0))^2)/1000,0)</f>
        <v>310</v>
      </c>
      <c r="L119">
        <f ca="1">ROUND(SQRT((VLOOKUP($A119,városok!$A$2:$C$346,2,0)-VLOOKUP(L$1,városok!$A$2:$C$346,2,0))^2+(VLOOKUP($A119,városok!$A$2:$C$346,3,0)-VLOOKUP(L$1,városok!$A$2:$C$346,3,0))^2)/1000,0)</f>
        <v>290</v>
      </c>
      <c r="M119">
        <f ca="1">ROUND(SQRT((VLOOKUP($A119,városok!$A$2:$C$346,2,0)-VLOOKUP(M$1,városok!$A$2:$C$346,2,0))^2+(VLOOKUP($A119,városok!$A$2:$C$346,3,0)-VLOOKUP(M$1,városok!$A$2:$C$346,3,0))^2)/1000,0)</f>
        <v>299</v>
      </c>
      <c r="N119">
        <f ca="1">ROUND(SQRT((VLOOKUP($A119,városok!$A$2:$C$346,2,0)-VLOOKUP(N$1,városok!$A$2:$C$346,2,0))^2+(VLOOKUP($A119,városok!$A$2:$C$346,3,0)-VLOOKUP(N$1,városok!$A$2:$C$346,3,0))^2)/1000,0)</f>
        <v>265</v>
      </c>
      <c r="O119">
        <f ca="1">ROUND(SQRT((VLOOKUP($A119,városok!$A$2:$C$346,2,0)-VLOOKUP(O$1,városok!$A$2:$C$346,2,0))^2+(VLOOKUP($A119,városok!$A$2:$C$346,3,0)-VLOOKUP(O$1,városok!$A$2:$C$346,3,0))^2)/1000,0)</f>
        <v>367</v>
      </c>
      <c r="P119">
        <f ca="1">ROUND(SQRT((VLOOKUP($A119,városok!$A$2:$C$346,2,0)-VLOOKUP(P$1,városok!$A$2:$C$346,2,0))^2+(VLOOKUP($A119,városok!$A$2:$C$346,3,0)-VLOOKUP(P$1,városok!$A$2:$C$346,3,0))^2)/1000,0)</f>
        <v>367</v>
      </c>
      <c r="Q119">
        <f ca="1">ROUND(SQRT((VLOOKUP($A119,városok!$A$2:$C$346,2,0)-VLOOKUP(Q$1,városok!$A$2:$C$346,2,0))^2+(VLOOKUP($A119,városok!$A$2:$C$346,3,0)-VLOOKUP(Q$1,városok!$A$2:$C$346,3,0))^2)/1000,0)</f>
        <v>293</v>
      </c>
      <c r="R119">
        <f ca="1">ROUND(SQRT((VLOOKUP($A119,városok!$A$2:$C$346,2,0)-VLOOKUP(R$1,városok!$A$2:$C$346,2,0))^2+(VLOOKUP($A119,városok!$A$2:$C$346,3,0)-VLOOKUP(R$1,városok!$A$2:$C$346,3,0))^2)/1000,0)</f>
        <v>314</v>
      </c>
      <c r="S119">
        <f ca="1">ROUND(SQRT((VLOOKUP($A119,városok!$A$2:$C$346,2,0)-VLOOKUP(S$1,városok!$A$2:$C$346,2,0))^2+(VLOOKUP($A119,városok!$A$2:$C$346,3,0)-VLOOKUP(S$1,városok!$A$2:$C$346,3,0))^2)/1000,0)</f>
        <v>292</v>
      </c>
      <c r="T119">
        <f ca="1">ROUND(SQRT((VLOOKUP($A119,városok!$A$2:$C$346,2,0)-VLOOKUP(T$1,városok!$A$2:$C$346,2,0))^2+(VLOOKUP($A119,városok!$A$2:$C$346,3,0)-VLOOKUP(T$1,városok!$A$2:$C$346,3,0))^2)/1000,0)</f>
        <v>133</v>
      </c>
      <c r="U119">
        <f ca="1">ROUND(SQRT((VLOOKUP($A119,városok!$A$2:$C$346,2,0)-VLOOKUP(U$1,városok!$A$2:$C$346,2,0))^2+(VLOOKUP($A119,városok!$A$2:$C$346,3,0)-VLOOKUP(U$1,városok!$A$2:$C$346,3,0))^2)/1000,0)</f>
        <v>171</v>
      </c>
      <c r="V119">
        <f ca="1">ROUND(SQRT((VLOOKUP($A119,városok!$A$2:$C$346,2,0)-VLOOKUP(V$1,városok!$A$2:$C$346,2,0))^2+(VLOOKUP($A119,városok!$A$2:$C$346,3,0)-VLOOKUP(V$1,városok!$A$2:$C$346,3,0))^2)/1000,0)</f>
        <v>123</v>
      </c>
      <c r="W119">
        <f ca="1">ROUND(SQRT((VLOOKUP($A119,városok!$A$2:$C$346,2,0)-VLOOKUP(W$1,városok!$A$2:$C$346,2,0))^2+(VLOOKUP($A119,városok!$A$2:$C$346,3,0)-VLOOKUP(W$1,városok!$A$2:$C$346,3,0))^2)/1000,0)</f>
        <v>154</v>
      </c>
      <c r="X119">
        <f ca="1">ROUND(SQRT((VLOOKUP($A119,városok!$A$2:$C$346,2,0)-VLOOKUP(X$1,városok!$A$2:$C$346,2,0))^2+(VLOOKUP($A119,városok!$A$2:$C$346,3,0)-VLOOKUP(X$1,városok!$A$2:$C$346,3,0))^2)/1000,0)</f>
        <v>115</v>
      </c>
      <c r="Y119">
        <f ca="1">ROUND(SQRT((VLOOKUP($A119,városok!$A$2:$C$346,2,0)-VLOOKUP(Y$1,városok!$A$2:$C$346,2,0))^2+(VLOOKUP($A119,városok!$A$2:$C$346,3,0)-VLOOKUP(Y$1,városok!$A$2:$C$346,3,0))^2)/1000,0)</f>
        <v>58</v>
      </c>
      <c r="Z119">
        <f ca="1">ROUND(SQRT((VLOOKUP($A119,városok!$A$2:$C$346,2,0)-VLOOKUP(Z$1,városok!$A$2:$C$346,2,0))^2+(VLOOKUP($A119,városok!$A$2:$C$346,3,0)-VLOOKUP(Z$1,városok!$A$2:$C$346,3,0))^2)/1000,0)</f>
        <v>42</v>
      </c>
      <c r="AA119">
        <f ca="1">ROUND(SQRT((VLOOKUP($A119,városok!$A$2:$C$346,2,0)-VLOOKUP(AA$1,városok!$A$2:$C$346,2,0))^2+(VLOOKUP($A119,városok!$A$2:$C$346,3,0)-VLOOKUP(AA$1,városok!$A$2:$C$346,3,0))^2)/1000,0)</f>
        <v>24</v>
      </c>
      <c r="AB119">
        <f ca="1">ROUND(SQRT((VLOOKUP($A119,városok!$A$2:$C$346,2,0)-VLOOKUP(AB$1,városok!$A$2:$C$346,2,0))^2+(VLOOKUP($A119,városok!$A$2:$C$346,3,0)-VLOOKUP(AB$1,városok!$A$2:$C$346,3,0))^2)/1000,0)</f>
        <v>358</v>
      </c>
      <c r="AC119">
        <f ca="1">ROUND(SQRT((VLOOKUP($A119,városok!$A$2:$C$346,2,0)-VLOOKUP(AC$1,városok!$A$2:$C$346,2,0))^2+(VLOOKUP($A119,városok!$A$2:$C$346,3,0)-VLOOKUP(AC$1,városok!$A$2:$C$346,3,0))^2)/1000,0)</f>
        <v>341</v>
      </c>
      <c r="AD119">
        <f ca="1">ROUND(SQRT((VLOOKUP($A119,városok!$A$2:$C$346,2,0)-VLOOKUP(AD$1,városok!$A$2:$C$346,2,0))^2+(VLOOKUP($A119,városok!$A$2:$C$346,3,0)-VLOOKUP(AD$1,városok!$A$2:$C$346,3,0))^2)/1000,0)</f>
        <v>323</v>
      </c>
      <c r="AE119">
        <f ca="1">ROUND(SQRT((VLOOKUP($A119,városok!$A$2:$C$346,2,0)-VLOOKUP(AE$1,városok!$A$2:$C$346,2,0))^2+(VLOOKUP($A119,városok!$A$2:$C$346,3,0)-VLOOKUP(AE$1,városok!$A$2:$C$346,3,0))^2)/1000,0)</f>
        <v>326</v>
      </c>
      <c r="AF119">
        <f ca="1">ROUND(SQRT((VLOOKUP($A119,városok!$A$2:$C$346,2,0)-VLOOKUP(AF$1,városok!$A$2:$C$346,2,0))^2+(VLOOKUP($A119,városok!$A$2:$C$346,3,0)-VLOOKUP(AF$1,városok!$A$2:$C$346,3,0))^2)/1000,0)</f>
        <v>265</v>
      </c>
      <c r="AG119">
        <f ca="1">ROUND(SQRT((VLOOKUP($A119,városok!$A$2:$C$346,2,0)-VLOOKUP(AG$1,városok!$A$2:$C$346,2,0))^2+(VLOOKUP($A119,városok!$A$2:$C$346,3,0)-VLOOKUP(AG$1,városok!$A$2:$C$346,3,0))^2)/1000,0)</f>
        <v>230</v>
      </c>
      <c r="AH119">
        <f ca="1">ROUND(SQRT((VLOOKUP($A119,városok!$A$2:$C$346,2,0)-VLOOKUP(AH$1,városok!$A$2:$C$346,2,0))^2+(VLOOKUP($A119,városok!$A$2:$C$346,3,0)-VLOOKUP(AH$1,városok!$A$2:$C$346,3,0))^2)/1000,0)</f>
        <v>211</v>
      </c>
      <c r="AI119">
        <f ca="1">ROUND(SQRT((VLOOKUP($A119,városok!$A$2:$C$346,2,0)-VLOOKUP(AI$1,városok!$A$2:$C$346,2,0))^2+(VLOOKUP($A119,városok!$A$2:$C$346,3,0)-VLOOKUP(AI$1,városok!$A$2:$C$346,3,0))^2)/1000,0)</f>
        <v>246</v>
      </c>
      <c r="AJ119">
        <f ca="1">ROUND(SQRT((VLOOKUP($A119,városok!$A$2:$C$346,2,0)-VLOOKUP(AJ$1,városok!$A$2:$C$346,2,0))^2+(VLOOKUP($A119,városok!$A$2:$C$346,3,0)-VLOOKUP(AJ$1,városok!$A$2:$C$346,3,0))^2)/1000,0)</f>
        <v>233</v>
      </c>
      <c r="AK119">
        <f ca="1">ROUND(SQRT((VLOOKUP($A119,városok!$A$2:$C$346,2,0)-VLOOKUP(AK$1,városok!$A$2:$C$346,2,0))^2+(VLOOKUP($A119,városok!$A$2:$C$346,3,0)-VLOOKUP(AK$1,városok!$A$2:$C$346,3,0))^2)/1000,0)</f>
        <v>311</v>
      </c>
      <c r="AL119">
        <f ca="1">ROUND(SQRT((VLOOKUP($A119,városok!$A$2:$C$346,2,0)-VLOOKUP(AL$1,városok!$A$2:$C$346,2,0))^2+(VLOOKUP($A119,városok!$A$2:$C$346,3,0)-VLOOKUP(AL$1,városok!$A$2:$C$346,3,0))^2)/1000,0)</f>
        <v>284</v>
      </c>
      <c r="AM119">
        <f ca="1">ROUND(SQRT((VLOOKUP($A119,városok!$A$2:$C$346,2,0)-VLOOKUP(AM$1,városok!$A$2:$C$346,2,0))^2+(VLOOKUP($A119,városok!$A$2:$C$346,3,0)-VLOOKUP(AM$1,városok!$A$2:$C$346,3,0))^2)/1000,0)</f>
        <v>254</v>
      </c>
      <c r="AN119">
        <f ca="1">ROUND(SQRT((VLOOKUP($A119,városok!$A$2:$C$346,2,0)-VLOOKUP(AN$1,városok!$A$2:$C$346,2,0))^2+(VLOOKUP($A119,városok!$A$2:$C$346,3,0)-VLOOKUP(AN$1,városok!$A$2:$C$346,3,0))^2)/1000,0)</f>
        <v>142</v>
      </c>
      <c r="AO119">
        <f ca="1">ROUND(SQRT((VLOOKUP($A119,városok!$A$2:$C$346,2,0)-VLOOKUP(AO$1,városok!$A$2:$C$346,2,0))^2+(VLOOKUP($A119,városok!$A$2:$C$346,3,0)-VLOOKUP(AO$1,városok!$A$2:$C$346,3,0))^2)/1000,0)</f>
        <v>95</v>
      </c>
      <c r="AP119">
        <f ca="1">ROUND(SQRT((VLOOKUP($A119,városok!$A$2:$C$346,2,0)-VLOOKUP(AP$1,városok!$A$2:$C$346,2,0))^2+(VLOOKUP($A119,városok!$A$2:$C$346,3,0)-VLOOKUP(AP$1,városok!$A$2:$C$346,3,0))^2)/1000,0)</f>
        <v>110</v>
      </c>
      <c r="AQ119">
        <f ca="1">ROUND(SQRT((VLOOKUP($A119,városok!$A$2:$C$346,2,0)-VLOOKUP(AQ$1,városok!$A$2:$C$346,2,0))^2+(VLOOKUP($A119,városok!$A$2:$C$346,3,0)-VLOOKUP(AQ$1,városok!$A$2:$C$346,3,0))^2)/1000,0)</f>
        <v>116</v>
      </c>
      <c r="AR119">
        <f ca="1">ROUND(SQRT((VLOOKUP($A119,városok!$A$2:$C$346,2,0)-VLOOKUP(AR$1,városok!$A$2:$C$346,2,0))^2+(VLOOKUP($A119,városok!$A$2:$C$346,3,0)-VLOOKUP(AR$1,városok!$A$2:$C$346,3,0))^2)/1000,0)</f>
        <v>215</v>
      </c>
      <c r="AS119">
        <f ca="1">ROUND(SQRT((VLOOKUP($A119,városok!$A$2:$C$346,2,0)-VLOOKUP(AS$1,városok!$A$2:$C$346,2,0))^2+(VLOOKUP($A119,városok!$A$2:$C$346,3,0)-VLOOKUP(AS$1,városok!$A$2:$C$346,3,0))^2)/1000,0)</f>
        <v>227</v>
      </c>
      <c r="AT119">
        <f ca="1">ROUND(SQRT((VLOOKUP($A119,városok!$A$2:$C$346,2,0)-VLOOKUP(AT$1,városok!$A$2:$C$346,2,0))^2+(VLOOKUP($A119,városok!$A$2:$C$346,3,0)-VLOOKUP(AT$1,városok!$A$2:$C$346,3,0))^2)/1000,0)</f>
        <v>147</v>
      </c>
      <c r="AU119">
        <f ca="1">ROUND(SQRT((VLOOKUP($A119,városok!$A$2:$C$346,2,0)-VLOOKUP(AU$1,városok!$A$2:$C$346,2,0))^2+(VLOOKUP($A119,városok!$A$2:$C$346,3,0)-VLOOKUP(AU$1,városok!$A$2:$C$346,3,0))^2)/1000,0)</f>
        <v>158</v>
      </c>
      <c r="AV119">
        <f ca="1">ROUND(SQRT((VLOOKUP($A119,városok!$A$2:$C$346,2,0)-VLOOKUP(AV$1,városok!$A$2:$C$346,2,0))^2+(VLOOKUP($A119,városok!$A$2:$C$346,3,0)-VLOOKUP(AV$1,városok!$A$2:$C$346,3,0))^2)/1000,0)</f>
        <v>158</v>
      </c>
      <c r="AW119">
        <f ca="1">ROUND(SQRT((VLOOKUP($A119,városok!$A$2:$C$346,2,0)-VLOOKUP(AW$1,városok!$A$2:$C$346,2,0))^2+(VLOOKUP($A119,városok!$A$2:$C$346,3,0)-VLOOKUP(AW$1,városok!$A$2:$C$346,3,0))^2)/1000,0)</f>
        <v>155</v>
      </c>
      <c r="AX119">
        <f ca="1">ROUND(SQRT((VLOOKUP($A119,városok!$A$2:$C$346,2,0)-VLOOKUP(AX$1,városok!$A$2:$C$346,2,0))^2+(VLOOKUP($A119,városok!$A$2:$C$346,3,0)-VLOOKUP(AX$1,városok!$A$2:$C$346,3,0))^2)/1000,0)</f>
        <v>229</v>
      </c>
      <c r="AY119">
        <f ca="1">ROUND(SQRT((VLOOKUP($A119,városok!$A$2:$C$346,2,0)-VLOOKUP(AY$1,városok!$A$2:$C$346,2,0))^2+(VLOOKUP($A119,városok!$A$2:$C$346,3,0)-VLOOKUP(AY$1,városok!$A$2:$C$346,3,0))^2)/1000,0)</f>
        <v>165</v>
      </c>
      <c r="AZ119">
        <f ca="1">ROUND(SQRT((VLOOKUP($A119,városok!$A$2:$C$346,2,0)-VLOOKUP(AZ$1,városok!$A$2:$C$346,2,0))^2+(VLOOKUP($A119,városok!$A$2:$C$346,3,0)-VLOOKUP(AZ$1,városok!$A$2:$C$346,3,0))^2)/1000,0)</f>
        <v>159</v>
      </c>
      <c r="BA119">
        <f ca="1">ROUND(SQRT((VLOOKUP($A119,városok!$A$2:$C$346,2,0)-VLOOKUP(BA$1,városok!$A$2:$C$346,2,0))^2+(VLOOKUP($A119,városok!$A$2:$C$346,3,0)-VLOOKUP(BA$1,városok!$A$2:$C$346,3,0))^2)/1000,0)</f>
        <v>110</v>
      </c>
      <c r="BB119">
        <f ca="1">ROUND(SQRT((VLOOKUP($A119,városok!$A$2:$C$346,2,0)-VLOOKUP(BB$1,városok!$A$2:$C$346,2,0))^2+(VLOOKUP($A119,városok!$A$2:$C$346,3,0)-VLOOKUP(BB$1,városok!$A$2:$C$346,3,0))^2)/1000,0)</f>
        <v>143</v>
      </c>
      <c r="BC119">
        <f ca="1">ROUND(SQRT((VLOOKUP($A119,városok!$A$2:$C$346,2,0)-VLOOKUP(BC$1,városok!$A$2:$C$346,2,0))^2+(VLOOKUP($A119,városok!$A$2:$C$346,3,0)-VLOOKUP(BC$1,városok!$A$2:$C$346,3,0))^2)/1000,0)</f>
        <v>155</v>
      </c>
      <c r="BD119">
        <f ca="1">ROUND(SQRT((VLOOKUP($A119,városok!$A$2:$C$346,2,0)-VLOOKUP(BD$1,városok!$A$2:$C$346,2,0))^2+(VLOOKUP($A119,városok!$A$2:$C$346,3,0)-VLOOKUP(BD$1,városok!$A$2:$C$346,3,0))^2)/1000,0)</f>
        <v>118</v>
      </c>
      <c r="BE119">
        <f ca="1">ROUND(SQRT((VLOOKUP($A119,városok!$A$2:$C$346,2,0)-VLOOKUP(BE$1,városok!$A$2:$C$346,2,0))^2+(VLOOKUP($A119,városok!$A$2:$C$346,3,0)-VLOOKUP(BE$1,városok!$A$2:$C$346,3,0))^2)/1000,0)</f>
        <v>436</v>
      </c>
      <c r="BF119">
        <f ca="1">ROUND(SQRT((VLOOKUP($A119,városok!$A$2:$C$346,2,0)-VLOOKUP(BF$1,városok!$A$2:$C$346,2,0))^2+(VLOOKUP($A119,városok!$A$2:$C$346,3,0)-VLOOKUP(BF$1,városok!$A$2:$C$346,3,0))^2)/1000,0)</f>
        <v>395</v>
      </c>
      <c r="BG119">
        <f ca="1">ROUND(SQRT((VLOOKUP($A119,városok!$A$2:$C$346,2,0)-VLOOKUP(BG$1,városok!$A$2:$C$346,2,0))^2+(VLOOKUP($A119,városok!$A$2:$C$346,3,0)-VLOOKUP(BG$1,városok!$A$2:$C$346,3,0))^2)/1000,0)</f>
        <v>349</v>
      </c>
      <c r="BH119">
        <f ca="1">ROUND(SQRT((VLOOKUP($A119,városok!$A$2:$C$346,2,0)-VLOOKUP(BH$1,városok!$A$2:$C$346,2,0))^2+(VLOOKUP($A119,városok!$A$2:$C$346,3,0)-VLOOKUP(BH$1,városok!$A$2:$C$346,3,0))^2)/1000,0)</f>
        <v>348</v>
      </c>
      <c r="BI119">
        <f ca="1">ROUND(SQRT((VLOOKUP($A119,városok!$A$2:$C$346,2,0)-VLOOKUP(BI$1,városok!$A$2:$C$346,2,0))^2+(VLOOKUP($A119,városok!$A$2:$C$346,3,0)-VLOOKUP(BI$1,városok!$A$2:$C$346,3,0))^2)/1000,0)</f>
        <v>188</v>
      </c>
      <c r="BJ119">
        <f ca="1">ROUND(SQRT((VLOOKUP($A119,városok!$A$2:$C$346,2,0)-VLOOKUP(BJ$1,városok!$A$2:$C$346,2,0))^2+(VLOOKUP($A119,városok!$A$2:$C$346,3,0)-VLOOKUP(BJ$1,városok!$A$2:$C$346,3,0))^2)/1000,0)</f>
        <v>189</v>
      </c>
      <c r="BK119">
        <f ca="1">ROUND(SQRT((VLOOKUP($A119,városok!$A$2:$C$346,2,0)-VLOOKUP(BK$1,városok!$A$2:$C$346,2,0))^2+(VLOOKUP($A119,városok!$A$2:$C$346,3,0)-VLOOKUP(BK$1,városok!$A$2:$C$346,3,0))^2)/1000,0)</f>
        <v>196</v>
      </c>
      <c r="BL119">
        <f ca="1">ROUND(SQRT((VLOOKUP($A119,városok!$A$2:$C$346,2,0)-VLOOKUP(BL$1,városok!$A$2:$C$346,2,0))^2+(VLOOKUP($A119,városok!$A$2:$C$346,3,0)-VLOOKUP(BL$1,városok!$A$2:$C$346,3,0))^2)/1000,0)</f>
        <v>68</v>
      </c>
      <c r="BM119">
        <f ca="1">ROUND(SQRT((VLOOKUP($A119,városok!$A$2:$C$346,2,0)-VLOOKUP(BM$1,városok!$A$2:$C$346,2,0))^2+(VLOOKUP($A119,városok!$A$2:$C$346,3,0)-VLOOKUP(BM$1,városok!$A$2:$C$346,3,0))^2)/1000,0)</f>
        <v>38</v>
      </c>
      <c r="BN119">
        <f ca="1">ROUND(SQRT((VLOOKUP($A119,városok!$A$2:$C$346,2,0)-VLOOKUP(BN$1,városok!$A$2:$C$346,2,0))^2+(VLOOKUP($A119,városok!$A$2:$C$346,3,0)-VLOOKUP(BN$1,városok!$A$2:$C$346,3,0))^2)/1000,0)</f>
        <v>44</v>
      </c>
      <c r="BO119">
        <f ca="1">ROUND(SQRT((VLOOKUP($A119,városok!$A$2:$C$346,2,0)-VLOOKUP(BO$1,városok!$A$2:$C$346,2,0))^2+(VLOOKUP($A119,városok!$A$2:$C$346,3,0)-VLOOKUP(BO$1,városok!$A$2:$C$346,3,0))^2)/1000,0)</f>
        <v>106</v>
      </c>
      <c r="BP119">
        <f ca="1">ROUND(SQRT((VLOOKUP($A119,városok!$A$2:$C$346,2,0)-VLOOKUP(BP$1,városok!$A$2:$C$346,2,0))^2+(VLOOKUP($A119,városok!$A$2:$C$346,3,0)-VLOOKUP(BP$1,városok!$A$2:$C$346,3,0))^2)/1000,0)</f>
        <v>112</v>
      </c>
      <c r="BQ119">
        <f ca="1">ROUND(SQRT((VLOOKUP($A119,városok!$A$2:$C$346,2,0)-VLOOKUP(BQ$1,városok!$A$2:$C$346,2,0))^2+(VLOOKUP($A119,városok!$A$2:$C$346,3,0)-VLOOKUP(BQ$1,városok!$A$2:$C$346,3,0))^2)/1000,0)</f>
        <v>96</v>
      </c>
      <c r="BR119">
        <f ca="1">ROUND(SQRT((VLOOKUP($A119,városok!$A$2:$C$346,2,0)-VLOOKUP(BR$1,városok!$A$2:$C$346,2,0))^2+(VLOOKUP($A119,városok!$A$2:$C$346,3,0)-VLOOKUP(BR$1,városok!$A$2:$C$346,3,0))^2)/1000,0)</f>
        <v>96</v>
      </c>
      <c r="BS119">
        <f ca="1">ROUND(SQRT((VLOOKUP($A119,városok!$A$2:$C$346,2,0)-VLOOKUP(BS$1,városok!$A$2:$C$346,2,0))^2+(VLOOKUP($A119,városok!$A$2:$C$346,3,0)-VLOOKUP(BS$1,városok!$A$2:$C$346,3,0))^2)/1000,0)</f>
        <v>128</v>
      </c>
      <c r="BT119">
        <f ca="1">ROUND(SQRT((VLOOKUP($A119,városok!$A$2:$C$346,2,0)-VLOOKUP(BT$1,városok!$A$2:$C$346,2,0))^2+(VLOOKUP($A119,városok!$A$2:$C$346,3,0)-VLOOKUP(BT$1,városok!$A$2:$C$346,3,0))^2)/1000,0)</f>
        <v>84</v>
      </c>
    </row>
    <row r="120" spans="1:72" x14ac:dyDescent="0.2">
      <c r="A120" t="str">
        <f>városok!A120</f>
        <v>Győr</v>
      </c>
      <c r="B120">
        <f ca="1">ROUND(SQRT((VLOOKUP($A120,városok!$A$2:$C$346,2,0)-VLOOKUP(B$1,városok!$A$2:$C$346,2,0))^2+(VLOOKUP($A120,városok!$A$2:$C$346,3,0)-VLOOKUP(B$1,városok!$A$2:$C$346,3,0))^2)/1000,0)</f>
        <v>195</v>
      </c>
      <c r="C120">
        <f ca="1">ROUND(SQRT((VLOOKUP($A120,városok!$A$2:$C$346,2,0)-VLOOKUP(C$1,városok!$A$2:$C$346,2,0))^2+(VLOOKUP($A120,városok!$A$2:$C$346,3,0)-VLOOKUP(C$1,városok!$A$2:$C$346,3,0))^2)/1000,0)</f>
        <v>164</v>
      </c>
      <c r="D120">
        <f ca="1">ROUND(SQRT((VLOOKUP($A120,városok!$A$2:$C$346,2,0)-VLOOKUP(D$1,városok!$A$2:$C$346,2,0))^2+(VLOOKUP($A120,városok!$A$2:$C$346,3,0)-VLOOKUP(D$1,városok!$A$2:$C$346,3,0))^2)/1000,0)</f>
        <v>178</v>
      </c>
      <c r="E120">
        <f ca="1">ROUND(SQRT((VLOOKUP($A120,városok!$A$2:$C$346,2,0)-VLOOKUP(E$1,városok!$A$2:$C$346,2,0))^2+(VLOOKUP($A120,városok!$A$2:$C$346,3,0)-VLOOKUP(E$1,városok!$A$2:$C$346,3,0))^2)/1000,0)</f>
        <v>173</v>
      </c>
      <c r="F120">
        <f ca="1">ROUND(SQRT((VLOOKUP($A120,városok!$A$2:$C$346,2,0)-VLOOKUP(F$1,városok!$A$2:$C$346,2,0))^2+(VLOOKUP($A120,városok!$A$2:$C$346,3,0)-VLOOKUP(F$1,városok!$A$2:$C$346,3,0))^2)/1000,0)</f>
        <v>205</v>
      </c>
      <c r="G120">
        <f ca="1">ROUND(SQRT((VLOOKUP($A120,városok!$A$2:$C$346,2,0)-VLOOKUP(G$1,városok!$A$2:$C$346,2,0))^2+(VLOOKUP($A120,városok!$A$2:$C$346,3,0)-VLOOKUP(G$1,városok!$A$2:$C$346,3,0))^2)/1000,0)</f>
        <v>185</v>
      </c>
      <c r="H120">
        <f ca="1">ROUND(SQRT((VLOOKUP($A120,városok!$A$2:$C$346,2,0)-VLOOKUP(H$1,városok!$A$2:$C$346,2,0))^2+(VLOOKUP($A120,városok!$A$2:$C$346,3,0)-VLOOKUP(H$1,városok!$A$2:$C$346,3,0))^2)/1000,0)</f>
        <v>183</v>
      </c>
      <c r="I120">
        <f ca="1">ROUND(SQRT((VLOOKUP($A120,városok!$A$2:$C$346,2,0)-VLOOKUP(I$1,városok!$A$2:$C$346,2,0))^2+(VLOOKUP($A120,városok!$A$2:$C$346,3,0)-VLOOKUP(I$1,városok!$A$2:$C$346,3,0))^2)/1000,0)</f>
        <v>284</v>
      </c>
      <c r="J120">
        <f ca="1">ROUND(SQRT((VLOOKUP($A120,városok!$A$2:$C$346,2,0)-VLOOKUP(J$1,városok!$A$2:$C$346,2,0))^2+(VLOOKUP($A120,városok!$A$2:$C$346,3,0)-VLOOKUP(J$1,városok!$A$2:$C$346,3,0))^2)/1000,0)</f>
        <v>299</v>
      </c>
      <c r="K120">
        <f ca="1">ROUND(SQRT((VLOOKUP($A120,városok!$A$2:$C$346,2,0)-VLOOKUP(K$1,városok!$A$2:$C$346,2,0))^2+(VLOOKUP($A120,városok!$A$2:$C$346,3,0)-VLOOKUP(K$1,városok!$A$2:$C$346,3,0))^2)/1000,0)</f>
        <v>262</v>
      </c>
      <c r="L120">
        <f ca="1">ROUND(SQRT((VLOOKUP($A120,városok!$A$2:$C$346,2,0)-VLOOKUP(L$1,városok!$A$2:$C$346,2,0))^2+(VLOOKUP($A120,városok!$A$2:$C$346,3,0)-VLOOKUP(L$1,városok!$A$2:$C$346,3,0))^2)/1000,0)</f>
        <v>233</v>
      </c>
      <c r="M120">
        <f ca="1">ROUND(SQRT((VLOOKUP($A120,városok!$A$2:$C$346,2,0)-VLOOKUP(M$1,városok!$A$2:$C$346,2,0))^2+(VLOOKUP($A120,városok!$A$2:$C$346,3,0)-VLOOKUP(M$1,városok!$A$2:$C$346,3,0))^2)/1000,0)</f>
        <v>241</v>
      </c>
      <c r="N120">
        <f ca="1">ROUND(SQRT((VLOOKUP($A120,városok!$A$2:$C$346,2,0)-VLOOKUP(N$1,városok!$A$2:$C$346,2,0))^2+(VLOOKUP($A120,városok!$A$2:$C$346,3,0)-VLOOKUP(N$1,városok!$A$2:$C$346,3,0))^2)/1000,0)</f>
        <v>207</v>
      </c>
      <c r="O120">
        <f ca="1">ROUND(SQRT((VLOOKUP($A120,városok!$A$2:$C$346,2,0)-VLOOKUP(O$1,városok!$A$2:$C$346,2,0))^2+(VLOOKUP($A120,városok!$A$2:$C$346,3,0)-VLOOKUP(O$1,városok!$A$2:$C$346,3,0))^2)/1000,0)</f>
        <v>310</v>
      </c>
      <c r="P120">
        <f ca="1">ROUND(SQRT((VLOOKUP($A120,városok!$A$2:$C$346,2,0)-VLOOKUP(P$1,városok!$A$2:$C$346,2,0))^2+(VLOOKUP($A120,városok!$A$2:$C$346,3,0)-VLOOKUP(P$1,városok!$A$2:$C$346,3,0))^2)/1000,0)</f>
        <v>310</v>
      </c>
      <c r="Q120">
        <f ca="1">ROUND(SQRT((VLOOKUP($A120,városok!$A$2:$C$346,2,0)-VLOOKUP(Q$1,városok!$A$2:$C$346,2,0))^2+(VLOOKUP($A120,városok!$A$2:$C$346,3,0)-VLOOKUP(Q$1,városok!$A$2:$C$346,3,0))^2)/1000,0)</f>
        <v>248</v>
      </c>
      <c r="R120">
        <f ca="1">ROUND(SQRT((VLOOKUP($A120,városok!$A$2:$C$346,2,0)-VLOOKUP(R$1,városok!$A$2:$C$346,2,0))^2+(VLOOKUP($A120,városok!$A$2:$C$346,3,0)-VLOOKUP(R$1,városok!$A$2:$C$346,3,0))^2)/1000,0)</f>
        <v>271</v>
      </c>
      <c r="S120">
        <f ca="1">ROUND(SQRT((VLOOKUP($A120,városok!$A$2:$C$346,2,0)-VLOOKUP(S$1,városok!$A$2:$C$346,2,0))^2+(VLOOKUP($A120,városok!$A$2:$C$346,3,0)-VLOOKUP(S$1,városok!$A$2:$C$346,3,0))^2)/1000,0)</f>
        <v>250</v>
      </c>
      <c r="T120">
        <f ca="1">ROUND(SQRT((VLOOKUP($A120,városok!$A$2:$C$346,2,0)-VLOOKUP(T$1,városok!$A$2:$C$346,2,0))^2+(VLOOKUP($A120,városok!$A$2:$C$346,3,0)-VLOOKUP(T$1,városok!$A$2:$C$346,3,0))^2)/1000,0)</f>
        <v>78</v>
      </c>
      <c r="U120">
        <f ca="1">ROUND(SQRT((VLOOKUP($A120,városok!$A$2:$C$346,2,0)-VLOOKUP(U$1,városok!$A$2:$C$346,2,0))^2+(VLOOKUP($A120,városok!$A$2:$C$346,3,0)-VLOOKUP(U$1,városok!$A$2:$C$346,3,0))^2)/1000,0)</f>
        <v>127</v>
      </c>
      <c r="V120">
        <f ca="1">ROUND(SQRT((VLOOKUP($A120,városok!$A$2:$C$346,2,0)-VLOOKUP(V$1,városok!$A$2:$C$346,2,0))^2+(VLOOKUP($A120,városok!$A$2:$C$346,3,0)-VLOOKUP(V$1,városok!$A$2:$C$346,3,0))^2)/1000,0)</f>
        <v>86</v>
      </c>
      <c r="W120">
        <f ca="1">ROUND(SQRT((VLOOKUP($A120,városok!$A$2:$C$346,2,0)-VLOOKUP(W$1,városok!$A$2:$C$346,2,0))^2+(VLOOKUP($A120,városok!$A$2:$C$346,3,0)-VLOOKUP(W$1,városok!$A$2:$C$346,3,0))^2)/1000,0)</f>
        <v>116</v>
      </c>
      <c r="X120">
        <f ca="1">ROUND(SQRT((VLOOKUP($A120,városok!$A$2:$C$346,2,0)-VLOOKUP(X$1,városok!$A$2:$C$346,2,0))^2+(VLOOKUP($A120,városok!$A$2:$C$346,3,0)-VLOOKUP(X$1,városok!$A$2:$C$346,3,0))^2)/1000,0)</f>
        <v>68</v>
      </c>
      <c r="Y120">
        <f ca="1">ROUND(SQRT((VLOOKUP($A120,városok!$A$2:$C$346,2,0)-VLOOKUP(Y$1,városok!$A$2:$C$346,2,0))^2+(VLOOKUP($A120,városok!$A$2:$C$346,3,0)-VLOOKUP(Y$1,városok!$A$2:$C$346,3,0))^2)/1000,0)</f>
        <v>0</v>
      </c>
      <c r="Z120">
        <f ca="1">ROUND(SQRT((VLOOKUP($A120,városok!$A$2:$C$346,2,0)-VLOOKUP(Z$1,városok!$A$2:$C$346,2,0))^2+(VLOOKUP($A120,városok!$A$2:$C$346,3,0)-VLOOKUP(Z$1,városok!$A$2:$C$346,3,0))^2)/1000,0)</f>
        <v>19</v>
      </c>
      <c r="AA120">
        <f ca="1">ROUND(SQRT((VLOOKUP($A120,városok!$A$2:$C$346,2,0)-VLOOKUP(AA$1,városok!$A$2:$C$346,2,0))^2+(VLOOKUP($A120,városok!$A$2:$C$346,3,0)-VLOOKUP(AA$1,városok!$A$2:$C$346,3,0))^2)/1000,0)</f>
        <v>79</v>
      </c>
      <c r="AB120">
        <f ca="1">ROUND(SQRT((VLOOKUP($A120,városok!$A$2:$C$346,2,0)-VLOOKUP(AB$1,városok!$A$2:$C$346,2,0))^2+(VLOOKUP($A120,városok!$A$2:$C$346,3,0)-VLOOKUP(AB$1,városok!$A$2:$C$346,3,0))^2)/1000,0)</f>
        <v>301</v>
      </c>
      <c r="AC120">
        <f ca="1">ROUND(SQRT((VLOOKUP($A120,városok!$A$2:$C$346,2,0)-VLOOKUP(AC$1,városok!$A$2:$C$346,2,0))^2+(VLOOKUP($A120,városok!$A$2:$C$346,3,0)-VLOOKUP(AC$1,városok!$A$2:$C$346,3,0))^2)/1000,0)</f>
        <v>284</v>
      </c>
      <c r="AD120">
        <f ca="1">ROUND(SQRT((VLOOKUP($A120,városok!$A$2:$C$346,2,0)-VLOOKUP(AD$1,városok!$A$2:$C$346,2,0))^2+(VLOOKUP($A120,városok!$A$2:$C$346,3,0)-VLOOKUP(AD$1,városok!$A$2:$C$346,3,0))^2)/1000,0)</f>
        <v>267</v>
      </c>
      <c r="AE120">
        <f ca="1">ROUND(SQRT((VLOOKUP($A120,városok!$A$2:$C$346,2,0)-VLOOKUP(AE$1,városok!$A$2:$C$346,2,0))^2+(VLOOKUP($A120,városok!$A$2:$C$346,3,0)-VLOOKUP(AE$1,városok!$A$2:$C$346,3,0))^2)/1000,0)</f>
        <v>270</v>
      </c>
      <c r="AF120">
        <f ca="1">ROUND(SQRT((VLOOKUP($A120,városok!$A$2:$C$346,2,0)-VLOOKUP(AF$1,városok!$A$2:$C$346,2,0))^2+(VLOOKUP($A120,városok!$A$2:$C$346,3,0)-VLOOKUP(AF$1,városok!$A$2:$C$346,3,0))^2)/1000,0)</f>
        <v>207</v>
      </c>
      <c r="AG120">
        <f ca="1">ROUND(SQRT((VLOOKUP($A120,városok!$A$2:$C$346,2,0)-VLOOKUP(AG$1,városok!$A$2:$C$346,2,0))^2+(VLOOKUP($A120,városok!$A$2:$C$346,3,0)-VLOOKUP(AG$1,városok!$A$2:$C$346,3,0))^2)/1000,0)</f>
        <v>172</v>
      </c>
      <c r="AH120">
        <f ca="1">ROUND(SQRT((VLOOKUP($A120,városok!$A$2:$C$346,2,0)-VLOOKUP(AH$1,városok!$A$2:$C$346,2,0))^2+(VLOOKUP($A120,városok!$A$2:$C$346,3,0)-VLOOKUP(AH$1,városok!$A$2:$C$346,3,0))^2)/1000,0)</f>
        <v>153</v>
      </c>
      <c r="AI120">
        <f ca="1">ROUND(SQRT((VLOOKUP($A120,városok!$A$2:$C$346,2,0)-VLOOKUP(AI$1,városok!$A$2:$C$346,2,0))^2+(VLOOKUP($A120,városok!$A$2:$C$346,3,0)-VLOOKUP(AI$1,városok!$A$2:$C$346,3,0))^2)/1000,0)</f>
        <v>188</v>
      </c>
      <c r="AJ120">
        <f ca="1">ROUND(SQRT((VLOOKUP($A120,városok!$A$2:$C$346,2,0)-VLOOKUP(AJ$1,városok!$A$2:$C$346,2,0))^2+(VLOOKUP($A120,városok!$A$2:$C$346,3,0)-VLOOKUP(AJ$1,városok!$A$2:$C$346,3,0))^2)/1000,0)</f>
        <v>176</v>
      </c>
      <c r="AK120">
        <f ca="1">ROUND(SQRT((VLOOKUP($A120,városok!$A$2:$C$346,2,0)-VLOOKUP(AK$1,városok!$A$2:$C$346,2,0))^2+(VLOOKUP($A120,városok!$A$2:$C$346,3,0)-VLOOKUP(AK$1,városok!$A$2:$C$346,3,0))^2)/1000,0)</f>
        <v>256</v>
      </c>
      <c r="AL120">
        <f ca="1">ROUND(SQRT((VLOOKUP($A120,városok!$A$2:$C$346,2,0)-VLOOKUP(AL$1,városok!$A$2:$C$346,2,0))^2+(VLOOKUP($A120,városok!$A$2:$C$346,3,0)-VLOOKUP(AL$1,városok!$A$2:$C$346,3,0))^2)/1000,0)</f>
        <v>228</v>
      </c>
      <c r="AM120">
        <f ca="1">ROUND(SQRT((VLOOKUP($A120,városok!$A$2:$C$346,2,0)-VLOOKUP(AM$1,városok!$A$2:$C$346,2,0))^2+(VLOOKUP($A120,városok!$A$2:$C$346,3,0)-VLOOKUP(AM$1,városok!$A$2:$C$346,3,0))^2)/1000,0)</f>
        <v>201</v>
      </c>
      <c r="AN120">
        <f ca="1">ROUND(SQRT((VLOOKUP($A120,városok!$A$2:$C$346,2,0)-VLOOKUP(AN$1,városok!$A$2:$C$346,2,0))^2+(VLOOKUP($A120,városok!$A$2:$C$346,3,0)-VLOOKUP(AN$1,városok!$A$2:$C$346,3,0))^2)/1000,0)</f>
        <v>84</v>
      </c>
      <c r="AO120">
        <f ca="1">ROUND(SQRT((VLOOKUP($A120,városok!$A$2:$C$346,2,0)-VLOOKUP(AO$1,városok!$A$2:$C$346,2,0))^2+(VLOOKUP($A120,városok!$A$2:$C$346,3,0)-VLOOKUP(AO$1,városok!$A$2:$C$346,3,0))^2)/1000,0)</f>
        <v>37</v>
      </c>
      <c r="AP120">
        <f ca="1">ROUND(SQRT((VLOOKUP($A120,városok!$A$2:$C$346,2,0)-VLOOKUP(AP$1,városok!$A$2:$C$346,2,0))^2+(VLOOKUP($A120,városok!$A$2:$C$346,3,0)-VLOOKUP(AP$1,városok!$A$2:$C$346,3,0))^2)/1000,0)</f>
        <v>53</v>
      </c>
      <c r="AQ120">
        <f ca="1">ROUND(SQRT((VLOOKUP($A120,városok!$A$2:$C$346,2,0)-VLOOKUP(AQ$1,városok!$A$2:$C$346,2,0))^2+(VLOOKUP($A120,városok!$A$2:$C$346,3,0)-VLOOKUP(AQ$1,városok!$A$2:$C$346,3,0))^2)/1000,0)</f>
        <v>60</v>
      </c>
      <c r="AR120">
        <f ca="1">ROUND(SQRT((VLOOKUP($A120,városok!$A$2:$C$346,2,0)-VLOOKUP(AR$1,városok!$A$2:$C$346,2,0))^2+(VLOOKUP($A120,városok!$A$2:$C$346,3,0)-VLOOKUP(AR$1,városok!$A$2:$C$346,3,0))^2)/1000,0)</f>
        <v>157</v>
      </c>
      <c r="AS120">
        <f ca="1">ROUND(SQRT((VLOOKUP($A120,városok!$A$2:$C$346,2,0)-VLOOKUP(AS$1,városok!$A$2:$C$346,2,0))^2+(VLOOKUP($A120,városok!$A$2:$C$346,3,0)-VLOOKUP(AS$1,városok!$A$2:$C$346,3,0))^2)/1000,0)</f>
        <v>170</v>
      </c>
      <c r="AT120">
        <f ca="1">ROUND(SQRT((VLOOKUP($A120,városok!$A$2:$C$346,2,0)-VLOOKUP(AT$1,városok!$A$2:$C$346,2,0))^2+(VLOOKUP($A120,városok!$A$2:$C$346,3,0)-VLOOKUP(AT$1,városok!$A$2:$C$346,3,0))^2)/1000,0)</f>
        <v>92</v>
      </c>
      <c r="AU120">
        <f ca="1">ROUND(SQRT((VLOOKUP($A120,városok!$A$2:$C$346,2,0)-VLOOKUP(AU$1,városok!$A$2:$C$346,2,0))^2+(VLOOKUP($A120,városok!$A$2:$C$346,3,0)-VLOOKUP(AU$1,városok!$A$2:$C$346,3,0))^2)/1000,0)</f>
        <v>103</v>
      </c>
      <c r="AV120">
        <f ca="1">ROUND(SQRT((VLOOKUP($A120,városok!$A$2:$C$346,2,0)-VLOOKUP(AV$1,városok!$A$2:$C$346,2,0))^2+(VLOOKUP($A120,városok!$A$2:$C$346,3,0)-VLOOKUP(AV$1,városok!$A$2:$C$346,3,0))^2)/1000,0)</f>
        <v>104</v>
      </c>
      <c r="AW120">
        <f ca="1">ROUND(SQRT((VLOOKUP($A120,városok!$A$2:$C$346,2,0)-VLOOKUP(AW$1,városok!$A$2:$C$346,2,0))^2+(VLOOKUP($A120,városok!$A$2:$C$346,3,0)-VLOOKUP(AW$1,városok!$A$2:$C$346,3,0))^2)/1000,0)</f>
        <v>101</v>
      </c>
      <c r="AX120">
        <f ca="1">ROUND(SQRT((VLOOKUP($A120,városok!$A$2:$C$346,2,0)-VLOOKUP(AX$1,városok!$A$2:$C$346,2,0))^2+(VLOOKUP($A120,városok!$A$2:$C$346,3,0)-VLOOKUP(AX$1,városok!$A$2:$C$346,3,0))^2)/1000,0)</f>
        <v>178</v>
      </c>
      <c r="AY120">
        <f ca="1">ROUND(SQRT((VLOOKUP($A120,városok!$A$2:$C$346,2,0)-VLOOKUP(AY$1,városok!$A$2:$C$346,2,0))^2+(VLOOKUP($A120,városok!$A$2:$C$346,3,0)-VLOOKUP(AY$1,városok!$A$2:$C$346,3,0))^2)/1000,0)</f>
        <v>107</v>
      </c>
      <c r="AZ120">
        <f ca="1">ROUND(SQRT((VLOOKUP($A120,városok!$A$2:$C$346,2,0)-VLOOKUP(AZ$1,városok!$A$2:$C$346,2,0))^2+(VLOOKUP($A120,városok!$A$2:$C$346,3,0)-VLOOKUP(AZ$1,városok!$A$2:$C$346,3,0))^2)/1000,0)</f>
        <v>101</v>
      </c>
      <c r="BA120">
        <f ca="1">ROUND(SQRT((VLOOKUP($A120,városok!$A$2:$C$346,2,0)-VLOOKUP(BA$1,városok!$A$2:$C$346,2,0))^2+(VLOOKUP($A120,városok!$A$2:$C$346,3,0)-VLOOKUP(BA$1,városok!$A$2:$C$346,3,0))^2)/1000,0)</f>
        <v>101</v>
      </c>
      <c r="BB120">
        <f ca="1">ROUND(SQRT((VLOOKUP($A120,városok!$A$2:$C$346,2,0)-VLOOKUP(BB$1,városok!$A$2:$C$346,2,0))^2+(VLOOKUP($A120,városok!$A$2:$C$346,3,0)-VLOOKUP(BB$1,városok!$A$2:$C$346,3,0))^2)/1000,0)</f>
        <v>130</v>
      </c>
      <c r="BC120">
        <f ca="1">ROUND(SQRT((VLOOKUP($A120,városok!$A$2:$C$346,2,0)-VLOOKUP(BC$1,városok!$A$2:$C$346,2,0))^2+(VLOOKUP($A120,városok!$A$2:$C$346,3,0)-VLOOKUP(BC$1,városok!$A$2:$C$346,3,0))^2)/1000,0)</f>
        <v>149</v>
      </c>
      <c r="BD120">
        <f ca="1">ROUND(SQRT((VLOOKUP($A120,városok!$A$2:$C$346,2,0)-VLOOKUP(BD$1,városok!$A$2:$C$346,2,0))^2+(VLOOKUP($A120,városok!$A$2:$C$346,3,0)-VLOOKUP(BD$1,városok!$A$2:$C$346,3,0))^2)/1000,0)</f>
        <v>93</v>
      </c>
      <c r="BE120">
        <f ca="1">ROUND(SQRT((VLOOKUP($A120,városok!$A$2:$C$346,2,0)-VLOOKUP(BE$1,városok!$A$2:$C$346,2,0))^2+(VLOOKUP($A120,városok!$A$2:$C$346,3,0)-VLOOKUP(BE$1,városok!$A$2:$C$346,3,0))^2)/1000,0)</f>
        <v>378</v>
      </c>
      <c r="BF120">
        <f ca="1">ROUND(SQRT((VLOOKUP($A120,városok!$A$2:$C$346,2,0)-VLOOKUP(BF$1,városok!$A$2:$C$346,2,0))^2+(VLOOKUP($A120,városok!$A$2:$C$346,3,0)-VLOOKUP(BF$1,városok!$A$2:$C$346,3,0))^2)/1000,0)</f>
        <v>337</v>
      </c>
      <c r="BG120">
        <f ca="1">ROUND(SQRT((VLOOKUP($A120,városok!$A$2:$C$346,2,0)-VLOOKUP(BG$1,városok!$A$2:$C$346,2,0))^2+(VLOOKUP($A120,városok!$A$2:$C$346,3,0)-VLOOKUP(BG$1,városok!$A$2:$C$346,3,0))^2)/1000,0)</f>
        <v>291</v>
      </c>
      <c r="BH120">
        <f ca="1">ROUND(SQRT((VLOOKUP($A120,városok!$A$2:$C$346,2,0)-VLOOKUP(BH$1,városok!$A$2:$C$346,2,0))^2+(VLOOKUP($A120,városok!$A$2:$C$346,3,0)-VLOOKUP(BH$1,városok!$A$2:$C$346,3,0))^2)/1000,0)</f>
        <v>290</v>
      </c>
      <c r="BI120">
        <f ca="1">ROUND(SQRT((VLOOKUP($A120,városok!$A$2:$C$346,2,0)-VLOOKUP(BI$1,városok!$A$2:$C$346,2,0))^2+(VLOOKUP($A120,városok!$A$2:$C$346,3,0)-VLOOKUP(BI$1,városok!$A$2:$C$346,3,0))^2)/1000,0)</f>
        <v>162</v>
      </c>
      <c r="BJ120">
        <f ca="1">ROUND(SQRT((VLOOKUP($A120,városok!$A$2:$C$346,2,0)-VLOOKUP(BJ$1,városok!$A$2:$C$346,2,0))^2+(VLOOKUP($A120,városok!$A$2:$C$346,3,0)-VLOOKUP(BJ$1,városok!$A$2:$C$346,3,0))^2)/1000,0)</f>
        <v>168</v>
      </c>
      <c r="BK120">
        <f ca="1">ROUND(SQRT((VLOOKUP($A120,városok!$A$2:$C$346,2,0)-VLOOKUP(BK$1,városok!$A$2:$C$346,2,0))^2+(VLOOKUP($A120,városok!$A$2:$C$346,3,0)-VLOOKUP(BK$1,városok!$A$2:$C$346,3,0))^2)/1000,0)</f>
        <v>169</v>
      </c>
      <c r="BL120">
        <f ca="1">ROUND(SQRT((VLOOKUP($A120,városok!$A$2:$C$346,2,0)-VLOOKUP(BL$1,városok!$A$2:$C$346,2,0))^2+(VLOOKUP($A120,városok!$A$2:$C$346,3,0)-VLOOKUP(BL$1,városok!$A$2:$C$346,3,0))^2)/1000,0)</f>
        <v>108</v>
      </c>
      <c r="BM120">
        <f ca="1">ROUND(SQRT((VLOOKUP($A120,városok!$A$2:$C$346,2,0)-VLOOKUP(BM$1,városok!$A$2:$C$346,2,0))^2+(VLOOKUP($A120,városok!$A$2:$C$346,3,0)-VLOOKUP(BM$1,városok!$A$2:$C$346,3,0))^2)/1000,0)</f>
        <v>72</v>
      </c>
      <c r="BN120">
        <f ca="1">ROUND(SQRT((VLOOKUP($A120,városok!$A$2:$C$346,2,0)-VLOOKUP(BN$1,városok!$A$2:$C$346,2,0))^2+(VLOOKUP($A120,városok!$A$2:$C$346,3,0)-VLOOKUP(BN$1,városok!$A$2:$C$346,3,0))^2)/1000,0)</f>
        <v>91</v>
      </c>
      <c r="BO120">
        <f ca="1">ROUND(SQRT((VLOOKUP($A120,városok!$A$2:$C$346,2,0)-VLOOKUP(BO$1,városok!$A$2:$C$346,2,0))^2+(VLOOKUP($A120,városok!$A$2:$C$346,3,0)-VLOOKUP(BO$1,városok!$A$2:$C$346,3,0))^2)/1000,0)</f>
        <v>79</v>
      </c>
      <c r="BP120">
        <f ca="1">ROUND(SQRT((VLOOKUP($A120,városok!$A$2:$C$346,2,0)-VLOOKUP(BP$1,városok!$A$2:$C$346,2,0))^2+(VLOOKUP($A120,városok!$A$2:$C$346,3,0)-VLOOKUP(BP$1,városok!$A$2:$C$346,3,0))^2)/1000,0)</f>
        <v>81</v>
      </c>
      <c r="BQ120">
        <f ca="1">ROUND(SQRT((VLOOKUP($A120,városok!$A$2:$C$346,2,0)-VLOOKUP(BQ$1,városok!$A$2:$C$346,2,0))^2+(VLOOKUP($A120,városok!$A$2:$C$346,3,0)-VLOOKUP(BQ$1,városok!$A$2:$C$346,3,0))^2)/1000,0)</f>
        <v>70</v>
      </c>
      <c r="BR120">
        <f ca="1">ROUND(SQRT((VLOOKUP($A120,városok!$A$2:$C$346,2,0)-VLOOKUP(BR$1,városok!$A$2:$C$346,2,0))^2+(VLOOKUP($A120,városok!$A$2:$C$346,3,0)-VLOOKUP(BR$1,városok!$A$2:$C$346,3,0))^2)/1000,0)</f>
        <v>106</v>
      </c>
      <c r="BS120">
        <f ca="1">ROUND(SQRT((VLOOKUP($A120,városok!$A$2:$C$346,2,0)-VLOOKUP(BS$1,városok!$A$2:$C$346,2,0))^2+(VLOOKUP($A120,városok!$A$2:$C$346,3,0)-VLOOKUP(BS$1,városok!$A$2:$C$346,3,0))^2)/1000,0)</f>
        <v>146</v>
      </c>
      <c r="BT120">
        <f ca="1">ROUND(SQRT((VLOOKUP($A120,városok!$A$2:$C$346,2,0)-VLOOKUP(BT$1,városok!$A$2:$C$346,2,0))^2+(VLOOKUP($A120,városok!$A$2:$C$346,3,0)-VLOOKUP(BT$1,városok!$A$2:$C$346,3,0))^2)/1000,0)</f>
        <v>112</v>
      </c>
    </row>
    <row r="121" spans="1:72" x14ac:dyDescent="0.2">
      <c r="A121" t="str">
        <f>városok!A121</f>
        <v>Jánossomorja</v>
      </c>
      <c r="B121">
        <f ca="1">ROUND(SQRT((VLOOKUP($A121,városok!$A$2:$C$346,2,0)-VLOOKUP(B$1,városok!$A$2:$C$346,2,0))^2+(VLOOKUP($A121,városok!$A$2:$C$346,3,0)-VLOOKUP(B$1,városok!$A$2:$C$346,3,0))^2)/1000,0)</f>
        <v>226</v>
      </c>
      <c r="C121">
        <f ca="1">ROUND(SQRT((VLOOKUP($A121,városok!$A$2:$C$346,2,0)-VLOOKUP(C$1,városok!$A$2:$C$346,2,0))^2+(VLOOKUP($A121,városok!$A$2:$C$346,3,0)-VLOOKUP(C$1,városok!$A$2:$C$346,3,0))^2)/1000,0)</f>
        <v>198</v>
      </c>
      <c r="D121">
        <f ca="1">ROUND(SQRT((VLOOKUP($A121,városok!$A$2:$C$346,2,0)-VLOOKUP(D$1,városok!$A$2:$C$346,2,0))^2+(VLOOKUP($A121,városok!$A$2:$C$346,3,0)-VLOOKUP(D$1,városok!$A$2:$C$346,3,0))^2)/1000,0)</f>
        <v>216</v>
      </c>
      <c r="E121">
        <f ca="1">ROUND(SQRT((VLOOKUP($A121,városok!$A$2:$C$346,2,0)-VLOOKUP(E$1,városok!$A$2:$C$346,2,0))^2+(VLOOKUP($A121,városok!$A$2:$C$346,3,0)-VLOOKUP(E$1,városok!$A$2:$C$346,3,0))^2)/1000,0)</f>
        <v>197</v>
      </c>
      <c r="F121">
        <f ca="1">ROUND(SQRT((VLOOKUP($A121,városok!$A$2:$C$346,2,0)-VLOOKUP(F$1,városok!$A$2:$C$346,2,0))^2+(VLOOKUP($A121,városok!$A$2:$C$346,3,0)-VLOOKUP(F$1,városok!$A$2:$C$346,3,0))^2)/1000,0)</f>
        <v>232</v>
      </c>
      <c r="G121">
        <f ca="1">ROUND(SQRT((VLOOKUP($A121,városok!$A$2:$C$346,2,0)-VLOOKUP(G$1,városok!$A$2:$C$346,2,0))^2+(VLOOKUP($A121,városok!$A$2:$C$346,3,0)-VLOOKUP(G$1,városok!$A$2:$C$346,3,0))^2)/1000,0)</f>
        <v>208</v>
      </c>
      <c r="H121">
        <f ca="1">ROUND(SQRT((VLOOKUP($A121,városok!$A$2:$C$346,2,0)-VLOOKUP(H$1,városok!$A$2:$C$346,2,0))^2+(VLOOKUP($A121,városok!$A$2:$C$346,3,0)-VLOOKUP(H$1,városok!$A$2:$C$346,3,0))^2)/1000,0)</f>
        <v>200</v>
      </c>
      <c r="I121">
        <f ca="1">ROUND(SQRT((VLOOKUP($A121,városok!$A$2:$C$346,2,0)-VLOOKUP(I$1,városok!$A$2:$C$346,2,0))^2+(VLOOKUP($A121,városok!$A$2:$C$346,3,0)-VLOOKUP(I$1,városok!$A$2:$C$346,3,0))^2)/1000,0)</f>
        <v>323</v>
      </c>
      <c r="J121">
        <f ca="1">ROUND(SQRT((VLOOKUP($A121,városok!$A$2:$C$346,2,0)-VLOOKUP(J$1,városok!$A$2:$C$346,2,0))^2+(VLOOKUP($A121,városok!$A$2:$C$346,3,0)-VLOOKUP(J$1,városok!$A$2:$C$346,3,0))^2)/1000,0)</f>
        <v>338</v>
      </c>
      <c r="K121">
        <f ca="1">ROUND(SQRT((VLOOKUP($A121,városok!$A$2:$C$346,2,0)-VLOOKUP(K$1,városok!$A$2:$C$346,2,0))^2+(VLOOKUP($A121,városok!$A$2:$C$346,3,0)-VLOOKUP(K$1,városok!$A$2:$C$346,3,0))^2)/1000,0)</f>
        <v>300</v>
      </c>
      <c r="L121">
        <f ca="1">ROUND(SQRT((VLOOKUP($A121,városok!$A$2:$C$346,2,0)-VLOOKUP(L$1,városok!$A$2:$C$346,2,0))^2+(VLOOKUP($A121,városok!$A$2:$C$346,3,0)-VLOOKUP(L$1,városok!$A$2:$C$346,3,0))^2)/1000,0)</f>
        <v>266</v>
      </c>
      <c r="M121">
        <f ca="1">ROUND(SQRT((VLOOKUP($A121,városok!$A$2:$C$346,2,0)-VLOOKUP(M$1,városok!$A$2:$C$346,2,0))^2+(VLOOKUP($A121,városok!$A$2:$C$346,3,0)-VLOOKUP(M$1,városok!$A$2:$C$346,3,0))^2)/1000,0)</f>
        <v>275</v>
      </c>
      <c r="N121">
        <f ca="1">ROUND(SQRT((VLOOKUP($A121,városok!$A$2:$C$346,2,0)-VLOOKUP(N$1,városok!$A$2:$C$346,2,0))^2+(VLOOKUP($A121,városok!$A$2:$C$346,3,0)-VLOOKUP(N$1,városok!$A$2:$C$346,3,0))^2)/1000,0)</f>
        <v>240</v>
      </c>
      <c r="O121">
        <f ca="1">ROUND(SQRT((VLOOKUP($A121,városok!$A$2:$C$346,2,0)-VLOOKUP(O$1,városok!$A$2:$C$346,2,0))^2+(VLOOKUP($A121,városok!$A$2:$C$346,3,0)-VLOOKUP(O$1,városok!$A$2:$C$346,3,0))^2)/1000,0)</f>
        <v>343</v>
      </c>
      <c r="P121">
        <f ca="1">ROUND(SQRT((VLOOKUP($A121,városok!$A$2:$C$346,2,0)-VLOOKUP(P$1,városok!$A$2:$C$346,2,0))^2+(VLOOKUP($A121,városok!$A$2:$C$346,3,0)-VLOOKUP(P$1,városok!$A$2:$C$346,3,0))^2)/1000,0)</f>
        <v>343</v>
      </c>
      <c r="Q121">
        <f ca="1">ROUND(SQRT((VLOOKUP($A121,városok!$A$2:$C$346,2,0)-VLOOKUP(Q$1,városok!$A$2:$C$346,2,0))^2+(VLOOKUP($A121,városok!$A$2:$C$346,3,0)-VLOOKUP(Q$1,városok!$A$2:$C$346,3,0))^2)/1000,0)</f>
        <v>285</v>
      </c>
      <c r="R121">
        <f ca="1">ROUND(SQRT((VLOOKUP($A121,városok!$A$2:$C$346,2,0)-VLOOKUP(R$1,városok!$A$2:$C$346,2,0))^2+(VLOOKUP($A121,városok!$A$2:$C$346,3,0)-VLOOKUP(R$1,városok!$A$2:$C$346,3,0))^2)/1000,0)</f>
        <v>308</v>
      </c>
      <c r="S121">
        <f ca="1">ROUND(SQRT((VLOOKUP($A121,városok!$A$2:$C$346,2,0)-VLOOKUP(S$1,városok!$A$2:$C$346,2,0))^2+(VLOOKUP($A121,városok!$A$2:$C$346,3,0)-VLOOKUP(S$1,városok!$A$2:$C$346,3,0))^2)/1000,0)</f>
        <v>286</v>
      </c>
      <c r="T121">
        <f ca="1">ROUND(SQRT((VLOOKUP($A121,városok!$A$2:$C$346,2,0)-VLOOKUP(T$1,városok!$A$2:$C$346,2,0))^2+(VLOOKUP($A121,városok!$A$2:$C$346,3,0)-VLOOKUP(T$1,városok!$A$2:$C$346,3,0))^2)/1000,0)</f>
        <v>117</v>
      </c>
      <c r="U121">
        <f ca="1">ROUND(SQRT((VLOOKUP($A121,városok!$A$2:$C$346,2,0)-VLOOKUP(U$1,városok!$A$2:$C$346,2,0))^2+(VLOOKUP($A121,városok!$A$2:$C$346,3,0)-VLOOKUP(U$1,városok!$A$2:$C$346,3,0))^2)/1000,0)</f>
        <v>163</v>
      </c>
      <c r="V121">
        <f ca="1">ROUND(SQRT((VLOOKUP($A121,városok!$A$2:$C$346,2,0)-VLOOKUP(V$1,városok!$A$2:$C$346,2,0))^2+(VLOOKUP($A121,városok!$A$2:$C$346,3,0)-VLOOKUP(V$1,városok!$A$2:$C$346,3,0))^2)/1000,0)</f>
        <v>119</v>
      </c>
      <c r="W121">
        <f ca="1">ROUND(SQRT((VLOOKUP($A121,városok!$A$2:$C$346,2,0)-VLOOKUP(W$1,városok!$A$2:$C$346,2,0))^2+(VLOOKUP($A121,városok!$A$2:$C$346,3,0)-VLOOKUP(W$1,városok!$A$2:$C$346,3,0))^2)/1000,0)</f>
        <v>150</v>
      </c>
      <c r="X121">
        <f ca="1">ROUND(SQRT((VLOOKUP($A121,városok!$A$2:$C$346,2,0)-VLOOKUP(X$1,városok!$A$2:$C$346,2,0))^2+(VLOOKUP($A121,városok!$A$2:$C$346,3,0)-VLOOKUP(X$1,városok!$A$2:$C$346,3,0))^2)/1000,0)</f>
        <v>105</v>
      </c>
      <c r="Y121">
        <f ca="1">ROUND(SQRT((VLOOKUP($A121,városok!$A$2:$C$346,2,0)-VLOOKUP(Y$1,városok!$A$2:$C$346,2,0))^2+(VLOOKUP($A121,városok!$A$2:$C$346,3,0)-VLOOKUP(Y$1,városok!$A$2:$C$346,3,0))^2)/1000,0)</f>
        <v>39</v>
      </c>
      <c r="Z121">
        <f ca="1">ROUND(SQRT((VLOOKUP($A121,városok!$A$2:$C$346,2,0)-VLOOKUP(Z$1,városok!$A$2:$C$346,2,0))^2+(VLOOKUP($A121,városok!$A$2:$C$346,3,0)-VLOOKUP(Z$1,városok!$A$2:$C$346,3,0))^2)/1000,0)</f>
        <v>20</v>
      </c>
      <c r="AA121">
        <f ca="1">ROUND(SQRT((VLOOKUP($A121,városok!$A$2:$C$346,2,0)-VLOOKUP(AA$1,városok!$A$2:$C$346,2,0))^2+(VLOOKUP($A121,városok!$A$2:$C$346,3,0)-VLOOKUP(AA$1,városok!$A$2:$C$346,3,0))^2)/1000,0)</f>
        <v>43</v>
      </c>
      <c r="AB121">
        <f ca="1">ROUND(SQRT((VLOOKUP($A121,városok!$A$2:$C$346,2,0)-VLOOKUP(AB$1,városok!$A$2:$C$346,2,0))^2+(VLOOKUP($A121,városok!$A$2:$C$346,3,0)-VLOOKUP(AB$1,városok!$A$2:$C$346,3,0))^2)/1000,0)</f>
        <v>338</v>
      </c>
      <c r="AC121">
        <f ca="1">ROUND(SQRT((VLOOKUP($A121,városok!$A$2:$C$346,2,0)-VLOOKUP(AC$1,városok!$A$2:$C$346,2,0))^2+(VLOOKUP($A121,városok!$A$2:$C$346,3,0)-VLOOKUP(AC$1,városok!$A$2:$C$346,3,0))^2)/1000,0)</f>
        <v>322</v>
      </c>
      <c r="AD121">
        <f ca="1">ROUND(SQRT((VLOOKUP($A121,városok!$A$2:$C$346,2,0)-VLOOKUP(AD$1,városok!$A$2:$C$346,2,0))^2+(VLOOKUP($A121,városok!$A$2:$C$346,3,0)-VLOOKUP(AD$1,városok!$A$2:$C$346,3,0))^2)/1000,0)</f>
        <v>305</v>
      </c>
      <c r="AE121">
        <f ca="1">ROUND(SQRT((VLOOKUP($A121,városok!$A$2:$C$346,2,0)-VLOOKUP(AE$1,városok!$A$2:$C$346,2,0))^2+(VLOOKUP($A121,városok!$A$2:$C$346,3,0)-VLOOKUP(AE$1,városok!$A$2:$C$346,3,0))^2)/1000,0)</f>
        <v>308</v>
      </c>
      <c r="AF121">
        <f ca="1">ROUND(SQRT((VLOOKUP($A121,városok!$A$2:$C$346,2,0)-VLOOKUP(AF$1,városok!$A$2:$C$346,2,0))^2+(VLOOKUP($A121,városok!$A$2:$C$346,3,0)-VLOOKUP(AF$1,városok!$A$2:$C$346,3,0))^2)/1000,0)</f>
        <v>242</v>
      </c>
      <c r="AG121">
        <f ca="1">ROUND(SQRT((VLOOKUP($A121,városok!$A$2:$C$346,2,0)-VLOOKUP(AG$1,városok!$A$2:$C$346,2,0))^2+(VLOOKUP($A121,városok!$A$2:$C$346,3,0)-VLOOKUP(AG$1,városok!$A$2:$C$346,3,0))^2)/1000,0)</f>
        <v>209</v>
      </c>
      <c r="AH121">
        <f ca="1">ROUND(SQRT((VLOOKUP($A121,városok!$A$2:$C$346,2,0)-VLOOKUP(AH$1,városok!$A$2:$C$346,2,0))^2+(VLOOKUP($A121,városok!$A$2:$C$346,3,0)-VLOOKUP(AH$1,városok!$A$2:$C$346,3,0))^2)/1000,0)</f>
        <v>191</v>
      </c>
      <c r="AI121">
        <f ca="1">ROUND(SQRT((VLOOKUP($A121,városok!$A$2:$C$346,2,0)-VLOOKUP(AI$1,városok!$A$2:$C$346,2,0))^2+(VLOOKUP($A121,városok!$A$2:$C$346,3,0)-VLOOKUP(AI$1,városok!$A$2:$C$346,3,0))^2)/1000,0)</f>
        <v>222</v>
      </c>
      <c r="AJ121">
        <f ca="1">ROUND(SQRT((VLOOKUP($A121,városok!$A$2:$C$346,2,0)-VLOOKUP(AJ$1,városok!$A$2:$C$346,2,0))^2+(VLOOKUP($A121,városok!$A$2:$C$346,3,0)-VLOOKUP(AJ$1,városok!$A$2:$C$346,3,0))^2)/1000,0)</f>
        <v>213</v>
      </c>
      <c r="AK121">
        <f ca="1">ROUND(SQRT((VLOOKUP($A121,városok!$A$2:$C$346,2,0)-VLOOKUP(AK$1,városok!$A$2:$C$346,2,0))^2+(VLOOKUP($A121,városok!$A$2:$C$346,3,0)-VLOOKUP(AK$1,városok!$A$2:$C$346,3,0))^2)/1000,0)</f>
        <v>294</v>
      </c>
      <c r="AL121">
        <f ca="1">ROUND(SQRT((VLOOKUP($A121,városok!$A$2:$C$346,2,0)-VLOOKUP(AL$1,városok!$A$2:$C$346,2,0))^2+(VLOOKUP($A121,városok!$A$2:$C$346,3,0)-VLOOKUP(AL$1,városok!$A$2:$C$346,3,0))^2)/1000,0)</f>
        <v>266</v>
      </c>
      <c r="AM121">
        <f ca="1">ROUND(SQRT((VLOOKUP($A121,városok!$A$2:$C$346,2,0)-VLOOKUP(AM$1,városok!$A$2:$C$346,2,0))^2+(VLOOKUP($A121,városok!$A$2:$C$346,3,0)-VLOOKUP(AM$1,városok!$A$2:$C$346,3,0))^2)/1000,0)</f>
        <v>239</v>
      </c>
      <c r="AN121">
        <f ca="1">ROUND(SQRT((VLOOKUP($A121,városok!$A$2:$C$346,2,0)-VLOOKUP(AN$1,városok!$A$2:$C$346,2,0))^2+(VLOOKUP($A121,városok!$A$2:$C$346,3,0)-VLOOKUP(AN$1,városok!$A$2:$C$346,3,0))^2)/1000,0)</f>
        <v>120</v>
      </c>
      <c r="AO121">
        <f ca="1">ROUND(SQRT((VLOOKUP($A121,városok!$A$2:$C$346,2,0)-VLOOKUP(AO$1,városok!$A$2:$C$346,2,0))^2+(VLOOKUP($A121,városok!$A$2:$C$346,3,0)-VLOOKUP(AO$1,városok!$A$2:$C$346,3,0))^2)/1000,0)</f>
        <v>74</v>
      </c>
      <c r="AP121">
        <f ca="1">ROUND(SQRT((VLOOKUP($A121,városok!$A$2:$C$346,2,0)-VLOOKUP(AP$1,városok!$A$2:$C$346,2,0))^2+(VLOOKUP($A121,városok!$A$2:$C$346,3,0)-VLOOKUP(AP$1,városok!$A$2:$C$346,3,0))^2)/1000,0)</f>
        <v>91</v>
      </c>
      <c r="AQ121">
        <f ca="1">ROUND(SQRT((VLOOKUP($A121,városok!$A$2:$C$346,2,0)-VLOOKUP(AQ$1,városok!$A$2:$C$346,2,0))^2+(VLOOKUP($A121,városok!$A$2:$C$346,3,0)-VLOOKUP(AQ$1,városok!$A$2:$C$346,3,0))^2)/1000,0)</f>
        <v>98</v>
      </c>
      <c r="AR121">
        <f ca="1">ROUND(SQRT((VLOOKUP($A121,városok!$A$2:$C$346,2,0)-VLOOKUP(AR$1,városok!$A$2:$C$346,2,0))^2+(VLOOKUP($A121,városok!$A$2:$C$346,3,0)-VLOOKUP(AR$1,városok!$A$2:$C$346,3,0))^2)/1000,0)</f>
        <v>192</v>
      </c>
      <c r="AS121">
        <f ca="1">ROUND(SQRT((VLOOKUP($A121,városok!$A$2:$C$346,2,0)-VLOOKUP(AS$1,városok!$A$2:$C$346,2,0))^2+(VLOOKUP($A121,városok!$A$2:$C$346,3,0)-VLOOKUP(AS$1,városok!$A$2:$C$346,3,0))^2)/1000,0)</f>
        <v>203</v>
      </c>
      <c r="AT121">
        <f ca="1">ROUND(SQRT((VLOOKUP($A121,városok!$A$2:$C$346,2,0)-VLOOKUP(AT$1,városok!$A$2:$C$346,2,0))^2+(VLOOKUP($A121,városok!$A$2:$C$346,3,0)-VLOOKUP(AT$1,városok!$A$2:$C$346,3,0))^2)/1000,0)</f>
        <v>131</v>
      </c>
      <c r="AU121">
        <f ca="1">ROUND(SQRT((VLOOKUP($A121,városok!$A$2:$C$346,2,0)-VLOOKUP(AU$1,városok!$A$2:$C$346,2,0))^2+(VLOOKUP($A121,városok!$A$2:$C$346,3,0)-VLOOKUP(AU$1,városok!$A$2:$C$346,3,0))^2)/1000,0)</f>
        <v>142</v>
      </c>
      <c r="AV121">
        <f ca="1">ROUND(SQRT((VLOOKUP($A121,városok!$A$2:$C$346,2,0)-VLOOKUP(AV$1,városok!$A$2:$C$346,2,0))^2+(VLOOKUP($A121,városok!$A$2:$C$346,3,0)-VLOOKUP(AV$1,városok!$A$2:$C$346,3,0))^2)/1000,0)</f>
        <v>142</v>
      </c>
      <c r="AW121">
        <f ca="1">ROUND(SQRT((VLOOKUP($A121,városok!$A$2:$C$346,2,0)-VLOOKUP(AW$1,városok!$A$2:$C$346,2,0))^2+(VLOOKUP($A121,városok!$A$2:$C$346,3,0)-VLOOKUP(AW$1,városok!$A$2:$C$346,3,0))^2)/1000,0)</f>
        <v>140</v>
      </c>
      <c r="AX121">
        <f ca="1">ROUND(SQRT((VLOOKUP($A121,városok!$A$2:$C$346,2,0)-VLOOKUP(AX$1,városok!$A$2:$C$346,2,0))^2+(VLOOKUP($A121,városok!$A$2:$C$346,3,0)-VLOOKUP(AX$1,városok!$A$2:$C$346,3,0))^2)/1000,0)</f>
        <v>216</v>
      </c>
      <c r="AY121">
        <f ca="1">ROUND(SQRT((VLOOKUP($A121,városok!$A$2:$C$346,2,0)-VLOOKUP(AY$1,városok!$A$2:$C$346,2,0))^2+(VLOOKUP($A121,városok!$A$2:$C$346,3,0)-VLOOKUP(AY$1,városok!$A$2:$C$346,3,0))^2)/1000,0)</f>
        <v>145</v>
      </c>
      <c r="AZ121">
        <f ca="1">ROUND(SQRT((VLOOKUP($A121,városok!$A$2:$C$346,2,0)-VLOOKUP(AZ$1,városok!$A$2:$C$346,2,0))^2+(VLOOKUP($A121,városok!$A$2:$C$346,3,0)-VLOOKUP(AZ$1,városok!$A$2:$C$346,3,0))^2)/1000,0)</f>
        <v>137</v>
      </c>
      <c r="BA121">
        <f ca="1">ROUND(SQRT((VLOOKUP($A121,városok!$A$2:$C$346,2,0)-VLOOKUP(BA$1,városok!$A$2:$C$346,2,0))^2+(VLOOKUP($A121,városok!$A$2:$C$346,3,0)-VLOOKUP(BA$1,városok!$A$2:$C$346,3,0))^2)/1000,0)</f>
        <v>120</v>
      </c>
      <c r="BB121">
        <f ca="1">ROUND(SQRT((VLOOKUP($A121,városok!$A$2:$C$346,2,0)-VLOOKUP(BB$1,városok!$A$2:$C$346,2,0))^2+(VLOOKUP($A121,városok!$A$2:$C$346,3,0)-VLOOKUP(BB$1,városok!$A$2:$C$346,3,0))^2)/1000,0)</f>
        <v>152</v>
      </c>
      <c r="BC121">
        <f ca="1">ROUND(SQRT((VLOOKUP($A121,városok!$A$2:$C$346,2,0)-VLOOKUP(BC$1,városok!$A$2:$C$346,2,0))^2+(VLOOKUP($A121,városok!$A$2:$C$346,3,0)-VLOOKUP(BC$1,városok!$A$2:$C$346,3,0))^2)/1000,0)</f>
        <v>167</v>
      </c>
      <c r="BD121">
        <f ca="1">ROUND(SQRT((VLOOKUP($A121,városok!$A$2:$C$346,2,0)-VLOOKUP(BD$1,városok!$A$2:$C$346,2,0))^2+(VLOOKUP($A121,városok!$A$2:$C$346,3,0)-VLOOKUP(BD$1,városok!$A$2:$C$346,3,0))^2)/1000,0)</f>
        <v>120</v>
      </c>
      <c r="BE121">
        <f ca="1">ROUND(SQRT((VLOOKUP($A121,városok!$A$2:$C$346,2,0)-VLOOKUP(BE$1,városok!$A$2:$C$346,2,0))^2+(VLOOKUP($A121,városok!$A$2:$C$346,3,0)-VLOOKUP(BE$1,városok!$A$2:$C$346,3,0))^2)/1000,0)</f>
        <v>414</v>
      </c>
      <c r="BF121">
        <f ca="1">ROUND(SQRT((VLOOKUP($A121,városok!$A$2:$C$346,2,0)-VLOOKUP(BF$1,városok!$A$2:$C$346,2,0))^2+(VLOOKUP($A121,városok!$A$2:$C$346,3,0)-VLOOKUP(BF$1,városok!$A$2:$C$346,3,0))^2)/1000,0)</f>
        <v>371</v>
      </c>
      <c r="BG121">
        <f ca="1">ROUND(SQRT((VLOOKUP($A121,városok!$A$2:$C$346,2,0)-VLOOKUP(BG$1,városok!$A$2:$C$346,2,0))^2+(VLOOKUP($A121,városok!$A$2:$C$346,3,0)-VLOOKUP(BG$1,városok!$A$2:$C$346,3,0))^2)/1000,0)</f>
        <v>325</v>
      </c>
      <c r="BH121">
        <f ca="1">ROUND(SQRT((VLOOKUP($A121,városok!$A$2:$C$346,2,0)-VLOOKUP(BH$1,városok!$A$2:$C$346,2,0))^2+(VLOOKUP($A121,városok!$A$2:$C$346,3,0)-VLOOKUP(BH$1,városok!$A$2:$C$346,3,0))^2)/1000,0)</f>
        <v>325</v>
      </c>
      <c r="BI121">
        <f ca="1">ROUND(SQRT((VLOOKUP($A121,városok!$A$2:$C$346,2,0)-VLOOKUP(BI$1,városok!$A$2:$C$346,2,0))^2+(VLOOKUP($A121,városok!$A$2:$C$346,3,0)-VLOOKUP(BI$1,városok!$A$2:$C$346,3,0))^2)/1000,0)</f>
        <v>191</v>
      </c>
      <c r="BJ121">
        <f ca="1">ROUND(SQRT((VLOOKUP($A121,városok!$A$2:$C$346,2,0)-VLOOKUP(BJ$1,városok!$A$2:$C$346,2,0))^2+(VLOOKUP($A121,városok!$A$2:$C$346,3,0)-VLOOKUP(BJ$1,városok!$A$2:$C$346,3,0))^2)/1000,0)</f>
        <v>195</v>
      </c>
      <c r="BK121">
        <f ca="1">ROUND(SQRT((VLOOKUP($A121,városok!$A$2:$C$346,2,0)-VLOOKUP(BK$1,városok!$A$2:$C$346,2,0))^2+(VLOOKUP($A121,városok!$A$2:$C$346,3,0)-VLOOKUP(BK$1,városok!$A$2:$C$346,3,0))^2)/1000,0)</f>
        <v>199</v>
      </c>
      <c r="BL121">
        <f ca="1">ROUND(SQRT((VLOOKUP($A121,városok!$A$2:$C$346,2,0)-VLOOKUP(BL$1,városok!$A$2:$C$346,2,0))^2+(VLOOKUP($A121,városok!$A$2:$C$346,3,0)-VLOOKUP(BL$1,városok!$A$2:$C$346,3,0))^2)/1000,0)</f>
        <v>95</v>
      </c>
      <c r="BM121">
        <f ca="1">ROUND(SQRT((VLOOKUP($A121,városok!$A$2:$C$346,2,0)-VLOOKUP(BM$1,városok!$A$2:$C$346,2,0))^2+(VLOOKUP($A121,városok!$A$2:$C$346,3,0)-VLOOKUP(BM$1,városok!$A$2:$C$346,3,0))^2)/1000,0)</f>
        <v>61</v>
      </c>
      <c r="BN121">
        <f ca="1">ROUND(SQRT((VLOOKUP($A121,városok!$A$2:$C$346,2,0)-VLOOKUP(BN$1,városok!$A$2:$C$346,2,0))^2+(VLOOKUP($A121,városok!$A$2:$C$346,3,0)-VLOOKUP(BN$1,városok!$A$2:$C$346,3,0))^2)/1000,0)</f>
        <v>73</v>
      </c>
      <c r="BO121">
        <f ca="1">ROUND(SQRT((VLOOKUP($A121,városok!$A$2:$C$346,2,0)-VLOOKUP(BO$1,városok!$A$2:$C$346,2,0))^2+(VLOOKUP($A121,városok!$A$2:$C$346,3,0)-VLOOKUP(BO$1,városok!$A$2:$C$346,3,0))^2)/1000,0)</f>
        <v>107</v>
      </c>
      <c r="BP121">
        <f ca="1">ROUND(SQRT((VLOOKUP($A121,városok!$A$2:$C$346,2,0)-VLOOKUP(BP$1,városok!$A$2:$C$346,2,0))^2+(VLOOKUP($A121,városok!$A$2:$C$346,3,0)-VLOOKUP(BP$1,városok!$A$2:$C$346,3,0))^2)/1000,0)</f>
        <v>111</v>
      </c>
      <c r="BQ121">
        <f ca="1">ROUND(SQRT((VLOOKUP($A121,városok!$A$2:$C$346,2,0)-VLOOKUP(BQ$1,városok!$A$2:$C$346,2,0))^2+(VLOOKUP($A121,városok!$A$2:$C$346,3,0)-VLOOKUP(BQ$1,városok!$A$2:$C$346,3,0))^2)/1000,0)</f>
        <v>97</v>
      </c>
      <c r="BR121">
        <f ca="1">ROUND(SQRT((VLOOKUP($A121,városok!$A$2:$C$346,2,0)-VLOOKUP(BR$1,városok!$A$2:$C$346,2,0))^2+(VLOOKUP($A121,városok!$A$2:$C$346,3,0)-VLOOKUP(BR$1,városok!$A$2:$C$346,3,0))^2)/1000,0)</f>
        <v>114</v>
      </c>
      <c r="BS121">
        <f ca="1">ROUND(SQRT((VLOOKUP($A121,városok!$A$2:$C$346,2,0)-VLOOKUP(BS$1,városok!$A$2:$C$346,2,0))^2+(VLOOKUP($A121,városok!$A$2:$C$346,3,0)-VLOOKUP(BS$1,városok!$A$2:$C$346,3,0))^2)/1000,0)</f>
        <v>149</v>
      </c>
      <c r="BT121">
        <f ca="1">ROUND(SQRT((VLOOKUP($A121,városok!$A$2:$C$346,2,0)-VLOOKUP(BT$1,városok!$A$2:$C$346,2,0))^2+(VLOOKUP($A121,városok!$A$2:$C$346,3,0)-VLOOKUP(BT$1,városok!$A$2:$C$346,3,0))^2)/1000,0)</f>
        <v>108</v>
      </c>
    </row>
    <row r="122" spans="1:72" x14ac:dyDescent="0.2">
      <c r="A122" t="str">
        <f>városok!A122</f>
        <v>Kapuvár</v>
      </c>
      <c r="B122">
        <f ca="1">ROUND(SQRT((VLOOKUP($A122,városok!$A$2:$C$346,2,0)-VLOOKUP(B$1,városok!$A$2:$C$346,2,0))^2+(VLOOKUP($A122,városok!$A$2:$C$346,3,0)-VLOOKUP(B$1,városok!$A$2:$C$346,3,0))^2)/1000,0)</f>
        <v>215</v>
      </c>
      <c r="C122">
        <f ca="1">ROUND(SQRT((VLOOKUP($A122,városok!$A$2:$C$346,2,0)-VLOOKUP(C$1,városok!$A$2:$C$346,2,0))^2+(VLOOKUP($A122,városok!$A$2:$C$346,3,0)-VLOOKUP(C$1,városok!$A$2:$C$346,3,0))^2)/1000,0)</f>
        <v>189</v>
      </c>
      <c r="D122">
        <f ca="1">ROUND(SQRT((VLOOKUP($A122,városok!$A$2:$C$346,2,0)-VLOOKUP(D$1,városok!$A$2:$C$346,2,0))^2+(VLOOKUP($A122,városok!$A$2:$C$346,3,0)-VLOOKUP(D$1,városok!$A$2:$C$346,3,0))^2)/1000,0)</f>
        <v>215</v>
      </c>
      <c r="E122">
        <f ca="1">ROUND(SQRT((VLOOKUP($A122,városok!$A$2:$C$346,2,0)-VLOOKUP(E$1,városok!$A$2:$C$346,2,0))^2+(VLOOKUP($A122,városok!$A$2:$C$346,3,0)-VLOOKUP(E$1,városok!$A$2:$C$346,3,0))^2)/1000,0)</f>
        <v>182</v>
      </c>
      <c r="F122">
        <f ca="1">ROUND(SQRT((VLOOKUP($A122,városok!$A$2:$C$346,2,0)-VLOOKUP(F$1,városok!$A$2:$C$346,2,0))^2+(VLOOKUP($A122,városok!$A$2:$C$346,3,0)-VLOOKUP(F$1,városok!$A$2:$C$346,3,0))^2)/1000,0)</f>
        <v>218</v>
      </c>
      <c r="G122">
        <f ca="1">ROUND(SQRT((VLOOKUP($A122,városok!$A$2:$C$346,2,0)-VLOOKUP(G$1,városok!$A$2:$C$346,2,0))^2+(VLOOKUP($A122,városok!$A$2:$C$346,3,0)-VLOOKUP(G$1,városok!$A$2:$C$346,3,0))^2)/1000,0)</f>
        <v>192</v>
      </c>
      <c r="H122">
        <f ca="1">ROUND(SQRT((VLOOKUP($A122,városok!$A$2:$C$346,2,0)-VLOOKUP(H$1,városok!$A$2:$C$346,2,0))^2+(VLOOKUP($A122,városok!$A$2:$C$346,3,0)-VLOOKUP(H$1,városok!$A$2:$C$346,3,0))^2)/1000,0)</f>
        <v>182</v>
      </c>
      <c r="I122">
        <f ca="1">ROUND(SQRT((VLOOKUP($A122,városok!$A$2:$C$346,2,0)-VLOOKUP(I$1,városok!$A$2:$C$346,2,0))^2+(VLOOKUP($A122,városok!$A$2:$C$346,3,0)-VLOOKUP(I$1,városok!$A$2:$C$346,3,0))^2)/1000,0)</f>
        <v>324</v>
      </c>
      <c r="J122">
        <f ca="1">ROUND(SQRT((VLOOKUP($A122,városok!$A$2:$C$346,2,0)-VLOOKUP(J$1,városok!$A$2:$C$346,2,0))^2+(VLOOKUP($A122,városok!$A$2:$C$346,3,0)-VLOOKUP(J$1,városok!$A$2:$C$346,3,0))^2)/1000,0)</f>
        <v>339</v>
      </c>
      <c r="K122">
        <f ca="1">ROUND(SQRT((VLOOKUP($A122,városok!$A$2:$C$346,2,0)-VLOOKUP(K$1,városok!$A$2:$C$346,2,0))^2+(VLOOKUP($A122,városok!$A$2:$C$346,3,0)-VLOOKUP(K$1,városok!$A$2:$C$346,3,0))^2)/1000,0)</f>
        <v>299</v>
      </c>
      <c r="L122">
        <f ca="1">ROUND(SQRT((VLOOKUP($A122,városok!$A$2:$C$346,2,0)-VLOOKUP(L$1,városok!$A$2:$C$346,2,0))^2+(VLOOKUP($A122,városok!$A$2:$C$346,3,0)-VLOOKUP(L$1,városok!$A$2:$C$346,3,0))^2)/1000,0)</f>
        <v>279</v>
      </c>
      <c r="M122">
        <f ca="1">ROUND(SQRT((VLOOKUP($A122,városok!$A$2:$C$346,2,0)-VLOOKUP(M$1,városok!$A$2:$C$346,2,0))^2+(VLOOKUP($A122,városok!$A$2:$C$346,3,0)-VLOOKUP(M$1,városok!$A$2:$C$346,3,0))^2)/1000,0)</f>
        <v>287</v>
      </c>
      <c r="N122">
        <f ca="1">ROUND(SQRT((VLOOKUP($A122,városok!$A$2:$C$346,2,0)-VLOOKUP(N$1,városok!$A$2:$C$346,2,0))^2+(VLOOKUP($A122,városok!$A$2:$C$346,3,0)-VLOOKUP(N$1,városok!$A$2:$C$346,3,0))^2)/1000,0)</f>
        <v>254</v>
      </c>
      <c r="O122">
        <f ca="1">ROUND(SQRT((VLOOKUP($A122,városok!$A$2:$C$346,2,0)-VLOOKUP(O$1,városok!$A$2:$C$346,2,0))^2+(VLOOKUP($A122,városok!$A$2:$C$346,3,0)-VLOOKUP(O$1,városok!$A$2:$C$346,3,0))^2)/1000,0)</f>
        <v>356</v>
      </c>
      <c r="P122">
        <f ca="1">ROUND(SQRT((VLOOKUP($A122,városok!$A$2:$C$346,2,0)-VLOOKUP(P$1,városok!$A$2:$C$346,2,0))^2+(VLOOKUP($A122,városok!$A$2:$C$346,3,0)-VLOOKUP(P$1,városok!$A$2:$C$346,3,0))^2)/1000,0)</f>
        <v>356</v>
      </c>
      <c r="Q122">
        <f ca="1">ROUND(SQRT((VLOOKUP($A122,városok!$A$2:$C$346,2,0)-VLOOKUP(Q$1,városok!$A$2:$C$346,2,0))^2+(VLOOKUP($A122,városok!$A$2:$C$346,3,0)-VLOOKUP(Q$1,városok!$A$2:$C$346,3,0))^2)/1000,0)</f>
        <v>282</v>
      </c>
      <c r="R122">
        <f ca="1">ROUND(SQRT((VLOOKUP($A122,városok!$A$2:$C$346,2,0)-VLOOKUP(R$1,városok!$A$2:$C$346,2,0))^2+(VLOOKUP($A122,városok!$A$2:$C$346,3,0)-VLOOKUP(R$1,városok!$A$2:$C$346,3,0))^2)/1000,0)</f>
        <v>304</v>
      </c>
      <c r="S122">
        <f ca="1">ROUND(SQRT((VLOOKUP($A122,városok!$A$2:$C$346,2,0)-VLOOKUP(S$1,városok!$A$2:$C$346,2,0))^2+(VLOOKUP($A122,városok!$A$2:$C$346,3,0)-VLOOKUP(S$1,városok!$A$2:$C$346,3,0))^2)/1000,0)</f>
        <v>281</v>
      </c>
      <c r="T122">
        <f ca="1">ROUND(SQRT((VLOOKUP($A122,városok!$A$2:$C$346,2,0)-VLOOKUP(T$1,városok!$A$2:$C$346,2,0))^2+(VLOOKUP($A122,városok!$A$2:$C$346,3,0)-VLOOKUP(T$1,városok!$A$2:$C$346,3,0))^2)/1000,0)</f>
        <v>121</v>
      </c>
      <c r="U122">
        <f ca="1">ROUND(SQRT((VLOOKUP($A122,városok!$A$2:$C$346,2,0)-VLOOKUP(U$1,városok!$A$2:$C$346,2,0))^2+(VLOOKUP($A122,városok!$A$2:$C$346,3,0)-VLOOKUP(U$1,városok!$A$2:$C$346,3,0))^2)/1000,0)</f>
        <v>160</v>
      </c>
      <c r="V122">
        <f ca="1">ROUND(SQRT((VLOOKUP($A122,városok!$A$2:$C$346,2,0)-VLOOKUP(V$1,városok!$A$2:$C$346,2,0))^2+(VLOOKUP($A122,városok!$A$2:$C$346,3,0)-VLOOKUP(V$1,városok!$A$2:$C$346,3,0))^2)/1000,0)</f>
        <v>113</v>
      </c>
      <c r="W122">
        <f ca="1">ROUND(SQRT((VLOOKUP($A122,városok!$A$2:$C$346,2,0)-VLOOKUP(W$1,városok!$A$2:$C$346,2,0))^2+(VLOOKUP($A122,városok!$A$2:$C$346,3,0)-VLOOKUP(W$1,városok!$A$2:$C$346,3,0))^2)/1000,0)</f>
        <v>144</v>
      </c>
      <c r="X122">
        <f ca="1">ROUND(SQRT((VLOOKUP($A122,városok!$A$2:$C$346,2,0)-VLOOKUP(X$1,városok!$A$2:$C$346,2,0))^2+(VLOOKUP($A122,városok!$A$2:$C$346,3,0)-VLOOKUP(X$1,városok!$A$2:$C$346,3,0))^2)/1000,0)</f>
        <v>103</v>
      </c>
      <c r="Y122">
        <f ca="1">ROUND(SQRT((VLOOKUP($A122,városok!$A$2:$C$346,2,0)-VLOOKUP(Y$1,városok!$A$2:$C$346,2,0))^2+(VLOOKUP($A122,városok!$A$2:$C$346,3,0)-VLOOKUP(Y$1,városok!$A$2:$C$346,3,0))^2)/1000,0)</f>
        <v>47</v>
      </c>
      <c r="Z122">
        <f ca="1">ROUND(SQRT((VLOOKUP($A122,városok!$A$2:$C$346,2,0)-VLOOKUP(Z$1,városok!$A$2:$C$346,2,0))^2+(VLOOKUP($A122,városok!$A$2:$C$346,3,0)-VLOOKUP(Z$1,városok!$A$2:$C$346,3,0))^2)/1000,0)</f>
        <v>31</v>
      </c>
      <c r="AA122">
        <f ca="1">ROUND(SQRT((VLOOKUP($A122,városok!$A$2:$C$346,2,0)-VLOOKUP(AA$1,városok!$A$2:$C$346,2,0))^2+(VLOOKUP($A122,városok!$A$2:$C$346,3,0)-VLOOKUP(AA$1,városok!$A$2:$C$346,3,0))^2)/1000,0)</f>
        <v>35</v>
      </c>
      <c r="AB122">
        <f ca="1">ROUND(SQRT((VLOOKUP($A122,városok!$A$2:$C$346,2,0)-VLOOKUP(AB$1,városok!$A$2:$C$346,2,0))^2+(VLOOKUP($A122,városok!$A$2:$C$346,3,0)-VLOOKUP(AB$1,városok!$A$2:$C$346,3,0))^2)/1000,0)</f>
        <v>346</v>
      </c>
      <c r="AC122">
        <f ca="1">ROUND(SQRT((VLOOKUP($A122,városok!$A$2:$C$346,2,0)-VLOOKUP(AC$1,városok!$A$2:$C$346,2,0))^2+(VLOOKUP($A122,városok!$A$2:$C$346,3,0)-VLOOKUP(AC$1,városok!$A$2:$C$346,3,0))^2)/1000,0)</f>
        <v>329</v>
      </c>
      <c r="AD122">
        <f ca="1">ROUND(SQRT((VLOOKUP($A122,városok!$A$2:$C$346,2,0)-VLOOKUP(AD$1,városok!$A$2:$C$346,2,0))^2+(VLOOKUP($A122,városok!$A$2:$C$346,3,0)-VLOOKUP(AD$1,városok!$A$2:$C$346,3,0))^2)/1000,0)</f>
        <v>311</v>
      </c>
      <c r="AE122">
        <f ca="1">ROUND(SQRT((VLOOKUP($A122,városok!$A$2:$C$346,2,0)-VLOOKUP(AE$1,városok!$A$2:$C$346,2,0))^2+(VLOOKUP($A122,városok!$A$2:$C$346,3,0)-VLOOKUP(AE$1,városok!$A$2:$C$346,3,0))^2)/1000,0)</f>
        <v>314</v>
      </c>
      <c r="AF122">
        <f ca="1">ROUND(SQRT((VLOOKUP($A122,városok!$A$2:$C$346,2,0)-VLOOKUP(AF$1,városok!$A$2:$C$346,2,0))^2+(VLOOKUP($A122,városok!$A$2:$C$346,3,0)-VLOOKUP(AF$1,városok!$A$2:$C$346,3,0))^2)/1000,0)</f>
        <v>253</v>
      </c>
      <c r="AG122">
        <f ca="1">ROUND(SQRT((VLOOKUP($A122,városok!$A$2:$C$346,2,0)-VLOOKUP(AG$1,városok!$A$2:$C$346,2,0))^2+(VLOOKUP($A122,városok!$A$2:$C$346,3,0)-VLOOKUP(AG$1,városok!$A$2:$C$346,3,0))^2)/1000,0)</f>
        <v>218</v>
      </c>
      <c r="AH122">
        <f ca="1">ROUND(SQRT((VLOOKUP($A122,városok!$A$2:$C$346,2,0)-VLOOKUP(AH$1,városok!$A$2:$C$346,2,0))^2+(VLOOKUP($A122,városok!$A$2:$C$346,3,0)-VLOOKUP(AH$1,városok!$A$2:$C$346,3,0))^2)/1000,0)</f>
        <v>199</v>
      </c>
      <c r="AI122">
        <f ca="1">ROUND(SQRT((VLOOKUP($A122,városok!$A$2:$C$346,2,0)-VLOOKUP(AI$1,városok!$A$2:$C$346,2,0))^2+(VLOOKUP($A122,városok!$A$2:$C$346,3,0)-VLOOKUP(AI$1,városok!$A$2:$C$346,3,0))^2)/1000,0)</f>
        <v>234</v>
      </c>
      <c r="AJ122">
        <f ca="1">ROUND(SQRT((VLOOKUP($A122,városok!$A$2:$C$346,2,0)-VLOOKUP(AJ$1,városok!$A$2:$C$346,2,0))^2+(VLOOKUP($A122,városok!$A$2:$C$346,3,0)-VLOOKUP(AJ$1,városok!$A$2:$C$346,3,0))^2)/1000,0)</f>
        <v>221</v>
      </c>
      <c r="AK122">
        <f ca="1">ROUND(SQRT((VLOOKUP($A122,városok!$A$2:$C$346,2,0)-VLOOKUP(AK$1,városok!$A$2:$C$346,2,0))^2+(VLOOKUP($A122,városok!$A$2:$C$346,3,0)-VLOOKUP(AK$1,városok!$A$2:$C$346,3,0))^2)/1000,0)</f>
        <v>299</v>
      </c>
      <c r="AL122">
        <f ca="1">ROUND(SQRT((VLOOKUP($A122,városok!$A$2:$C$346,2,0)-VLOOKUP(AL$1,városok!$A$2:$C$346,2,0))^2+(VLOOKUP($A122,városok!$A$2:$C$346,3,0)-VLOOKUP(AL$1,városok!$A$2:$C$346,3,0))^2)/1000,0)</f>
        <v>272</v>
      </c>
      <c r="AM122">
        <f ca="1">ROUND(SQRT((VLOOKUP($A122,városok!$A$2:$C$346,2,0)-VLOOKUP(AM$1,városok!$A$2:$C$346,2,0))^2+(VLOOKUP($A122,városok!$A$2:$C$346,3,0)-VLOOKUP(AM$1,városok!$A$2:$C$346,3,0))^2)/1000,0)</f>
        <v>242</v>
      </c>
      <c r="AN122">
        <f ca="1">ROUND(SQRT((VLOOKUP($A122,városok!$A$2:$C$346,2,0)-VLOOKUP(AN$1,városok!$A$2:$C$346,2,0))^2+(VLOOKUP($A122,városok!$A$2:$C$346,3,0)-VLOOKUP(AN$1,városok!$A$2:$C$346,3,0))^2)/1000,0)</f>
        <v>130</v>
      </c>
      <c r="AO122">
        <f ca="1">ROUND(SQRT((VLOOKUP($A122,városok!$A$2:$C$346,2,0)-VLOOKUP(AO$1,városok!$A$2:$C$346,2,0))^2+(VLOOKUP($A122,városok!$A$2:$C$346,3,0)-VLOOKUP(AO$1,városok!$A$2:$C$346,3,0))^2)/1000,0)</f>
        <v>84</v>
      </c>
      <c r="AP122">
        <f ca="1">ROUND(SQRT((VLOOKUP($A122,városok!$A$2:$C$346,2,0)-VLOOKUP(AP$1,városok!$A$2:$C$346,2,0))^2+(VLOOKUP($A122,városok!$A$2:$C$346,3,0)-VLOOKUP(AP$1,városok!$A$2:$C$346,3,0))^2)/1000,0)</f>
        <v>98</v>
      </c>
      <c r="AQ122">
        <f ca="1">ROUND(SQRT((VLOOKUP($A122,városok!$A$2:$C$346,2,0)-VLOOKUP(AQ$1,városok!$A$2:$C$346,2,0))^2+(VLOOKUP($A122,városok!$A$2:$C$346,3,0)-VLOOKUP(AQ$1,városok!$A$2:$C$346,3,0))^2)/1000,0)</f>
        <v>104</v>
      </c>
      <c r="AR122">
        <f ca="1">ROUND(SQRT((VLOOKUP($A122,városok!$A$2:$C$346,2,0)-VLOOKUP(AR$1,városok!$A$2:$C$346,2,0))^2+(VLOOKUP($A122,városok!$A$2:$C$346,3,0)-VLOOKUP(AR$1,városok!$A$2:$C$346,3,0))^2)/1000,0)</f>
        <v>203</v>
      </c>
      <c r="AS122">
        <f ca="1">ROUND(SQRT((VLOOKUP($A122,városok!$A$2:$C$346,2,0)-VLOOKUP(AS$1,városok!$A$2:$C$346,2,0))^2+(VLOOKUP($A122,városok!$A$2:$C$346,3,0)-VLOOKUP(AS$1,városok!$A$2:$C$346,3,0))^2)/1000,0)</f>
        <v>216</v>
      </c>
      <c r="AT122">
        <f ca="1">ROUND(SQRT((VLOOKUP($A122,városok!$A$2:$C$346,2,0)-VLOOKUP(AT$1,városok!$A$2:$C$346,2,0))^2+(VLOOKUP($A122,városok!$A$2:$C$346,3,0)-VLOOKUP(AT$1,városok!$A$2:$C$346,3,0))^2)/1000,0)</f>
        <v>135</v>
      </c>
      <c r="AU122">
        <f ca="1">ROUND(SQRT((VLOOKUP($A122,városok!$A$2:$C$346,2,0)-VLOOKUP(AU$1,városok!$A$2:$C$346,2,0))^2+(VLOOKUP($A122,városok!$A$2:$C$346,3,0)-VLOOKUP(AU$1,városok!$A$2:$C$346,3,0))^2)/1000,0)</f>
        <v>146</v>
      </c>
      <c r="AV122">
        <f ca="1">ROUND(SQRT((VLOOKUP($A122,városok!$A$2:$C$346,2,0)-VLOOKUP(AV$1,városok!$A$2:$C$346,2,0))^2+(VLOOKUP($A122,városok!$A$2:$C$346,3,0)-VLOOKUP(AV$1,városok!$A$2:$C$346,3,0))^2)/1000,0)</f>
        <v>146</v>
      </c>
      <c r="AW122">
        <f ca="1">ROUND(SQRT((VLOOKUP($A122,városok!$A$2:$C$346,2,0)-VLOOKUP(AW$1,városok!$A$2:$C$346,2,0))^2+(VLOOKUP($A122,városok!$A$2:$C$346,3,0)-VLOOKUP(AW$1,városok!$A$2:$C$346,3,0))^2)/1000,0)</f>
        <v>143</v>
      </c>
      <c r="AX122">
        <f ca="1">ROUND(SQRT((VLOOKUP($A122,városok!$A$2:$C$346,2,0)-VLOOKUP(AX$1,városok!$A$2:$C$346,2,0))^2+(VLOOKUP($A122,városok!$A$2:$C$346,3,0)-VLOOKUP(AX$1,városok!$A$2:$C$346,3,0))^2)/1000,0)</f>
        <v>217</v>
      </c>
      <c r="AY122">
        <f ca="1">ROUND(SQRT((VLOOKUP($A122,városok!$A$2:$C$346,2,0)-VLOOKUP(AY$1,városok!$A$2:$C$346,2,0))^2+(VLOOKUP($A122,városok!$A$2:$C$346,3,0)-VLOOKUP(AY$1,városok!$A$2:$C$346,3,0))^2)/1000,0)</f>
        <v>153</v>
      </c>
      <c r="AZ122">
        <f ca="1">ROUND(SQRT((VLOOKUP($A122,városok!$A$2:$C$346,2,0)-VLOOKUP(AZ$1,városok!$A$2:$C$346,2,0))^2+(VLOOKUP($A122,városok!$A$2:$C$346,3,0)-VLOOKUP(AZ$1,városok!$A$2:$C$346,3,0))^2)/1000,0)</f>
        <v>147</v>
      </c>
      <c r="BA122">
        <f ca="1">ROUND(SQRT((VLOOKUP($A122,városok!$A$2:$C$346,2,0)-VLOOKUP(BA$1,városok!$A$2:$C$346,2,0))^2+(VLOOKUP($A122,városok!$A$2:$C$346,3,0)-VLOOKUP(BA$1,városok!$A$2:$C$346,3,0))^2)/1000,0)</f>
        <v>104</v>
      </c>
      <c r="BB122">
        <f ca="1">ROUND(SQRT((VLOOKUP($A122,városok!$A$2:$C$346,2,0)-VLOOKUP(BB$1,városok!$A$2:$C$346,2,0))^2+(VLOOKUP($A122,városok!$A$2:$C$346,3,0)-VLOOKUP(BB$1,városok!$A$2:$C$346,3,0))^2)/1000,0)</f>
        <v>136</v>
      </c>
      <c r="BC122">
        <f ca="1">ROUND(SQRT((VLOOKUP($A122,városok!$A$2:$C$346,2,0)-VLOOKUP(BC$1,városok!$A$2:$C$346,2,0))^2+(VLOOKUP($A122,városok!$A$2:$C$346,3,0)-VLOOKUP(BC$1,városok!$A$2:$C$346,3,0))^2)/1000,0)</f>
        <v>149</v>
      </c>
      <c r="BD122">
        <f ca="1">ROUND(SQRT((VLOOKUP($A122,városok!$A$2:$C$346,2,0)-VLOOKUP(BD$1,városok!$A$2:$C$346,2,0))^2+(VLOOKUP($A122,városok!$A$2:$C$346,3,0)-VLOOKUP(BD$1,városok!$A$2:$C$346,3,0))^2)/1000,0)</f>
        <v>109</v>
      </c>
      <c r="BE122">
        <f ca="1">ROUND(SQRT((VLOOKUP($A122,városok!$A$2:$C$346,2,0)-VLOOKUP(BE$1,városok!$A$2:$C$346,2,0))^2+(VLOOKUP($A122,városok!$A$2:$C$346,3,0)-VLOOKUP(BE$1,városok!$A$2:$C$346,3,0))^2)/1000,0)</f>
        <v>424</v>
      </c>
      <c r="BF122">
        <f ca="1">ROUND(SQRT((VLOOKUP($A122,városok!$A$2:$C$346,2,0)-VLOOKUP(BF$1,városok!$A$2:$C$346,2,0))^2+(VLOOKUP($A122,városok!$A$2:$C$346,3,0)-VLOOKUP(BF$1,városok!$A$2:$C$346,3,0))^2)/1000,0)</f>
        <v>383</v>
      </c>
      <c r="BG122">
        <f ca="1">ROUND(SQRT((VLOOKUP($A122,városok!$A$2:$C$346,2,0)-VLOOKUP(BG$1,városok!$A$2:$C$346,2,0))^2+(VLOOKUP($A122,városok!$A$2:$C$346,3,0)-VLOOKUP(BG$1,városok!$A$2:$C$346,3,0))^2)/1000,0)</f>
        <v>337</v>
      </c>
      <c r="BH122">
        <f ca="1">ROUND(SQRT((VLOOKUP($A122,városok!$A$2:$C$346,2,0)-VLOOKUP(BH$1,városok!$A$2:$C$346,2,0))^2+(VLOOKUP($A122,városok!$A$2:$C$346,3,0)-VLOOKUP(BH$1,városok!$A$2:$C$346,3,0))^2)/1000,0)</f>
        <v>337</v>
      </c>
      <c r="BI122">
        <f ca="1">ROUND(SQRT((VLOOKUP($A122,városok!$A$2:$C$346,2,0)-VLOOKUP(BI$1,városok!$A$2:$C$346,2,0))^2+(VLOOKUP($A122,városok!$A$2:$C$346,3,0)-VLOOKUP(BI$1,városok!$A$2:$C$346,3,0))^2)/1000,0)</f>
        <v>180</v>
      </c>
      <c r="BJ122">
        <f ca="1">ROUND(SQRT((VLOOKUP($A122,városok!$A$2:$C$346,2,0)-VLOOKUP(BJ$1,városok!$A$2:$C$346,2,0))^2+(VLOOKUP($A122,városok!$A$2:$C$346,3,0)-VLOOKUP(BJ$1,városok!$A$2:$C$346,3,0))^2)/1000,0)</f>
        <v>182</v>
      </c>
      <c r="BK122">
        <f ca="1">ROUND(SQRT((VLOOKUP($A122,városok!$A$2:$C$346,2,0)-VLOOKUP(BK$1,városok!$A$2:$C$346,2,0))^2+(VLOOKUP($A122,városok!$A$2:$C$346,3,0)-VLOOKUP(BK$1,városok!$A$2:$C$346,3,0))^2)/1000,0)</f>
        <v>188</v>
      </c>
      <c r="BL122">
        <f ca="1">ROUND(SQRT((VLOOKUP($A122,városok!$A$2:$C$346,2,0)-VLOOKUP(BL$1,városok!$A$2:$C$346,2,0))^2+(VLOOKUP($A122,városok!$A$2:$C$346,3,0)-VLOOKUP(BL$1,városok!$A$2:$C$346,3,0))^2)/1000,0)</f>
        <v>72</v>
      </c>
      <c r="BM122">
        <f ca="1">ROUND(SQRT((VLOOKUP($A122,városok!$A$2:$C$346,2,0)-VLOOKUP(BM$1,városok!$A$2:$C$346,2,0))^2+(VLOOKUP($A122,városok!$A$2:$C$346,3,0)-VLOOKUP(BM$1,városok!$A$2:$C$346,3,0))^2)/1000,0)</f>
        <v>38</v>
      </c>
      <c r="BN122">
        <f ca="1">ROUND(SQRT((VLOOKUP($A122,városok!$A$2:$C$346,2,0)-VLOOKUP(BN$1,városok!$A$2:$C$346,2,0))^2+(VLOOKUP($A122,városok!$A$2:$C$346,3,0)-VLOOKUP(BN$1,városok!$A$2:$C$346,3,0))^2)/1000,0)</f>
        <v>50</v>
      </c>
      <c r="BO122">
        <f ca="1">ROUND(SQRT((VLOOKUP($A122,városok!$A$2:$C$346,2,0)-VLOOKUP(BO$1,városok!$A$2:$C$346,2,0))^2+(VLOOKUP($A122,városok!$A$2:$C$346,3,0)-VLOOKUP(BO$1,városok!$A$2:$C$346,3,0))^2)/1000,0)</f>
        <v>97</v>
      </c>
      <c r="BP122">
        <f ca="1">ROUND(SQRT((VLOOKUP($A122,városok!$A$2:$C$346,2,0)-VLOOKUP(BP$1,városok!$A$2:$C$346,2,0))^2+(VLOOKUP($A122,városok!$A$2:$C$346,3,0)-VLOOKUP(BP$1,városok!$A$2:$C$346,3,0))^2)/1000,0)</f>
        <v>102</v>
      </c>
      <c r="BQ122">
        <f ca="1">ROUND(SQRT((VLOOKUP($A122,városok!$A$2:$C$346,2,0)-VLOOKUP(BQ$1,városok!$A$2:$C$346,2,0))^2+(VLOOKUP($A122,városok!$A$2:$C$346,3,0)-VLOOKUP(BQ$1,városok!$A$2:$C$346,3,0))^2)/1000,0)</f>
        <v>87</v>
      </c>
      <c r="BR122">
        <f ca="1">ROUND(SQRT((VLOOKUP($A122,városok!$A$2:$C$346,2,0)-VLOOKUP(BR$1,városok!$A$2:$C$346,2,0))^2+(VLOOKUP($A122,városok!$A$2:$C$346,3,0)-VLOOKUP(BR$1,városok!$A$2:$C$346,3,0))^2)/1000,0)</f>
        <v>93</v>
      </c>
      <c r="BS122">
        <f ca="1">ROUND(SQRT((VLOOKUP($A122,városok!$A$2:$C$346,2,0)-VLOOKUP(BS$1,városok!$A$2:$C$346,2,0))^2+(VLOOKUP($A122,városok!$A$2:$C$346,3,0)-VLOOKUP(BS$1,városok!$A$2:$C$346,3,0))^2)/1000,0)</f>
        <v>127</v>
      </c>
      <c r="BT122">
        <f ca="1">ROUND(SQRT((VLOOKUP($A122,városok!$A$2:$C$346,2,0)-VLOOKUP(BT$1,városok!$A$2:$C$346,2,0))^2+(VLOOKUP($A122,városok!$A$2:$C$346,3,0)-VLOOKUP(BT$1,városok!$A$2:$C$346,3,0))^2)/1000,0)</f>
        <v>86</v>
      </c>
    </row>
    <row r="123" spans="1:72" x14ac:dyDescent="0.2">
      <c r="A123" t="str">
        <f>városok!A123</f>
        <v>Lébény</v>
      </c>
      <c r="B123">
        <f ca="1">ROUND(SQRT((VLOOKUP($A123,városok!$A$2:$C$346,2,0)-VLOOKUP(B$1,városok!$A$2:$C$346,2,0))^2+(VLOOKUP($A123,városok!$A$2:$C$346,3,0)-VLOOKUP(B$1,városok!$A$2:$C$346,3,0))^2)/1000,0)</f>
        <v>210</v>
      </c>
      <c r="C123">
        <f ca="1">ROUND(SQRT((VLOOKUP($A123,városok!$A$2:$C$346,2,0)-VLOOKUP(C$1,városok!$A$2:$C$346,2,0))^2+(VLOOKUP($A123,városok!$A$2:$C$346,3,0)-VLOOKUP(C$1,városok!$A$2:$C$346,3,0))^2)/1000,0)</f>
        <v>180</v>
      </c>
      <c r="D123">
        <f ca="1">ROUND(SQRT((VLOOKUP($A123,városok!$A$2:$C$346,2,0)-VLOOKUP(D$1,városok!$A$2:$C$346,2,0))^2+(VLOOKUP($A123,városok!$A$2:$C$346,3,0)-VLOOKUP(D$1,városok!$A$2:$C$346,3,0))^2)/1000,0)</f>
        <v>197</v>
      </c>
      <c r="E123">
        <f ca="1">ROUND(SQRT((VLOOKUP($A123,városok!$A$2:$C$346,2,0)-VLOOKUP(E$1,városok!$A$2:$C$346,2,0))^2+(VLOOKUP($A123,városok!$A$2:$C$346,3,0)-VLOOKUP(E$1,városok!$A$2:$C$346,3,0))^2)/1000,0)</f>
        <v>184</v>
      </c>
      <c r="F123">
        <f ca="1">ROUND(SQRT((VLOOKUP($A123,városok!$A$2:$C$346,2,0)-VLOOKUP(F$1,városok!$A$2:$C$346,2,0))^2+(VLOOKUP($A123,városok!$A$2:$C$346,3,0)-VLOOKUP(F$1,városok!$A$2:$C$346,3,0))^2)/1000,0)</f>
        <v>218</v>
      </c>
      <c r="G123">
        <f ca="1">ROUND(SQRT((VLOOKUP($A123,városok!$A$2:$C$346,2,0)-VLOOKUP(G$1,városok!$A$2:$C$346,2,0))^2+(VLOOKUP($A123,városok!$A$2:$C$346,3,0)-VLOOKUP(G$1,városok!$A$2:$C$346,3,0))^2)/1000,0)</f>
        <v>195</v>
      </c>
      <c r="H123">
        <f ca="1">ROUND(SQRT((VLOOKUP($A123,városok!$A$2:$C$346,2,0)-VLOOKUP(H$1,városok!$A$2:$C$346,2,0))^2+(VLOOKUP($A123,városok!$A$2:$C$346,3,0)-VLOOKUP(H$1,városok!$A$2:$C$346,3,0))^2)/1000,0)</f>
        <v>190</v>
      </c>
      <c r="I123">
        <f ca="1">ROUND(SQRT((VLOOKUP($A123,városok!$A$2:$C$346,2,0)-VLOOKUP(I$1,városok!$A$2:$C$346,2,0))^2+(VLOOKUP($A123,városok!$A$2:$C$346,3,0)-VLOOKUP(I$1,városok!$A$2:$C$346,3,0))^2)/1000,0)</f>
        <v>303</v>
      </c>
      <c r="J123">
        <f ca="1">ROUND(SQRT((VLOOKUP($A123,városok!$A$2:$C$346,2,0)-VLOOKUP(J$1,városok!$A$2:$C$346,2,0))^2+(VLOOKUP($A123,városok!$A$2:$C$346,3,0)-VLOOKUP(J$1,városok!$A$2:$C$346,3,0))^2)/1000,0)</f>
        <v>318</v>
      </c>
      <c r="K123">
        <f ca="1">ROUND(SQRT((VLOOKUP($A123,városok!$A$2:$C$346,2,0)-VLOOKUP(K$1,városok!$A$2:$C$346,2,0))^2+(VLOOKUP($A123,városok!$A$2:$C$346,3,0)-VLOOKUP(K$1,városok!$A$2:$C$346,3,0))^2)/1000,0)</f>
        <v>281</v>
      </c>
      <c r="L123">
        <f ca="1">ROUND(SQRT((VLOOKUP($A123,városok!$A$2:$C$346,2,0)-VLOOKUP(L$1,városok!$A$2:$C$346,2,0))^2+(VLOOKUP($A123,városok!$A$2:$C$346,3,0)-VLOOKUP(L$1,városok!$A$2:$C$346,3,0))^2)/1000,0)</f>
        <v>249</v>
      </c>
      <c r="M123">
        <f ca="1">ROUND(SQRT((VLOOKUP($A123,városok!$A$2:$C$346,2,0)-VLOOKUP(M$1,városok!$A$2:$C$346,2,0))^2+(VLOOKUP($A123,városok!$A$2:$C$346,3,0)-VLOOKUP(M$1,városok!$A$2:$C$346,3,0))^2)/1000,0)</f>
        <v>258</v>
      </c>
      <c r="N123">
        <f ca="1">ROUND(SQRT((VLOOKUP($A123,városok!$A$2:$C$346,2,0)-VLOOKUP(N$1,városok!$A$2:$C$346,2,0))^2+(VLOOKUP($A123,városok!$A$2:$C$346,3,0)-VLOOKUP(N$1,városok!$A$2:$C$346,3,0))^2)/1000,0)</f>
        <v>223</v>
      </c>
      <c r="O123">
        <f ca="1">ROUND(SQRT((VLOOKUP($A123,városok!$A$2:$C$346,2,0)-VLOOKUP(O$1,városok!$A$2:$C$346,2,0))^2+(VLOOKUP($A123,városok!$A$2:$C$346,3,0)-VLOOKUP(O$1,városok!$A$2:$C$346,3,0))^2)/1000,0)</f>
        <v>326</v>
      </c>
      <c r="P123">
        <f ca="1">ROUND(SQRT((VLOOKUP($A123,városok!$A$2:$C$346,2,0)-VLOOKUP(P$1,városok!$A$2:$C$346,2,0))^2+(VLOOKUP($A123,városok!$A$2:$C$346,3,0)-VLOOKUP(P$1,városok!$A$2:$C$346,3,0))^2)/1000,0)</f>
        <v>326</v>
      </c>
      <c r="Q123">
        <f ca="1">ROUND(SQRT((VLOOKUP($A123,városok!$A$2:$C$346,2,0)-VLOOKUP(Q$1,városok!$A$2:$C$346,2,0))^2+(VLOOKUP($A123,városok!$A$2:$C$346,3,0)-VLOOKUP(Q$1,városok!$A$2:$C$346,3,0))^2)/1000,0)</f>
        <v>266</v>
      </c>
      <c r="R123">
        <f ca="1">ROUND(SQRT((VLOOKUP($A123,városok!$A$2:$C$346,2,0)-VLOOKUP(R$1,városok!$A$2:$C$346,2,0))^2+(VLOOKUP($A123,városok!$A$2:$C$346,3,0)-VLOOKUP(R$1,városok!$A$2:$C$346,3,0))^2)/1000,0)</f>
        <v>289</v>
      </c>
      <c r="S123">
        <f ca="1">ROUND(SQRT((VLOOKUP($A123,városok!$A$2:$C$346,2,0)-VLOOKUP(S$1,városok!$A$2:$C$346,2,0))^2+(VLOOKUP($A123,városok!$A$2:$C$346,3,0)-VLOOKUP(S$1,városok!$A$2:$C$346,3,0))^2)/1000,0)</f>
        <v>268</v>
      </c>
      <c r="T123">
        <f ca="1">ROUND(SQRT((VLOOKUP($A123,városok!$A$2:$C$346,2,0)-VLOOKUP(T$1,városok!$A$2:$C$346,2,0))^2+(VLOOKUP($A123,városok!$A$2:$C$346,3,0)-VLOOKUP(T$1,városok!$A$2:$C$346,3,0))^2)/1000,0)</f>
        <v>97</v>
      </c>
      <c r="U123">
        <f ca="1">ROUND(SQRT((VLOOKUP($A123,városok!$A$2:$C$346,2,0)-VLOOKUP(U$1,városok!$A$2:$C$346,2,0))^2+(VLOOKUP($A123,városok!$A$2:$C$346,3,0)-VLOOKUP(U$1,városok!$A$2:$C$346,3,0))^2)/1000,0)</f>
        <v>145</v>
      </c>
      <c r="V123">
        <f ca="1">ROUND(SQRT((VLOOKUP($A123,városok!$A$2:$C$346,2,0)-VLOOKUP(V$1,városok!$A$2:$C$346,2,0))^2+(VLOOKUP($A123,városok!$A$2:$C$346,3,0)-VLOOKUP(V$1,városok!$A$2:$C$346,3,0))^2)/1000,0)</f>
        <v>102</v>
      </c>
      <c r="W123">
        <f ca="1">ROUND(SQRT((VLOOKUP($A123,városok!$A$2:$C$346,2,0)-VLOOKUP(W$1,városok!$A$2:$C$346,2,0))^2+(VLOOKUP($A123,városok!$A$2:$C$346,3,0)-VLOOKUP(W$1,városok!$A$2:$C$346,3,0))^2)/1000,0)</f>
        <v>133</v>
      </c>
      <c r="X123">
        <f ca="1">ROUND(SQRT((VLOOKUP($A123,városok!$A$2:$C$346,2,0)-VLOOKUP(X$1,városok!$A$2:$C$346,2,0))^2+(VLOOKUP($A123,városok!$A$2:$C$346,3,0)-VLOOKUP(X$1,városok!$A$2:$C$346,3,0))^2)/1000,0)</f>
        <v>86</v>
      </c>
      <c r="Y123">
        <f ca="1">ROUND(SQRT((VLOOKUP($A123,városok!$A$2:$C$346,2,0)-VLOOKUP(Y$1,városok!$A$2:$C$346,2,0))^2+(VLOOKUP($A123,városok!$A$2:$C$346,3,0)-VLOOKUP(Y$1,városok!$A$2:$C$346,3,0))^2)/1000,0)</f>
        <v>19</v>
      </c>
      <c r="Z123">
        <f ca="1">ROUND(SQRT((VLOOKUP($A123,városok!$A$2:$C$346,2,0)-VLOOKUP(Z$1,városok!$A$2:$C$346,2,0))^2+(VLOOKUP($A123,városok!$A$2:$C$346,3,0)-VLOOKUP(Z$1,városok!$A$2:$C$346,3,0))^2)/1000,0)</f>
        <v>0</v>
      </c>
      <c r="AA123">
        <f ca="1">ROUND(SQRT((VLOOKUP($A123,városok!$A$2:$C$346,2,0)-VLOOKUP(AA$1,városok!$A$2:$C$346,2,0))^2+(VLOOKUP($A123,városok!$A$2:$C$346,3,0)-VLOOKUP(AA$1,városok!$A$2:$C$346,3,0))^2)/1000,0)</f>
        <v>61</v>
      </c>
      <c r="AB123">
        <f ca="1">ROUND(SQRT((VLOOKUP($A123,városok!$A$2:$C$346,2,0)-VLOOKUP(AB$1,városok!$A$2:$C$346,2,0))^2+(VLOOKUP($A123,városok!$A$2:$C$346,3,0)-VLOOKUP(AB$1,városok!$A$2:$C$346,3,0))^2)/1000,0)</f>
        <v>320</v>
      </c>
      <c r="AC123">
        <f ca="1">ROUND(SQRT((VLOOKUP($A123,városok!$A$2:$C$346,2,0)-VLOOKUP(AC$1,városok!$A$2:$C$346,2,0))^2+(VLOOKUP($A123,városok!$A$2:$C$346,3,0)-VLOOKUP(AC$1,városok!$A$2:$C$346,3,0))^2)/1000,0)</f>
        <v>303</v>
      </c>
      <c r="AD123">
        <f ca="1">ROUND(SQRT((VLOOKUP($A123,városok!$A$2:$C$346,2,0)-VLOOKUP(AD$1,városok!$A$2:$C$346,2,0))^2+(VLOOKUP($A123,városok!$A$2:$C$346,3,0)-VLOOKUP(AD$1,városok!$A$2:$C$346,3,0))^2)/1000,0)</f>
        <v>286</v>
      </c>
      <c r="AE123">
        <f ca="1">ROUND(SQRT((VLOOKUP($A123,városok!$A$2:$C$346,2,0)-VLOOKUP(AE$1,városok!$A$2:$C$346,2,0))^2+(VLOOKUP($A123,városok!$A$2:$C$346,3,0)-VLOOKUP(AE$1,városok!$A$2:$C$346,3,0))^2)/1000,0)</f>
        <v>289</v>
      </c>
      <c r="AF123">
        <f ca="1">ROUND(SQRT((VLOOKUP($A123,városok!$A$2:$C$346,2,0)-VLOOKUP(AF$1,városok!$A$2:$C$346,2,0))^2+(VLOOKUP($A123,városok!$A$2:$C$346,3,0)-VLOOKUP(AF$1,városok!$A$2:$C$346,3,0))^2)/1000,0)</f>
        <v>224</v>
      </c>
      <c r="AG123">
        <f ca="1">ROUND(SQRT((VLOOKUP($A123,városok!$A$2:$C$346,2,0)-VLOOKUP(AG$1,városok!$A$2:$C$346,2,0))^2+(VLOOKUP($A123,városok!$A$2:$C$346,3,0)-VLOOKUP(AG$1,városok!$A$2:$C$346,3,0))^2)/1000,0)</f>
        <v>190</v>
      </c>
      <c r="AH123">
        <f ca="1">ROUND(SQRT((VLOOKUP($A123,városok!$A$2:$C$346,2,0)-VLOOKUP(AH$1,városok!$A$2:$C$346,2,0))^2+(VLOOKUP($A123,városok!$A$2:$C$346,3,0)-VLOOKUP(AH$1,városok!$A$2:$C$346,3,0))^2)/1000,0)</f>
        <v>172</v>
      </c>
      <c r="AI123">
        <f ca="1">ROUND(SQRT((VLOOKUP($A123,városok!$A$2:$C$346,2,0)-VLOOKUP(AI$1,városok!$A$2:$C$346,2,0))^2+(VLOOKUP($A123,városok!$A$2:$C$346,3,0)-VLOOKUP(AI$1,városok!$A$2:$C$346,3,0))^2)/1000,0)</f>
        <v>205</v>
      </c>
      <c r="AJ123">
        <f ca="1">ROUND(SQRT((VLOOKUP($A123,városok!$A$2:$C$346,2,0)-VLOOKUP(AJ$1,városok!$A$2:$C$346,2,0))^2+(VLOOKUP($A123,városok!$A$2:$C$346,3,0)-VLOOKUP(AJ$1,városok!$A$2:$C$346,3,0))^2)/1000,0)</f>
        <v>194</v>
      </c>
      <c r="AK123">
        <f ca="1">ROUND(SQRT((VLOOKUP($A123,városok!$A$2:$C$346,2,0)-VLOOKUP(AK$1,városok!$A$2:$C$346,2,0))^2+(VLOOKUP($A123,városok!$A$2:$C$346,3,0)-VLOOKUP(AK$1,városok!$A$2:$C$346,3,0))^2)/1000,0)</f>
        <v>275</v>
      </c>
      <c r="AL123">
        <f ca="1">ROUND(SQRT((VLOOKUP($A123,városok!$A$2:$C$346,2,0)-VLOOKUP(AL$1,városok!$A$2:$C$346,2,0))^2+(VLOOKUP($A123,városok!$A$2:$C$346,3,0)-VLOOKUP(AL$1,városok!$A$2:$C$346,3,0))^2)/1000,0)</f>
        <v>247</v>
      </c>
      <c r="AM123">
        <f ca="1">ROUND(SQRT((VLOOKUP($A123,városok!$A$2:$C$346,2,0)-VLOOKUP(AM$1,városok!$A$2:$C$346,2,0))^2+(VLOOKUP($A123,városok!$A$2:$C$346,3,0)-VLOOKUP(AM$1,városok!$A$2:$C$346,3,0))^2)/1000,0)</f>
        <v>220</v>
      </c>
      <c r="AN123">
        <f ca="1">ROUND(SQRT((VLOOKUP($A123,városok!$A$2:$C$346,2,0)-VLOOKUP(AN$1,városok!$A$2:$C$346,2,0))^2+(VLOOKUP($A123,városok!$A$2:$C$346,3,0)-VLOOKUP(AN$1,városok!$A$2:$C$346,3,0))^2)/1000,0)</f>
        <v>102</v>
      </c>
      <c r="AO123">
        <f ca="1">ROUND(SQRT((VLOOKUP($A123,városok!$A$2:$C$346,2,0)-VLOOKUP(AO$1,városok!$A$2:$C$346,2,0))^2+(VLOOKUP($A123,városok!$A$2:$C$346,3,0)-VLOOKUP(AO$1,városok!$A$2:$C$346,3,0))^2)/1000,0)</f>
        <v>55</v>
      </c>
      <c r="AP123">
        <f ca="1">ROUND(SQRT((VLOOKUP($A123,városok!$A$2:$C$346,2,0)-VLOOKUP(AP$1,városok!$A$2:$C$346,2,0))^2+(VLOOKUP($A123,városok!$A$2:$C$346,3,0)-VLOOKUP(AP$1,városok!$A$2:$C$346,3,0))^2)/1000,0)</f>
        <v>71</v>
      </c>
      <c r="AQ123">
        <f ca="1">ROUND(SQRT((VLOOKUP($A123,városok!$A$2:$C$346,2,0)-VLOOKUP(AQ$1,városok!$A$2:$C$346,2,0))^2+(VLOOKUP($A123,városok!$A$2:$C$346,3,0)-VLOOKUP(AQ$1,városok!$A$2:$C$346,3,0))^2)/1000,0)</f>
        <v>79</v>
      </c>
      <c r="AR123">
        <f ca="1">ROUND(SQRT((VLOOKUP($A123,városok!$A$2:$C$346,2,0)-VLOOKUP(AR$1,városok!$A$2:$C$346,2,0))^2+(VLOOKUP($A123,városok!$A$2:$C$346,3,0)-VLOOKUP(AR$1,városok!$A$2:$C$346,3,0))^2)/1000,0)</f>
        <v>174</v>
      </c>
      <c r="AS123">
        <f ca="1">ROUND(SQRT((VLOOKUP($A123,városok!$A$2:$C$346,2,0)-VLOOKUP(AS$1,városok!$A$2:$C$346,2,0))^2+(VLOOKUP($A123,városok!$A$2:$C$346,3,0)-VLOOKUP(AS$1,városok!$A$2:$C$346,3,0))^2)/1000,0)</f>
        <v>186</v>
      </c>
      <c r="AT123">
        <f ca="1">ROUND(SQRT((VLOOKUP($A123,városok!$A$2:$C$346,2,0)-VLOOKUP(AT$1,városok!$A$2:$C$346,2,0))^2+(VLOOKUP($A123,városok!$A$2:$C$346,3,0)-VLOOKUP(AT$1,városok!$A$2:$C$346,3,0))^2)/1000,0)</f>
        <v>111</v>
      </c>
      <c r="AU123">
        <f ca="1">ROUND(SQRT((VLOOKUP($A123,városok!$A$2:$C$346,2,0)-VLOOKUP(AU$1,városok!$A$2:$C$346,2,0))^2+(VLOOKUP($A123,városok!$A$2:$C$346,3,0)-VLOOKUP(AU$1,városok!$A$2:$C$346,3,0))^2)/1000,0)</f>
        <v>122</v>
      </c>
      <c r="AV123">
        <f ca="1">ROUND(SQRT((VLOOKUP($A123,városok!$A$2:$C$346,2,0)-VLOOKUP(AV$1,városok!$A$2:$C$346,2,0))^2+(VLOOKUP($A123,városok!$A$2:$C$346,3,0)-VLOOKUP(AV$1,városok!$A$2:$C$346,3,0))^2)/1000,0)</f>
        <v>123</v>
      </c>
      <c r="AW123">
        <f ca="1">ROUND(SQRT((VLOOKUP($A123,városok!$A$2:$C$346,2,0)-VLOOKUP(AW$1,városok!$A$2:$C$346,2,0))^2+(VLOOKUP($A123,városok!$A$2:$C$346,3,0)-VLOOKUP(AW$1,városok!$A$2:$C$346,3,0))^2)/1000,0)</f>
        <v>120</v>
      </c>
      <c r="AX123">
        <f ca="1">ROUND(SQRT((VLOOKUP($A123,városok!$A$2:$C$346,2,0)-VLOOKUP(AX$1,városok!$A$2:$C$346,2,0))^2+(VLOOKUP($A123,városok!$A$2:$C$346,3,0)-VLOOKUP(AX$1,városok!$A$2:$C$346,3,0))^2)/1000,0)</f>
        <v>197</v>
      </c>
      <c r="AY123">
        <f ca="1">ROUND(SQRT((VLOOKUP($A123,városok!$A$2:$C$346,2,0)-VLOOKUP(AY$1,városok!$A$2:$C$346,2,0))^2+(VLOOKUP($A123,városok!$A$2:$C$346,3,0)-VLOOKUP(AY$1,városok!$A$2:$C$346,3,0))^2)/1000,0)</f>
        <v>126</v>
      </c>
      <c r="AZ123">
        <f ca="1">ROUND(SQRT((VLOOKUP($A123,városok!$A$2:$C$346,2,0)-VLOOKUP(AZ$1,városok!$A$2:$C$346,2,0))^2+(VLOOKUP($A123,városok!$A$2:$C$346,3,0)-VLOOKUP(AZ$1,városok!$A$2:$C$346,3,0))^2)/1000,0)</f>
        <v>119</v>
      </c>
      <c r="BA123">
        <f ca="1">ROUND(SQRT((VLOOKUP($A123,városok!$A$2:$C$346,2,0)-VLOOKUP(BA$1,városok!$A$2:$C$346,2,0))^2+(VLOOKUP($A123,városok!$A$2:$C$346,3,0)-VLOOKUP(BA$1,városok!$A$2:$C$346,3,0))^2)/1000,0)</f>
        <v>109</v>
      </c>
      <c r="BB123">
        <f ca="1">ROUND(SQRT((VLOOKUP($A123,városok!$A$2:$C$346,2,0)-VLOOKUP(BB$1,városok!$A$2:$C$346,2,0))^2+(VLOOKUP($A123,városok!$A$2:$C$346,3,0)-VLOOKUP(BB$1,városok!$A$2:$C$346,3,0))^2)/1000,0)</f>
        <v>140</v>
      </c>
      <c r="BC123">
        <f ca="1">ROUND(SQRT((VLOOKUP($A123,városok!$A$2:$C$346,2,0)-VLOOKUP(BC$1,városok!$A$2:$C$346,2,0))^2+(VLOOKUP($A123,városok!$A$2:$C$346,3,0)-VLOOKUP(BC$1,városok!$A$2:$C$346,3,0))^2)/1000,0)</f>
        <v>156</v>
      </c>
      <c r="BD123">
        <f ca="1">ROUND(SQRT((VLOOKUP($A123,városok!$A$2:$C$346,2,0)-VLOOKUP(BD$1,városok!$A$2:$C$346,2,0))^2+(VLOOKUP($A123,városok!$A$2:$C$346,3,0)-VLOOKUP(BD$1,városok!$A$2:$C$346,3,0))^2)/1000,0)</f>
        <v>105</v>
      </c>
      <c r="BE123">
        <f ca="1">ROUND(SQRT((VLOOKUP($A123,városok!$A$2:$C$346,2,0)-VLOOKUP(BE$1,városok!$A$2:$C$346,2,0))^2+(VLOOKUP($A123,városok!$A$2:$C$346,3,0)-VLOOKUP(BE$1,városok!$A$2:$C$346,3,0))^2)/1000,0)</f>
        <v>396</v>
      </c>
      <c r="BF123">
        <f ca="1">ROUND(SQRT((VLOOKUP($A123,városok!$A$2:$C$346,2,0)-VLOOKUP(BF$1,városok!$A$2:$C$346,2,0))^2+(VLOOKUP($A123,városok!$A$2:$C$346,3,0)-VLOOKUP(BF$1,városok!$A$2:$C$346,3,0))^2)/1000,0)</f>
        <v>354</v>
      </c>
      <c r="BG123">
        <f ca="1">ROUND(SQRT((VLOOKUP($A123,városok!$A$2:$C$346,2,0)-VLOOKUP(BG$1,városok!$A$2:$C$346,2,0))^2+(VLOOKUP($A123,városok!$A$2:$C$346,3,0)-VLOOKUP(BG$1,városok!$A$2:$C$346,3,0))^2)/1000,0)</f>
        <v>308</v>
      </c>
      <c r="BH123">
        <f ca="1">ROUND(SQRT((VLOOKUP($A123,városok!$A$2:$C$346,2,0)-VLOOKUP(BH$1,városok!$A$2:$C$346,2,0))^2+(VLOOKUP($A123,városok!$A$2:$C$346,3,0)-VLOOKUP(BH$1,városok!$A$2:$C$346,3,0))^2)/1000,0)</f>
        <v>307</v>
      </c>
      <c r="BI123">
        <f ca="1">ROUND(SQRT((VLOOKUP($A123,városok!$A$2:$C$346,2,0)-VLOOKUP(BI$1,városok!$A$2:$C$346,2,0))^2+(VLOOKUP($A123,városok!$A$2:$C$346,3,0)-VLOOKUP(BI$1,városok!$A$2:$C$346,3,0))^2)/1000,0)</f>
        <v>176</v>
      </c>
      <c r="BJ123">
        <f ca="1">ROUND(SQRT((VLOOKUP($A123,városok!$A$2:$C$346,2,0)-VLOOKUP(BJ$1,városok!$A$2:$C$346,2,0))^2+(VLOOKUP($A123,városok!$A$2:$C$346,3,0)-VLOOKUP(BJ$1,városok!$A$2:$C$346,3,0))^2)/1000,0)</f>
        <v>181</v>
      </c>
      <c r="BK123">
        <f ca="1">ROUND(SQRT((VLOOKUP($A123,városok!$A$2:$C$346,2,0)-VLOOKUP(BK$1,városok!$A$2:$C$346,2,0))^2+(VLOOKUP($A123,városok!$A$2:$C$346,3,0)-VLOOKUP(BK$1,városok!$A$2:$C$346,3,0))^2)/1000,0)</f>
        <v>183</v>
      </c>
      <c r="BL123">
        <f ca="1">ROUND(SQRT((VLOOKUP($A123,városok!$A$2:$C$346,2,0)-VLOOKUP(BL$1,városok!$A$2:$C$346,2,0))^2+(VLOOKUP($A123,városok!$A$2:$C$346,3,0)-VLOOKUP(BL$1,városok!$A$2:$C$346,3,0))^2)/1000,0)</f>
        <v>100</v>
      </c>
      <c r="BM123">
        <f ca="1">ROUND(SQRT((VLOOKUP($A123,városok!$A$2:$C$346,2,0)-VLOOKUP(BM$1,városok!$A$2:$C$346,2,0))^2+(VLOOKUP($A123,városok!$A$2:$C$346,3,0)-VLOOKUP(BM$1,városok!$A$2:$C$346,3,0))^2)/1000,0)</f>
        <v>64</v>
      </c>
      <c r="BN123">
        <f ca="1">ROUND(SQRT((VLOOKUP($A123,városok!$A$2:$C$346,2,0)-VLOOKUP(BN$1,városok!$A$2:$C$346,2,0))^2+(VLOOKUP($A123,városok!$A$2:$C$346,3,0)-VLOOKUP(BN$1,városok!$A$2:$C$346,3,0))^2)/1000,0)</f>
        <v>80</v>
      </c>
      <c r="BO123">
        <f ca="1">ROUND(SQRT((VLOOKUP($A123,városok!$A$2:$C$346,2,0)-VLOOKUP(BO$1,városok!$A$2:$C$346,2,0))^2+(VLOOKUP($A123,városok!$A$2:$C$346,3,0)-VLOOKUP(BO$1,városok!$A$2:$C$346,3,0))^2)/1000,0)</f>
        <v>91</v>
      </c>
      <c r="BP123">
        <f ca="1">ROUND(SQRT((VLOOKUP($A123,városok!$A$2:$C$346,2,0)-VLOOKUP(BP$1,városok!$A$2:$C$346,2,0))^2+(VLOOKUP($A123,városok!$A$2:$C$346,3,0)-VLOOKUP(BP$1,városok!$A$2:$C$346,3,0))^2)/1000,0)</f>
        <v>95</v>
      </c>
      <c r="BQ123">
        <f ca="1">ROUND(SQRT((VLOOKUP($A123,városok!$A$2:$C$346,2,0)-VLOOKUP(BQ$1,városok!$A$2:$C$346,2,0))^2+(VLOOKUP($A123,városok!$A$2:$C$346,3,0)-VLOOKUP(BQ$1,városok!$A$2:$C$346,3,0))^2)/1000,0)</f>
        <v>82</v>
      </c>
      <c r="BR123">
        <f ca="1">ROUND(SQRT((VLOOKUP($A123,városok!$A$2:$C$346,2,0)-VLOOKUP(BR$1,városok!$A$2:$C$346,2,0))^2+(VLOOKUP($A123,városok!$A$2:$C$346,3,0)-VLOOKUP(BR$1,városok!$A$2:$C$346,3,0))^2)/1000,0)</f>
        <v>108</v>
      </c>
      <c r="BS123">
        <f ca="1">ROUND(SQRT((VLOOKUP($A123,városok!$A$2:$C$346,2,0)-VLOOKUP(BS$1,városok!$A$2:$C$346,2,0))^2+(VLOOKUP($A123,városok!$A$2:$C$346,3,0)-VLOOKUP(BS$1,városok!$A$2:$C$346,3,0))^2)/1000,0)</f>
        <v>146</v>
      </c>
      <c r="BT123">
        <f ca="1">ROUND(SQRT((VLOOKUP($A123,városok!$A$2:$C$346,2,0)-VLOOKUP(BT$1,városok!$A$2:$C$346,2,0))^2+(VLOOKUP($A123,városok!$A$2:$C$346,3,0)-VLOOKUP(BT$1,városok!$A$2:$C$346,3,0))^2)/1000,0)</f>
        <v>108</v>
      </c>
    </row>
    <row r="124" spans="1:72" x14ac:dyDescent="0.2">
      <c r="A124" t="str">
        <f>városok!A124</f>
        <v>Mosonmagyaróvár</v>
      </c>
      <c r="B124">
        <f ca="1">ROUND(SQRT((VLOOKUP($A124,városok!$A$2:$C$346,2,0)-VLOOKUP(B$1,városok!$A$2:$C$346,2,0))^2+(VLOOKUP($A124,városok!$A$2:$C$346,3,0)-VLOOKUP(B$1,városok!$A$2:$C$346,3,0))^2)/1000,0)</f>
        <v>227</v>
      </c>
      <c r="C124">
        <f ca="1">ROUND(SQRT((VLOOKUP($A124,városok!$A$2:$C$346,2,0)-VLOOKUP(C$1,városok!$A$2:$C$346,2,0))^2+(VLOOKUP($A124,városok!$A$2:$C$346,3,0)-VLOOKUP(C$1,városok!$A$2:$C$346,3,0))^2)/1000,0)</f>
        <v>198</v>
      </c>
      <c r="D124">
        <f ca="1">ROUND(SQRT((VLOOKUP($A124,városok!$A$2:$C$346,2,0)-VLOOKUP(D$1,városok!$A$2:$C$346,2,0))^2+(VLOOKUP($A124,városok!$A$2:$C$346,3,0)-VLOOKUP(D$1,városok!$A$2:$C$346,3,0))^2)/1000,0)</f>
        <v>212</v>
      </c>
      <c r="E124">
        <f ca="1">ROUND(SQRT((VLOOKUP($A124,városok!$A$2:$C$346,2,0)-VLOOKUP(E$1,városok!$A$2:$C$346,2,0))^2+(VLOOKUP($A124,városok!$A$2:$C$346,3,0)-VLOOKUP(E$1,városok!$A$2:$C$346,3,0))^2)/1000,0)</f>
        <v>202</v>
      </c>
      <c r="F124">
        <f ca="1">ROUND(SQRT((VLOOKUP($A124,városok!$A$2:$C$346,2,0)-VLOOKUP(F$1,városok!$A$2:$C$346,2,0))^2+(VLOOKUP($A124,városok!$A$2:$C$346,3,0)-VLOOKUP(F$1,városok!$A$2:$C$346,3,0))^2)/1000,0)</f>
        <v>235</v>
      </c>
      <c r="G124">
        <f ca="1">ROUND(SQRT((VLOOKUP($A124,városok!$A$2:$C$346,2,0)-VLOOKUP(G$1,városok!$A$2:$C$346,2,0))^2+(VLOOKUP($A124,városok!$A$2:$C$346,3,0)-VLOOKUP(G$1,városok!$A$2:$C$346,3,0))^2)/1000,0)</f>
        <v>213</v>
      </c>
      <c r="H124">
        <f ca="1">ROUND(SQRT((VLOOKUP($A124,városok!$A$2:$C$346,2,0)-VLOOKUP(H$1,városok!$A$2:$C$346,2,0))^2+(VLOOKUP($A124,városok!$A$2:$C$346,3,0)-VLOOKUP(H$1,városok!$A$2:$C$346,3,0))^2)/1000,0)</f>
        <v>207</v>
      </c>
      <c r="I124">
        <f ca="1">ROUND(SQRT((VLOOKUP($A124,városok!$A$2:$C$346,2,0)-VLOOKUP(I$1,városok!$A$2:$C$346,2,0))^2+(VLOOKUP($A124,városok!$A$2:$C$346,3,0)-VLOOKUP(I$1,városok!$A$2:$C$346,3,0))^2)/1000,0)</f>
        <v>318</v>
      </c>
      <c r="J124">
        <f ca="1">ROUND(SQRT((VLOOKUP($A124,városok!$A$2:$C$346,2,0)-VLOOKUP(J$1,városok!$A$2:$C$346,2,0))^2+(VLOOKUP($A124,városok!$A$2:$C$346,3,0)-VLOOKUP(J$1,városok!$A$2:$C$346,3,0))^2)/1000,0)</f>
        <v>332</v>
      </c>
      <c r="K124">
        <f ca="1">ROUND(SQRT((VLOOKUP($A124,városok!$A$2:$C$346,2,0)-VLOOKUP(K$1,városok!$A$2:$C$346,2,0))^2+(VLOOKUP($A124,városok!$A$2:$C$346,3,0)-VLOOKUP(K$1,városok!$A$2:$C$346,3,0))^2)/1000,0)</f>
        <v>296</v>
      </c>
      <c r="L124">
        <f ca="1">ROUND(SQRT((VLOOKUP($A124,városok!$A$2:$C$346,2,0)-VLOOKUP(L$1,városok!$A$2:$C$346,2,0))^2+(VLOOKUP($A124,városok!$A$2:$C$346,3,0)-VLOOKUP(L$1,városok!$A$2:$C$346,3,0))^2)/1000,0)</f>
        <v>254</v>
      </c>
      <c r="M124">
        <f ca="1">ROUND(SQRT((VLOOKUP($A124,városok!$A$2:$C$346,2,0)-VLOOKUP(M$1,városok!$A$2:$C$346,2,0))^2+(VLOOKUP($A124,városok!$A$2:$C$346,3,0)-VLOOKUP(M$1,városok!$A$2:$C$346,3,0))^2)/1000,0)</f>
        <v>264</v>
      </c>
      <c r="N124">
        <f ca="1">ROUND(SQRT((VLOOKUP($A124,városok!$A$2:$C$346,2,0)-VLOOKUP(N$1,városok!$A$2:$C$346,2,0))^2+(VLOOKUP($A124,városok!$A$2:$C$346,3,0)-VLOOKUP(N$1,városok!$A$2:$C$346,3,0))^2)/1000,0)</f>
        <v>229</v>
      </c>
      <c r="O124">
        <f ca="1">ROUND(SQRT((VLOOKUP($A124,városok!$A$2:$C$346,2,0)-VLOOKUP(O$1,városok!$A$2:$C$346,2,0))^2+(VLOOKUP($A124,városok!$A$2:$C$346,3,0)-VLOOKUP(O$1,városok!$A$2:$C$346,3,0))^2)/1000,0)</f>
        <v>331</v>
      </c>
      <c r="P124">
        <f ca="1">ROUND(SQRT((VLOOKUP($A124,városok!$A$2:$C$346,2,0)-VLOOKUP(P$1,városok!$A$2:$C$346,2,0))^2+(VLOOKUP($A124,városok!$A$2:$C$346,3,0)-VLOOKUP(P$1,városok!$A$2:$C$346,3,0))^2)/1000,0)</f>
        <v>331</v>
      </c>
      <c r="Q124">
        <f ca="1">ROUND(SQRT((VLOOKUP($A124,városok!$A$2:$C$346,2,0)-VLOOKUP(Q$1,városok!$A$2:$C$346,2,0))^2+(VLOOKUP($A124,városok!$A$2:$C$346,3,0)-VLOOKUP(Q$1,városok!$A$2:$C$346,3,0))^2)/1000,0)</f>
        <v>282</v>
      </c>
      <c r="R124">
        <f ca="1">ROUND(SQRT((VLOOKUP($A124,városok!$A$2:$C$346,2,0)-VLOOKUP(R$1,városok!$A$2:$C$346,2,0))^2+(VLOOKUP($A124,városok!$A$2:$C$346,3,0)-VLOOKUP(R$1,városok!$A$2:$C$346,3,0))^2)/1000,0)</f>
        <v>305</v>
      </c>
      <c r="S124">
        <f ca="1">ROUND(SQRT((VLOOKUP($A124,városok!$A$2:$C$346,2,0)-VLOOKUP(S$1,városok!$A$2:$C$346,2,0))^2+(VLOOKUP($A124,városok!$A$2:$C$346,3,0)-VLOOKUP(S$1,városok!$A$2:$C$346,3,0))^2)/1000,0)</f>
        <v>284</v>
      </c>
      <c r="T124">
        <f ca="1">ROUND(SQRT((VLOOKUP($A124,városok!$A$2:$C$346,2,0)-VLOOKUP(T$1,városok!$A$2:$C$346,2,0))^2+(VLOOKUP($A124,városok!$A$2:$C$346,3,0)-VLOOKUP(T$1,városok!$A$2:$C$346,3,0))^2)/1000,0)</f>
        <v>111</v>
      </c>
      <c r="U124">
        <f ca="1">ROUND(SQRT((VLOOKUP($A124,városok!$A$2:$C$346,2,0)-VLOOKUP(U$1,városok!$A$2:$C$346,2,0))^2+(VLOOKUP($A124,városok!$A$2:$C$346,3,0)-VLOOKUP(U$1,városok!$A$2:$C$346,3,0))^2)/1000,0)</f>
        <v>161</v>
      </c>
      <c r="V124">
        <f ca="1">ROUND(SQRT((VLOOKUP($A124,városok!$A$2:$C$346,2,0)-VLOOKUP(V$1,városok!$A$2:$C$346,2,0))^2+(VLOOKUP($A124,városok!$A$2:$C$346,3,0)-VLOOKUP(V$1,városok!$A$2:$C$346,3,0))^2)/1000,0)</f>
        <v>119</v>
      </c>
      <c r="W124">
        <f ca="1">ROUND(SQRT((VLOOKUP($A124,városok!$A$2:$C$346,2,0)-VLOOKUP(W$1,városok!$A$2:$C$346,2,0))^2+(VLOOKUP($A124,városok!$A$2:$C$346,3,0)-VLOOKUP(W$1,városok!$A$2:$C$346,3,0))^2)/1000,0)</f>
        <v>150</v>
      </c>
      <c r="X124">
        <f ca="1">ROUND(SQRT((VLOOKUP($A124,városok!$A$2:$C$346,2,0)-VLOOKUP(X$1,városok!$A$2:$C$346,2,0))^2+(VLOOKUP($A124,városok!$A$2:$C$346,3,0)-VLOOKUP(X$1,városok!$A$2:$C$346,3,0))^2)/1000,0)</f>
        <v>102</v>
      </c>
      <c r="Y124">
        <f ca="1">ROUND(SQRT((VLOOKUP($A124,városok!$A$2:$C$346,2,0)-VLOOKUP(Y$1,városok!$A$2:$C$346,2,0))^2+(VLOOKUP($A124,városok!$A$2:$C$346,3,0)-VLOOKUP(Y$1,városok!$A$2:$C$346,3,0))^2)/1000,0)</f>
        <v>34</v>
      </c>
      <c r="Z124">
        <f ca="1">ROUND(SQRT((VLOOKUP($A124,városok!$A$2:$C$346,2,0)-VLOOKUP(Z$1,városok!$A$2:$C$346,2,0))^2+(VLOOKUP($A124,városok!$A$2:$C$346,3,0)-VLOOKUP(Z$1,városok!$A$2:$C$346,3,0))^2)/1000,0)</f>
        <v>18</v>
      </c>
      <c r="AA124">
        <f ca="1">ROUND(SQRT((VLOOKUP($A124,városok!$A$2:$C$346,2,0)-VLOOKUP(AA$1,városok!$A$2:$C$346,2,0))^2+(VLOOKUP($A124,városok!$A$2:$C$346,3,0)-VLOOKUP(AA$1,városok!$A$2:$C$346,3,0))^2)/1000,0)</f>
        <v>56</v>
      </c>
      <c r="AB124">
        <f ca="1">ROUND(SQRT((VLOOKUP($A124,városok!$A$2:$C$346,2,0)-VLOOKUP(AB$1,városok!$A$2:$C$346,2,0))^2+(VLOOKUP($A124,városok!$A$2:$C$346,3,0)-VLOOKUP(AB$1,városok!$A$2:$C$346,3,0))^2)/1000,0)</f>
        <v>330</v>
      </c>
      <c r="AC124">
        <f ca="1">ROUND(SQRT((VLOOKUP($A124,városok!$A$2:$C$346,2,0)-VLOOKUP(AC$1,városok!$A$2:$C$346,2,0))^2+(VLOOKUP($A124,városok!$A$2:$C$346,3,0)-VLOOKUP(AC$1,városok!$A$2:$C$346,3,0))^2)/1000,0)</f>
        <v>314</v>
      </c>
      <c r="AD124">
        <f ca="1">ROUND(SQRT((VLOOKUP($A124,városok!$A$2:$C$346,2,0)-VLOOKUP(AD$1,városok!$A$2:$C$346,2,0))^2+(VLOOKUP($A124,városok!$A$2:$C$346,3,0)-VLOOKUP(AD$1,városok!$A$2:$C$346,3,0))^2)/1000,0)</f>
        <v>296</v>
      </c>
      <c r="AE124">
        <f ca="1">ROUND(SQRT((VLOOKUP($A124,városok!$A$2:$C$346,2,0)-VLOOKUP(AE$1,városok!$A$2:$C$346,2,0))^2+(VLOOKUP($A124,városok!$A$2:$C$346,3,0)-VLOOKUP(AE$1,városok!$A$2:$C$346,3,0))^2)/1000,0)</f>
        <v>300</v>
      </c>
      <c r="AF124">
        <f ca="1">ROUND(SQRT((VLOOKUP($A124,városok!$A$2:$C$346,2,0)-VLOOKUP(AF$1,városok!$A$2:$C$346,2,0))^2+(VLOOKUP($A124,városok!$A$2:$C$346,3,0)-VLOOKUP(AF$1,városok!$A$2:$C$346,3,0))^2)/1000,0)</f>
        <v>232</v>
      </c>
      <c r="AG124">
        <f ca="1">ROUND(SQRT((VLOOKUP($A124,városok!$A$2:$C$346,2,0)-VLOOKUP(AG$1,városok!$A$2:$C$346,2,0))^2+(VLOOKUP($A124,városok!$A$2:$C$346,3,0)-VLOOKUP(AG$1,városok!$A$2:$C$346,3,0))^2)/1000,0)</f>
        <v>199</v>
      </c>
      <c r="AH124">
        <f ca="1">ROUND(SQRT((VLOOKUP($A124,városok!$A$2:$C$346,2,0)-VLOOKUP(AH$1,városok!$A$2:$C$346,2,0))^2+(VLOOKUP($A124,városok!$A$2:$C$346,3,0)-VLOOKUP(AH$1,városok!$A$2:$C$346,3,0))^2)/1000,0)</f>
        <v>182</v>
      </c>
      <c r="AI124">
        <f ca="1">ROUND(SQRT((VLOOKUP($A124,városok!$A$2:$C$346,2,0)-VLOOKUP(AI$1,városok!$A$2:$C$346,2,0))^2+(VLOOKUP($A124,városok!$A$2:$C$346,3,0)-VLOOKUP(AI$1,városok!$A$2:$C$346,3,0))^2)/1000,0)</f>
        <v>212</v>
      </c>
      <c r="AJ124">
        <f ca="1">ROUND(SQRT((VLOOKUP($A124,városok!$A$2:$C$346,2,0)-VLOOKUP(AJ$1,városok!$A$2:$C$346,2,0))^2+(VLOOKUP($A124,városok!$A$2:$C$346,3,0)-VLOOKUP(AJ$1,városok!$A$2:$C$346,3,0))^2)/1000,0)</f>
        <v>204</v>
      </c>
      <c r="AK124">
        <f ca="1">ROUND(SQRT((VLOOKUP($A124,városok!$A$2:$C$346,2,0)-VLOOKUP(AK$1,városok!$A$2:$C$346,2,0))^2+(VLOOKUP($A124,városok!$A$2:$C$346,3,0)-VLOOKUP(AK$1,városok!$A$2:$C$346,3,0))^2)/1000,0)</f>
        <v>286</v>
      </c>
      <c r="AL124">
        <f ca="1">ROUND(SQRT((VLOOKUP($A124,városok!$A$2:$C$346,2,0)-VLOOKUP(AL$1,városok!$A$2:$C$346,2,0))^2+(VLOOKUP($A124,városok!$A$2:$C$346,3,0)-VLOOKUP(AL$1,városok!$A$2:$C$346,3,0))^2)/1000,0)</f>
        <v>259</v>
      </c>
      <c r="AM124">
        <f ca="1">ROUND(SQRT((VLOOKUP($A124,városok!$A$2:$C$346,2,0)-VLOOKUP(AM$1,városok!$A$2:$C$346,2,0))^2+(VLOOKUP($A124,városok!$A$2:$C$346,3,0)-VLOOKUP(AM$1,városok!$A$2:$C$346,3,0))^2)/1000,0)</f>
        <v>233</v>
      </c>
      <c r="AN124">
        <f ca="1">ROUND(SQRT((VLOOKUP($A124,városok!$A$2:$C$346,2,0)-VLOOKUP(AN$1,városok!$A$2:$C$346,2,0))^2+(VLOOKUP($A124,városok!$A$2:$C$346,3,0)-VLOOKUP(AN$1,városok!$A$2:$C$346,3,0))^2)/1000,0)</f>
        <v>111</v>
      </c>
      <c r="AO124">
        <f ca="1">ROUND(SQRT((VLOOKUP($A124,városok!$A$2:$C$346,2,0)-VLOOKUP(AO$1,városok!$A$2:$C$346,2,0))^2+(VLOOKUP($A124,városok!$A$2:$C$346,3,0)-VLOOKUP(AO$1,városok!$A$2:$C$346,3,0))^2)/1000,0)</f>
        <v>65</v>
      </c>
      <c r="AP124">
        <f ca="1">ROUND(SQRT((VLOOKUP($A124,városok!$A$2:$C$346,2,0)-VLOOKUP(AP$1,városok!$A$2:$C$346,2,0))^2+(VLOOKUP($A124,városok!$A$2:$C$346,3,0)-VLOOKUP(AP$1,városok!$A$2:$C$346,3,0))^2)/1000,0)</f>
        <v>84</v>
      </c>
      <c r="AQ124">
        <f ca="1">ROUND(SQRT((VLOOKUP($A124,városok!$A$2:$C$346,2,0)-VLOOKUP(AQ$1,városok!$A$2:$C$346,2,0))^2+(VLOOKUP($A124,városok!$A$2:$C$346,3,0)-VLOOKUP(AQ$1,városok!$A$2:$C$346,3,0))^2)/1000,0)</f>
        <v>92</v>
      </c>
      <c r="AR124">
        <f ca="1">ROUND(SQRT((VLOOKUP($A124,városok!$A$2:$C$346,2,0)-VLOOKUP(AR$1,városok!$A$2:$C$346,2,0))^2+(VLOOKUP($A124,városok!$A$2:$C$346,3,0)-VLOOKUP(AR$1,városok!$A$2:$C$346,3,0))^2)/1000,0)</f>
        <v>181</v>
      </c>
      <c r="AS124">
        <f ca="1">ROUND(SQRT((VLOOKUP($A124,városok!$A$2:$C$346,2,0)-VLOOKUP(AS$1,városok!$A$2:$C$346,2,0))^2+(VLOOKUP($A124,városok!$A$2:$C$346,3,0)-VLOOKUP(AS$1,városok!$A$2:$C$346,3,0))^2)/1000,0)</f>
        <v>192</v>
      </c>
      <c r="AT124">
        <f ca="1">ROUND(SQRT((VLOOKUP($A124,városok!$A$2:$C$346,2,0)-VLOOKUP(AT$1,városok!$A$2:$C$346,2,0))^2+(VLOOKUP($A124,városok!$A$2:$C$346,3,0)-VLOOKUP(AT$1,városok!$A$2:$C$346,3,0))^2)/1000,0)</f>
        <v>125</v>
      </c>
      <c r="AU124">
        <f ca="1">ROUND(SQRT((VLOOKUP($A124,városok!$A$2:$C$346,2,0)-VLOOKUP(AU$1,városok!$A$2:$C$346,2,0))^2+(VLOOKUP($A124,városok!$A$2:$C$346,3,0)-VLOOKUP(AU$1,városok!$A$2:$C$346,3,0))^2)/1000,0)</f>
        <v>135</v>
      </c>
      <c r="AV124">
        <f ca="1">ROUND(SQRT((VLOOKUP($A124,városok!$A$2:$C$346,2,0)-VLOOKUP(AV$1,városok!$A$2:$C$346,2,0))^2+(VLOOKUP($A124,városok!$A$2:$C$346,3,0)-VLOOKUP(AV$1,városok!$A$2:$C$346,3,0))^2)/1000,0)</f>
        <v>136</v>
      </c>
      <c r="AW124">
        <f ca="1">ROUND(SQRT((VLOOKUP($A124,városok!$A$2:$C$346,2,0)-VLOOKUP(AW$1,városok!$A$2:$C$346,2,0))^2+(VLOOKUP($A124,városok!$A$2:$C$346,3,0)-VLOOKUP(AW$1,városok!$A$2:$C$346,3,0))^2)/1000,0)</f>
        <v>134</v>
      </c>
      <c r="AX124">
        <f ca="1">ROUND(SQRT((VLOOKUP($A124,városok!$A$2:$C$346,2,0)-VLOOKUP(AX$1,városok!$A$2:$C$346,2,0))^2+(VLOOKUP($A124,városok!$A$2:$C$346,3,0)-VLOOKUP(AX$1,városok!$A$2:$C$346,3,0))^2)/1000,0)</f>
        <v>211</v>
      </c>
      <c r="AY124">
        <f ca="1">ROUND(SQRT((VLOOKUP($A124,városok!$A$2:$C$346,2,0)-VLOOKUP(AY$1,városok!$A$2:$C$346,2,0))^2+(VLOOKUP($A124,városok!$A$2:$C$346,3,0)-VLOOKUP(AY$1,városok!$A$2:$C$346,3,0))^2)/1000,0)</f>
        <v>136</v>
      </c>
      <c r="AZ124">
        <f ca="1">ROUND(SQRT((VLOOKUP($A124,városok!$A$2:$C$346,2,0)-VLOOKUP(AZ$1,városok!$A$2:$C$346,2,0))^2+(VLOOKUP($A124,városok!$A$2:$C$346,3,0)-VLOOKUP(AZ$1,városok!$A$2:$C$346,3,0))^2)/1000,0)</f>
        <v>128</v>
      </c>
      <c r="BA124">
        <f ca="1">ROUND(SQRT((VLOOKUP($A124,városok!$A$2:$C$346,2,0)-VLOOKUP(BA$1,városok!$A$2:$C$346,2,0))^2+(VLOOKUP($A124,városok!$A$2:$C$346,3,0)-VLOOKUP(BA$1,városok!$A$2:$C$346,3,0))^2)/1000,0)</f>
        <v>126</v>
      </c>
      <c r="BB124">
        <f ca="1">ROUND(SQRT((VLOOKUP($A124,városok!$A$2:$C$346,2,0)-VLOOKUP(BB$1,városok!$A$2:$C$346,2,0))^2+(VLOOKUP($A124,városok!$A$2:$C$346,3,0)-VLOOKUP(BB$1,városok!$A$2:$C$346,3,0))^2)/1000,0)</f>
        <v>157</v>
      </c>
      <c r="BC124">
        <f ca="1">ROUND(SQRT((VLOOKUP($A124,városok!$A$2:$C$346,2,0)-VLOOKUP(BC$1,városok!$A$2:$C$346,2,0))^2+(VLOOKUP($A124,városok!$A$2:$C$346,3,0)-VLOOKUP(BC$1,városok!$A$2:$C$346,3,0))^2)/1000,0)</f>
        <v>173</v>
      </c>
      <c r="BD124">
        <f ca="1">ROUND(SQRT((VLOOKUP($A124,városok!$A$2:$C$346,2,0)-VLOOKUP(BD$1,városok!$A$2:$C$346,2,0))^2+(VLOOKUP($A124,városok!$A$2:$C$346,3,0)-VLOOKUP(BD$1,városok!$A$2:$C$346,3,0))^2)/1000,0)</f>
        <v>123</v>
      </c>
      <c r="BE124">
        <f ca="1">ROUND(SQRT((VLOOKUP($A124,városok!$A$2:$C$346,2,0)-VLOOKUP(BE$1,városok!$A$2:$C$346,2,0))^2+(VLOOKUP($A124,városok!$A$2:$C$346,3,0)-VLOOKUP(BE$1,városok!$A$2:$C$346,3,0))^2)/1000,0)</f>
        <v>404</v>
      </c>
      <c r="BF124">
        <f ca="1">ROUND(SQRT((VLOOKUP($A124,városok!$A$2:$C$346,2,0)-VLOOKUP(BF$1,városok!$A$2:$C$346,2,0))^2+(VLOOKUP($A124,városok!$A$2:$C$346,3,0)-VLOOKUP(BF$1,városok!$A$2:$C$346,3,0))^2)/1000,0)</f>
        <v>360</v>
      </c>
      <c r="BG124">
        <f ca="1">ROUND(SQRT((VLOOKUP($A124,városok!$A$2:$C$346,2,0)-VLOOKUP(BG$1,városok!$A$2:$C$346,2,0))^2+(VLOOKUP($A124,városok!$A$2:$C$346,3,0)-VLOOKUP(BG$1,városok!$A$2:$C$346,3,0))^2)/1000,0)</f>
        <v>314</v>
      </c>
      <c r="BH124">
        <f ca="1">ROUND(SQRT((VLOOKUP($A124,városok!$A$2:$C$346,2,0)-VLOOKUP(BH$1,városok!$A$2:$C$346,2,0))^2+(VLOOKUP($A124,városok!$A$2:$C$346,3,0)-VLOOKUP(BH$1,városok!$A$2:$C$346,3,0))^2)/1000,0)</f>
        <v>314</v>
      </c>
      <c r="BI124">
        <f ca="1">ROUND(SQRT((VLOOKUP($A124,városok!$A$2:$C$346,2,0)-VLOOKUP(BI$1,városok!$A$2:$C$346,2,0))^2+(VLOOKUP($A124,városok!$A$2:$C$346,3,0)-VLOOKUP(BI$1,városok!$A$2:$C$346,3,0))^2)/1000,0)</f>
        <v>193</v>
      </c>
      <c r="BJ124">
        <f ca="1">ROUND(SQRT((VLOOKUP($A124,városok!$A$2:$C$346,2,0)-VLOOKUP(BJ$1,városok!$A$2:$C$346,2,0))^2+(VLOOKUP($A124,városok!$A$2:$C$346,3,0)-VLOOKUP(BJ$1,városok!$A$2:$C$346,3,0))^2)/1000,0)</f>
        <v>198</v>
      </c>
      <c r="BK124">
        <f ca="1">ROUND(SQRT((VLOOKUP($A124,városok!$A$2:$C$346,2,0)-VLOOKUP(BK$1,városok!$A$2:$C$346,2,0))^2+(VLOOKUP($A124,városok!$A$2:$C$346,3,0)-VLOOKUP(BK$1,városok!$A$2:$C$346,3,0))^2)/1000,0)</f>
        <v>201</v>
      </c>
      <c r="BL124">
        <f ca="1">ROUND(SQRT((VLOOKUP($A124,városok!$A$2:$C$346,2,0)-VLOOKUP(BL$1,városok!$A$2:$C$346,2,0))^2+(VLOOKUP($A124,városok!$A$2:$C$346,3,0)-VLOOKUP(BL$1,városok!$A$2:$C$346,3,0))^2)/1000,0)</f>
        <v>108</v>
      </c>
      <c r="BM124">
        <f ca="1">ROUND(SQRT((VLOOKUP($A124,városok!$A$2:$C$346,2,0)-VLOOKUP(BM$1,városok!$A$2:$C$346,2,0))^2+(VLOOKUP($A124,városok!$A$2:$C$346,3,0)-VLOOKUP(BM$1,városok!$A$2:$C$346,3,0))^2)/1000,0)</f>
        <v>73</v>
      </c>
      <c r="BN124">
        <f ca="1">ROUND(SQRT((VLOOKUP($A124,városok!$A$2:$C$346,2,0)-VLOOKUP(BN$1,városok!$A$2:$C$346,2,0))^2+(VLOOKUP($A124,városok!$A$2:$C$346,3,0)-VLOOKUP(BN$1,városok!$A$2:$C$346,3,0))^2)/1000,0)</f>
        <v>86</v>
      </c>
      <c r="BO124">
        <f ca="1">ROUND(SQRT((VLOOKUP($A124,városok!$A$2:$C$346,2,0)-VLOOKUP(BO$1,városok!$A$2:$C$346,2,0))^2+(VLOOKUP($A124,városok!$A$2:$C$346,3,0)-VLOOKUP(BO$1,városok!$A$2:$C$346,3,0))^2)/1000,0)</f>
        <v>109</v>
      </c>
      <c r="BP124">
        <f ca="1">ROUND(SQRT((VLOOKUP($A124,városok!$A$2:$C$346,2,0)-VLOOKUP(BP$1,városok!$A$2:$C$346,2,0))^2+(VLOOKUP($A124,városok!$A$2:$C$346,3,0)-VLOOKUP(BP$1,városok!$A$2:$C$346,3,0))^2)/1000,0)</f>
        <v>113</v>
      </c>
      <c r="BQ124">
        <f ca="1">ROUND(SQRT((VLOOKUP($A124,városok!$A$2:$C$346,2,0)-VLOOKUP(BQ$1,városok!$A$2:$C$346,2,0))^2+(VLOOKUP($A124,városok!$A$2:$C$346,3,0)-VLOOKUP(BQ$1,városok!$A$2:$C$346,3,0))^2)/1000,0)</f>
        <v>99</v>
      </c>
      <c r="BR124">
        <f ca="1">ROUND(SQRT((VLOOKUP($A124,városok!$A$2:$C$346,2,0)-VLOOKUP(BR$1,városok!$A$2:$C$346,2,0))^2+(VLOOKUP($A124,városok!$A$2:$C$346,3,0)-VLOOKUP(BR$1,városok!$A$2:$C$346,3,0))^2)/1000,0)</f>
        <v>123</v>
      </c>
      <c r="BS124">
        <f ca="1">ROUND(SQRT((VLOOKUP($A124,városok!$A$2:$C$346,2,0)-VLOOKUP(BS$1,városok!$A$2:$C$346,2,0))^2+(VLOOKUP($A124,városok!$A$2:$C$346,3,0)-VLOOKUP(BS$1,városok!$A$2:$C$346,3,0))^2)/1000,0)</f>
        <v>160</v>
      </c>
      <c r="BT124">
        <f ca="1">ROUND(SQRT((VLOOKUP($A124,városok!$A$2:$C$346,2,0)-VLOOKUP(BT$1,városok!$A$2:$C$346,2,0))^2+(VLOOKUP($A124,városok!$A$2:$C$346,3,0)-VLOOKUP(BT$1,városok!$A$2:$C$346,3,0))^2)/1000,0)</f>
        <v>120</v>
      </c>
    </row>
    <row r="125" spans="1:72" x14ac:dyDescent="0.2">
      <c r="A125" t="str">
        <f>városok!A125</f>
        <v>Pannonhalma</v>
      </c>
      <c r="B125">
        <f ca="1">ROUND(SQRT((VLOOKUP($A125,városok!$A$2:$C$346,2,0)-VLOOKUP(B$1,városok!$A$2:$C$346,2,0))^2+(VLOOKUP($A125,városok!$A$2:$C$346,3,0)-VLOOKUP(B$1,városok!$A$2:$C$346,3,0))^2)/1000,0)</f>
        <v>178</v>
      </c>
      <c r="C125">
        <f ca="1">ROUND(SQRT((VLOOKUP($A125,városok!$A$2:$C$346,2,0)-VLOOKUP(C$1,városok!$A$2:$C$346,2,0))^2+(VLOOKUP($A125,városok!$A$2:$C$346,3,0)-VLOOKUP(C$1,városok!$A$2:$C$346,3,0))^2)/1000,0)</f>
        <v>147</v>
      </c>
      <c r="D125">
        <f ca="1">ROUND(SQRT((VLOOKUP($A125,városok!$A$2:$C$346,2,0)-VLOOKUP(D$1,városok!$A$2:$C$346,2,0))^2+(VLOOKUP($A125,városok!$A$2:$C$346,3,0)-VLOOKUP(D$1,városok!$A$2:$C$346,3,0))^2)/1000,0)</f>
        <v>163</v>
      </c>
      <c r="E125">
        <f ca="1">ROUND(SQRT((VLOOKUP($A125,városok!$A$2:$C$346,2,0)-VLOOKUP(E$1,városok!$A$2:$C$346,2,0))^2+(VLOOKUP($A125,városok!$A$2:$C$346,3,0)-VLOOKUP(E$1,városok!$A$2:$C$346,3,0))^2)/1000,0)</f>
        <v>156</v>
      </c>
      <c r="F125">
        <f ca="1">ROUND(SQRT((VLOOKUP($A125,városok!$A$2:$C$346,2,0)-VLOOKUP(F$1,városok!$A$2:$C$346,2,0))^2+(VLOOKUP($A125,városok!$A$2:$C$346,3,0)-VLOOKUP(F$1,városok!$A$2:$C$346,3,0))^2)/1000,0)</f>
        <v>188</v>
      </c>
      <c r="G125">
        <f ca="1">ROUND(SQRT((VLOOKUP($A125,városok!$A$2:$C$346,2,0)-VLOOKUP(G$1,városok!$A$2:$C$346,2,0))^2+(VLOOKUP($A125,városok!$A$2:$C$346,3,0)-VLOOKUP(G$1,városok!$A$2:$C$346,3,0))^2)/1000,0)</f>
        <v>168</v>
      </c>
      <c r="H125">
        <f ca="1">ROUND(SQRT((VLOOKUP($A125,városok!$A$2:$C$346,2,0)-VLOOKUP(H$1,városok!$A$2:$C$346,2,0))^2+(VLOOKUP($A125,városok!$A$2:$C$346,3,0)-VLOOKUP(H$1,városok!$A$2:$C$346,3,0))^2)/1000,0)</f>
        <v>167</v>
      </c>
      <c r="I125">
        <f ca="1">ROUND(SQRT((VLOOKUP($A125,városok!$A$2:$C$346,2,0)-VLOOKUP(I$1,városok!$A$2:$C$346,2,0))^2+(VLOOKUP($A125,városok!$A$2:$C$346,3,0)-VLOOKUP(I$1,városok!$A$2:$C$346,3,0))^2)/1000,0)</f>
        <v>271</v>
      </c>
      <c r="J125">
        <f ca="1">ROUND(SQRT((VLOOKUP($A125,városok!$A$2:$C$346,2,0)-VLOOKUP(J$1,városok!$A$2:$C$346,2,0))^2+(VLOOKUP($A125,városok!$A$2:$C$346,3,0)-VLOOKUP(J$1,városok!$A$2:$C$346,3,0))^2)/1000,0)</f>
        <v>286</v>
      </c>
      <c r="K125">
        <f ca="1">ROUND(SQRT((VLOOKUP($A125,városok!$A$2:$C$346,2,0)-VLOOKUP(K$1,városok!$A$2:$C$346,2,0))^2+(VLOOKUP($A125,városok!$A$2:$C$346,3,0)-VLOOKUP(K$1,városok!$A$2:$C$346,3,0))^2)/1000,0)</f>
        <v>247</v>
      </c>
      <c r="L125">
        <f ca="1">ROUND(SQRT((VLOOKUP($A125,városok!$A$2:$C$346,2,0)-VLOOKUP(L$1,városok!$A$2:$C$346,2,0))^2+(VLOOKUP($A125,városok!$A$2:$C$346,3,0)-VLOOKUP(L$1,városok!$A$2:$C$346,3,0))^2)/1000,0)</f>
        <v>229</v>
      </c>
      <c r="M125">
        <f ca="1">ROUND(SQRT((VLOOKUP($A125,városok!$A$2:$C$346,2,0)-VLOOKUP(M$1,városok!$A$2:$C$346,2,0))^2+(VLOOKUP($A125,városok!$A$2:$C$346,3,0)-VLOOKUP(M$1,városok!$A$2:$C$346,3,0))^2)/1000,0)</f>
        <v>236</v>
      </c>
      <c r="N125">
        <f ca="1">ROUND(SQRT((VLOOKUP($A125,városok!$A$2:$C$346,2,0)-VLOOKUP(N$1,városok!$A$2:$C$346,2,0))^2+(VLOOKUP($A125,városok!$A$2:$C$346,3,0)-VLOOKUP(N$1,városok!$A$2:$C$346,3,0))^2)/1000,0)</f>
        <v>204</v>
      </c>
      <c r="O125">
        <f ca="1">ROUND(SQRT((VLOOKUP($A125,városok!$A$2:$C$346,2,0)-VLOOKUP(O$1,városok!$A$2:$C$346,2,0))^2+(VLOOKUP($A125,városok!$A$2:$C$346,3,0)-VLOOKUP(O$1,városok!$A$2:$C$346,3,0))^2)/1000,0)</f>
        <v>306</v>
      </c>
      <c r="P125">
        <f ca="1">ROUND(SQRT((VLOOKUP($A125,városok!$A$2:$C$346,2,0)-VLOOKUP(P$1,városok!$A$2:$C$346,2,0))^2+(VLOOKUP($A125,városok!$A$2:$C$346,3,0)-VLOOKUP(P$1,városok!$A$2:$C$346,3,0))^2)/1000,0)</f>
        <v>306</v>
      </c>
      <c r="Q125">
        <f ca="1">ROUND(SQRT((VLOOKUP($A125,városok!$A$2:$C$346,2,0)-VLOOKUP(Q$1,városok!$A$2:$C$346,2,0))^2+(VLOOKUP($A125,városok!$A$2:$C$346,3,0)-VLOOKUP(Q$1,városok!$A$2:$C$346,3,0))^2)/1000,0)</f>
        <v>232</v>
      </c>
      <c r="R125">
        <f ca="1">ROUND(SQRT((VLOOKUP($A125,városok!$A$2:$C$346,2,0)-VLOOKUP(R$1,városok!$A$2:$C$346,2,0))^2+(VLOOKUP($A125,városok!$A$2:$C$346,3,0)-VLOOKUP(R$1,városok!$A$2:$C$346,3,0))^2)/1000,0)</f>
        <v>255</v>
      </c>
      <c r="S125">
        <f ca="1">ROUND(SQRT((VLOOKUP($A125,városok!$A$2:$C$346,2,0)-VLOOKUP(S$1,városok!$A$2:$C$346,2,0))^2+(VLOOKUP($A125,városok!$A$2:$C$346,3,0)-VLOOKUP(S$1,városok!$A$2:$C$346,3,0))^2)/1000,0)</f>
        <v>234</v>
      </c>
      <c r="T125">
        <f ca="1">ROUND(SQRT((VLOOKUP($A125,városok!$A$2:$C$346,2,0)-VLOOKUP(T$1,városok!$A$2:$C$346,2,0))^2+(VLOOKUP($A125,városok!$A$2:$C$346,3,0)-VLOOKUP(T$1,városok!$A$2:$C$346,3,0))^2)/1000,0)</f>
        <v>67</v>
      </c>
      <c r="U125">
        <f ca="1">ROUND(SQRT((VLOOKUP($A125,városok!$A$2:$C$346,2,0)-VLOOKUP(U$1,városok!$A$2:$C$346,2,0))^2+(VLOOKUP($A125,városok!$A$2:$C$346,3,0)-VLOOKUP(U$1,városok!$A$2:$C$346,3,0))^2)/1000,0)</f>
        <v>111</v>
      </c>
      <c r="V125">
        <f ca="1">ROUND(SQRT((VLOOKUP($A125,városok!$A$2:$C$346,2,0)-VLOOKUP(V$1,városok!$A$2:$C$346,2,0))^2+(VLOOKUP($A125,városok!$A$2:$C$346,3,0)-VLOOKUP(V$1,városok!$A$2:$C$346,3,0))^2)/1000,0)</f>
        <v>69</v>
      </c>
      <c r="W125">
        <f ca="1">ROUND(SQRT((VLOOKUP($A125,városok!$A$2:$C$346,2,0)-VLOOKUP(W$1,városok!$A$2:$C$346,2,0))^2+(VLOOKUP($A125,városok!$A$2:$C$346,3,0)-VLOOKUP(W$1,városok!$A$2:$C$346,3,0))^2)/1000,0)</f>
        <v>99</v>
      </c>
      <c r="X125">
        <f ca="1">ROUND(SQRT((VLOOKUP($A125,városok!$A$2:$C$346,2,0)-VLOOKUP(X$1,városok!$A$2:$C$346,2,0))^2+(VLOOKUP($A125,városok!$A$2:$C$346,3,0)-VLOOKUP(X$1,városok!$A$2:$C$346,3,0))^2)/1000,0)</f>
        <v>52</v>
      </c>
      <c r="Y125">
        <f ca="1">ROUND(SQRT((VLOOKUP($A125,városok!$A$2:$C$346,2,0)-VLOOKUP(Y$1,városok!$A$2:$C$346,2,0))^2+(VLOOKUP($A125,városok!$A$2:$C$346,3,0)-VLOOKUP(Y$1,városok!$A$2:$C$346,3,0))^2)/1000,0)</f>
        <v>18</v>
      </c>
      <c r="Z125">
        <f ca="1">ROUND(SQRT((VLOOKUP($A125,városok!$A$2:$C$346,2,0)-VLOOKUP(Z$1,városok!$A$2:$C$346,2,0))^2+(VLOOKUP($A125,városok!$A$2:$C$346,3,0)-VLOOKUP(Z$1,városok!$A$2:$C$346,3,0))^2)/1000,0)</f>
        <v>34</v>
      </c>
      <c r="AA125">
        <f ca="1">ROUND(SQRT((VLOOKUP($A125,városok!$A$2:$C$346,2,0)-VLOOKUP(AA$1,városok!$A$2:$C$346,2,0))^2+(VLOOKUP($A125,városok!$A$2:$C$346,3,0)-VLOOKUP(AA$1,városok!$A$2:$C$346,3,0))^2)/1000,0)</f>
        <v>89</v>
      </c>
      <c r="AB125">
        <f ca="1">ROUND(SQRT((VLOOKUP($A125,városok!$A$2:$C$346,2,0)-VLOOKUP(AB$1,városok!$A$2:$C$346,2,0))^2+(VLOOKUP($A125,városok!$A$2:$C$346,3,0)-VLOOKUP(AB$1,városok!$A$2:$C$346,3,0))^2)/1000,0)</f>
        <v>292</v>
      </c>
      <c r="AC125">
        <f ca="1">ROUND(SQRT((VLOOKUP($A125,városok!$A$2:$C$346,2,0)-VLOOKUP(AC$1,városok!$A$2:$C$346,2,0))^2+(VLOOKUP($A125,városok!$A$2:$C$346,3,0)-VLOOKUP(AC$1,városok!$A$2:$C$346,3,0))^2)/1000,0)</f>
        <v>275</v>
      </c>
      <c r="AD125">
        <f ca="1">ROUND(SQRT((VLOOKUP($A125,városok!$A$2:$C$346,2,0)-VLOOKUP(AD$1,városok!$A$2:$C$346,2,0))^2+(VLOOKUP($A125,városok!$A$2:$C$346,3,0)-VLOOKUP(AD$1,városok!$A$2:$C$346,3,0))^2)/1000,0)</f>
        <v>257</v>
      </c>
      <c r="AE125">
        <f ca="1">ROUND(SQRT((VLOOKUP($A125,városok!$A$2:$C$346,2,0)-VLOOKUP(AE$1,városok!$A$2:$C$346,2,0))^2+(VLOOKUP($A125,városok!$A$2:$C$346,3,0)-VLOOKUP(AE$1,városok!$A$2:$C$346,3,0))^2)/1000,0)</f>
        <v>259</v>
      </c>
      <c r="AF125">
        <f ca="1">ROUND(SQRT((VLOOKUP($A125,városok!$A$2:$C$346,2,0)-VLOOKUP(AF$1,városok!$A$2:$C$346,2,0))^2+(VLOOKUP($A125,városok!$A$2:$C$346,3,0)-VLOOKUP(AF$1,városok!$A$2:$C$346,3,0))^2)/1000,0)</f>
        <v>201</v>
      </c>
      <c r="AG125">
        <f ca="1">ROUND(SQRT((VLOOKUP($A125,városok!$A$2:$C$346,2,0)-VLOOKUP(AG$1,városok!$A$2:$C$346,2,0))^2+(VLOOKUP($A125,városok!$A$2:$C$346,3,0)-VLOOKUP(AG$1,városok!$A$2:$C$346,3,0))^2)/1000,0)</f>
        <v>165</v>
      </c>
      <c r="AH125">
        <f ca="1">ROUND(SQRT((VLOOKUP($A125,városok!$A$2:$C$346,2,0)-VLOOKUP(AH$1,városok!$A$2:$C$346,2,0))^2+(VLOOKUP($A125,városok!$A$2:$C$346,3,0)-VLOOKUP(AH$1,városok!$A$2:$C$346,3,0))^2)/1000,0)</f>
        <v>145</v>
      </c>
      <c r="AI125">
        <f ca="1">ROUND(SQRT((VLOOKUP($A125,városok!$A$2:$C$346,2,0)-VLOOKUP(AI$1,városok!$A$2:$C$346,2,0))^2+(VLOOKUP($A125,városok!$A$2:$C$346,3,0)-VLOOKUP(AI$1,városok!$A$2:$C$346,3,0))^2)/1000,0)</f>
        <v>183</v>
      </c>
      <c r="AJ125">
        <f ca="1">ROUND(SQRT((VLOOKUP($A125,városok!$A$2:$C$346,2,0)-VLOOKUP(AJ$1,városok!$A$2:$C$346,2,0))^2+(VLOOKUP($A125,városok!$A$2:$C$346,3,0)-VLOOKUP(AJ$1,városok!$A$2:$C$346,3,0))^2)/1000,0)</f>
        <v>168</v>
      </c>
      <c r="AK125">
        <f ca="1">ROUND(SQRT((VLOOKUP($A125,városok!$A$2:$C$346,2,0)-VLOOKUP(AK$1,városok!$A$2:$C$346,2,0))^2+(VLOOKUP($A125,városok!$A$2:$C$346,3,0)-VLOOKUP(AK$1,városok!$A$2:$C$346,3,0))^2)/1000,0)</f>
        <v>245</v>
      </c>
      <c r="AL125">
        <f ca="1">ROUND(SQRT((VLOOKUP($A125,városok!$A$2:$C$346,2,0)-VLOOKUP(AL$1,városok!$A$2:$C$346,2,0))^2+(VLOOKUP($A125,városok!$A$2:$C$346,3,0)-VLOOKUP(AL$1,városok!$A$2:$C$346,3,0))^2)/1000,0)</f>
        <v>218</v>
      </c>
      <c r="AM125">
        <f ca="1">ROUND(SQRT((VLOOKUP($A125,városok!$A$2:$C$346,2,0)-VLOOKUP(AM$1,városok!$A$2:$C$346,2,0))^2+(VLOOKUP($A125,városok!$A$2:$C$346,3,0)-VLOOKUP(AM$1,városok!$A$2:$C$346,3,0))^2)/1000,0)</f>
        <v>188</v>
      </c>
      <c r="AN125">
        <f ca="1">ROUND(SQRT((VLOOKUP($A125,városok!$A$2:$C$346,2,0)-VLOOKUP(AN$1,városok!$A$2:$C$346,2,0))^2+(VLOOKUP($A125,városok!$A$2:$C$346,3,0)-VLOOKUP(AN$1,városok!$A$2:$C$346,3,0))^2)/1000,0)</f>
        <v>79</v>
      </c>
      <c r="AO125">
        <f ca="1">ROUND(SQRT((VLOOKUP($A125,városok!$A$2:$C$346,2,0)-VLOOKUP(AO$1,városok!$A$2:$C$346,2,0))^2+(VLOOKUP($A125,városok!$A$2:$C$346,3,0)-VLOOKUP(AO$1,városok!$A$2:$C$346,3,0))^2)/1000,0)</f>
        <v>35</v>
      </c>
      <c r="AP125">
        <f ca="1">ROUND(SQRT((VLOOKUP($A125,városok!$A$2:$C$346,2,0)-VLOOKUP(AP$1,városok!$A$2:$C$346,2,0))^2+(VLOOKUP($A125,városok!$A$2:$C$346,3,0)-VLOOKUP(AP$1,városok!$A$2:$C$346,3,0))^2)/1000,0)</f>
        <v>45</v>
      </c>
      <c r="AQ125">
        <f ca="1">ROUND(SQRT((VLOOKUP($A125,városok!$A$2:$C$346,2,0)-VLOOKUP(AQ$1,városok!$A$2:$C$346,2,0))^2+(VLOOKUP($A125,városok!$A$2:$C$346,3,0)-VLOOKUP(AQ$1,városok!$A$2:$C$346,3,0))^2)/1000,0)</f>
        <v>49</v>
      </c>
      <c r="AR125">
        <f ca="1">ROUND(SQRT((VLOOKUP($A125,városok!$A$2:$C$346,2,0)-VLOOKUP(AR$1,városok!$A$2:$C$346,2,0))^2+(VLOOKUP($A125,városok!$A$2:$C$346,3,0)-VLOOKUP(AR$1,városok!$A$2:$C$346,3,0))^2)/1000,0)</f>
        <v>151</v>
      </c>
      <c r="AS125">
        <f ca="1">ROUND(SQRT((VLOOKUP($A125,városok!$A$2:$C$346,2,0)-VLOOKUP(AS$1,városok!$A$2:$C$346,2,0))^2+(VLOOKUP($A125,városok!$A$2:$C$346,3,0)-VLOOKUP(AS$1,városok!$A$2:$C$346,3,0))^2)/1000,0)</f>
        <v>166</v>
      </c>
      <c r="AT125">
        <f ca="1">ROUND(SQRT((VLOOKUP($A125,városok!$A$2:$C$346,2,0)-VLOOKUP(AT$1,városok!$A$2:$C$346,2,0))^2+(VLOOKUP($A125,városok!$A$2:$C$346,3,0)-VLOOKUP(AT$1,városok!$A$2:$C$346,3,0))^2)/1000,0)</f>
        <v>81</v>
      </c>
      <c r="AU125">
        <f ca="1">ROUND(SQRT((VLOOKUP($A125,városok!$A$2:$C$346,2,0)-VLOOKUP(AU$1,városok!$A$2:$C$346,2,0))^2+(VLOOKUP($A125,városok!$A$2:$C$346,3,0)-VLOOKUP(AU$1,városok!$A$2:$C$346,3,0))^2)/1000,0)</f>
        <v>92</v>
      </c>
      <c r="AV125">
        <f ca="1">ROUND(SQRT((VLOOKUP($A125,városok!$A$2:$C$346,2,0)-VLOOKUP(AV$1,városok!$A$2:$C$346,2,0))^2+(VLOOKUP($A125,városok!$A$2:$C$346,3,0)-VLOOKUP(AV$1,városok!$A$2:$C$346,3,0))^2)/1000,0)</f>
        <v>92</v>
      </c>
      <c r="AW125">
        <f ca="1">ROUND(SQRT((VLOOKUP($A125,városok!$A$2:$C$346,2,0)-VLOOKUP(AW$1,városok!$A$2:$C$346,2,0))^2+(VLOOKUP($A125,városok!$A$2:$C$346,3,0)-VLOOKUP(AW$1,városok!$A$2:$C$346,3,0))^2)/1000,0)</f>
        <v>89</v>
      </c>
      <c r="AX125">
        <f ca="1">ROUND(SQRT((VLOOKUP($A125,városok!$A$2:$C$346,2,0)-VLOOKUP(AX$1,városok!$A$2:$C$346,2,0))^2+(VLOOKUP($A125,városok!$A$2:$C$346,3,0)-VLOOKUP(AX$1,városok!$A$2:$C$346,3,0))^2)/1000,0)</f>
        <v>164</v>
      </c>
      <c r="AY125">
        <f ca="1">ROUND(SQRT((VLOOKUP($A125,városok!$A$2:$C$346,2,0)-VLOOKUP(AY$1,városok!$A$2:$C$346,2,0))^2+(VLOOKUP($A125,városok!$A$2:$C$346,3,0)-VLOOKUP(AY$1,városok!$A$2:$C$346,3,0))^2)/1000,0)</f>
        <v>100</v>
      </c>
      <c r="AZ125">
        <f ca="1">ROUND(SQRT((VLOOKUP($A125,városok!$A$2:$C$346,2,0)-VLOOKUP(AZ$1,városok!$A$2:$C$346,2,0))^2+(VLOOKUP($A125,városok!$A$2:$C$346,3,0)-VLOOKUP(AZ$1,városok!$A$2:$C$346,3,0))^2)/1000,0)</f>
        <v>95</v>
      </c>
      <c r="BA125">
        <f ca="1">ROUND(SQRT((VLOOKUP($A125,városok!$A$2:$C$346,2,0)-VLOOKUP(BA$1,városok!$A$2:$C$346,2,0))^2+(VLOOKUP($A125,városok!$A$2:$C$346,3,0)-VLOOKUP(BA$1,városok!$A$2:$C$346,3,0))^2)/1000,0)</f>
        <v>86</v>
      </c>
      <c r="BB125">
        <f ca="1">ROUND(SQRT((VLOOKUP($A125,városok!$A$2:$C$346,2,0)-VLOOKUP(BB$1,városok!$A$2:$C$346,2,0))^2+(VLOOKUP($A125,városok!$A$2:$C$346,3,0)-VLOOKUP(BB$1,városok!$A$2:$C$346,3,0))^2)/1000,0)</f>
        <v>114</v>
      </c>
      <c r="BC125">
        <f ca="1">ROUND(SQRT((VLOOKUP($A125,városok!$A$2:$C$346,2,0)-VLOOKUP(BC$1,városok!$A$2:$C$346,2,0))^2+(VLOOKUP($A125,városok!$A$2:$C$346,3,0)-VLOOKUP(BC$1,városok!$A$2:$C$346,3,0))^2)/1000,0)</f>
        <v>133</v>
      </c>
      <c r="BD125">
        <f ca="1">ROUND(SQRT((VLOOKUP($A125,városok!$A$2:$C$346,2,0)-VLOOKUP(BD$1,városok!$A$2:$C$346,2,0))^2+(VLOOKUP($A125,városok!$A$2:$C$346,3,0)-VLOOKUP(BD$1,városok!$A$2:$C$346,3,0))^2)/1000,0)</f>
        <v>75</v>
      </c>
      <c r="BE125">
        <f ca="1">ROUND(SQRT((VLOOKUP($A125,városok!$A$2:$C$346,2,0)-VLOOKUP(BE$1,városok!$A$2:$C$346,2,0))^2+(VLOOKUP($A125,városok!$A$2:$C$346,3,0)-VLOOKUP(BE$1,városok!$A$2:$C$346,3,0))^2)/1000,0)</f>
        <v>370</v>
      </c>
      <c r="BF125">
        <f ca="1">ROUND(SQRT((VLOOKUP($A125,városok!$A$2:$C$346,2,0)-VLOOKUP(BF$1,városok!$A$2:$C$346,2,0))^2+(VLOOKUP($A125,városok!$A$2:$C$346,3,0)-VLOOKUP(BF$1,városok!$A$2:$C$346,3,0))^2)/1000,0)</f>
        <v>332</v>
      </c>
      <c r="BG125">
        <f ca="1">ROUND(SQRT((VLOOKUP($A125,városok!$A$2:$C$346,2,0)-VLOOKUP(BG$1,városok!$A$2:$C$346,2,0))^2+(VLOOKUP($A125,városok!$A$2:$C$346,3,0)-VLOOKUP(BG$1,városok!$A$2:$C$346,3,0))^2)/1000,0)</f>
        <v>285</v>
      </c>
      <c r="BH125">
        <f ca="1">ROUND(SQRT((VLOOKUP($A125,városok!$A$2:$C$346,2,0)-VLOOKUP(BH$1,városok!$A$2:$C$346,2,0))^2+(VLOOKUP($A125,városok!$A$2:$C$346,3,0)-VLOOKUP(BH$1,városok!$A$2:$C$346,3,0))^2)/1000,0)</f>
        <v>285</v>
      </c>
      <c r="BI125">
        <f ca="1">ROUND(SQRT((VLOOKUP($A125,városok!$A$2:$C$346,2,0)-VLOOKUP(BI$1,városok!$A$2:$C$346,2,0))^2+(VLOOKUP($A125,városok!$A$2:$C$346,3,0)-VLOOKUP(BI$1,városok!$A$2:$C$346,3,0))^2)/1000,0)</f>
        <v>144</v>
      </c>
      <c r="BJ125">
        <f ca="1">ROUND(SQRT((VLOOKUP($A125,városok!$A$2:$C$346,2,0)-VLOOKUP(BJ$1,városok!$A$2:$C$346,2,0))^2+(VLOOKUP($A125,városok!$A$2:$C$346,3,0)-VLOOKUP(BJ$1,városok!$A$2:$C$346,3,0))^2)/1000,0)</f>
        <v>151</v>
      </c>
      <c r="BK125">
        <f ca="1">ROUND(SQRT((VLOOKUP($A125,városok!$A$2:$C$346,2,0)-VLOOKUP(BK$1,városok!$A$2:$C$346,2,0))^2+(VLOOKUP($A125,városok!$A$2:$C$346,3,0)-VLOOKUP(BK$1,városok!$A$2:$C$346,3,0))^2)/1000,0)</f>
        <v>152</v>
      </c>
      <c r="BL125">
        <f ca="1">ROUND(SQRT((VLOOKUP($A125,városok!$A$2:$C$346,2,0)-VLOOKUP(BL$1,városok!$A$2:$C$346,2,0))^2+(VLOOKUP($A125,városok!$A$2:$C$346,3,0)-VLOOKUP(BL$1,városok!$A$2:$C$346,3,0))^2)/1000,0)</f>
        <v>105</v>
      </c>
      <c r="BM125">
        <f ca="1">ROUND(SQRT((VLOOKUP($A125,városok!$A$2:$C$346,2,0)-VLOOKUP(BM$1,városok!$A$2:$C$346,2,0))^2+(VLOOKUP($A125,városok!$A$2:$C$346,3,0)-VLOOKUP(BM$1,városok!$A$2:$C$346,3,0))^2)/1000,0)</f>
        <v>70</v>
      </c>
      <c r="BN125">
        <f ca="1">ROUND(SQRT((VLOOKUP($A125,városok!$A$2:$C$346,2,0)-VLOOKUP(BN$1,városok!$A$2:$C$346,2,0))^2+(VLOOKUP($A125,városok!$A$2:$C$346,3,0)-VLOOKUP(BN$1,városok!$A$2:$C$346,3,0))^2)/1000,0)</f>
        <v>92</v>
      </c>
      <c r="BO125">
        <f ca="1">ROUND(SQRT((VLOOKUP($A125,városok!$A$2:$C$346,2,0)-VLOOKUP(BO$1,városok!$A$2:$C$346,2,0))^2+(VLOOKUP($A125,városok!$A$2:$C$346,3,0)-VLOOKUP(BO$1,városok!$A$2:$C$346,3,0))^2)/1000,0)</f>
        <v>61</v>
      </c>
      <c r="BP125">
        <f ca="1">ROUND(SQRT((VLOOKUP($A125,városok!$A$2:$C$346,2,0)-VLOOKUP(BP$1,városok!$A$2:$C$346,2,0))^2+(VLOOKUP($A125,városok!$A$2:$C$346,3,0)-VLOOKUP(BP$1,városok!$A$2:$C$346,3,0))^2)/1000,0)</f>
        <v>63</v>
      </c>
      <c r="BQ125">
        <f ca="1">ROUND(SQRT((VLOOKUP($A125,városok!$A$2:$C$346,2,0)-VLOOKUP(BQ$1,városok!$A$2:$C$346,2,0))^2+(VLOOKUP($A125,városok!$A$2:$C$346,3,0)-VLOOKUP(BQ$1,városok!$A$2:$C$346,3,0))^2)/1000,0)</f>
        <v>52</v>
      </c>
      <c r="BR125">
        <f ca="1">ROUND(SQRT((VLOOKUP($A125,városok!$A$2:$C$346,2,0)-VLOOKUP(BR$1,városok!$A$2:$C$346,2,0))^2+(VLOOKUP($A125,városok!$A$2:$C$346,3,0)-VLOOKUP(BR$1,városok!$A$2:$C$346,3,0))^2)/1000,0)</f>
        <v>95</v>
      </c>
      <c r="BS125">
        <f ca="1">ROUND(SQRT((VLOOKUP($A125,városok!$A$2:$C$346,2,0)-VLOOKUP(BS$1,városok!$A$2:$C$346,2,0))^2+(VLOOKUP($A125,városok!$A$2:$C$346,3,0)-VLOOKUP(BS$1,városok!$A$2:$C$346,3,0))^2)/1000,0)</f>
        <v>135</v>
      </c>
      <c r="BT125">
        <f ca="1">ROUND(SQRT((VLOOKUP($A125,városok!$A$2:$C$346,2,0)-VLOOKUP(BT$1,városok!$A$2:$C$346,2,0))^2+(VLOOKUP($A125,városok!$A$2:$C$346,3,0)-VLOOKUP(BT$1,városok!$A$2:$C$346,3,0))^2)/1000,0)</f>
        <v>105</v>
      </c>
    </row>
    <row r="126" spans="1:72" x14ac:dyDescent="0.2">
      <c r="A126" t="str">
        <f>városok!A126</f>
        <v>Sopron</v>
      </c>
      <c r="B126">
        <f ca="1">ROUND(SQRT((VLOOKUP($A126,városok!$A$2:$C$346,2,0)-VLOOKUP(B$1,városok!$A$2:$C$346,2,0))^2+(VLOOKUP($A126,városok!$A$2:$C$346,3,0)-VLOOKUP(B$1,városok!$A$2:$C$346,3,0))^2)/1000,0)</f>
        <v>246</v>
      </c>
      <c r="C126">
        <f ca="1">ROUND(SQRT((VLOOKUP($A126,városok!$A$2:$C$346,2,0)-VLOOKUP(C$1,városok!$A$2:$C$346,2,0))^2+(VLOOKUP($A126,városok!$A$2:$C$346,3,0)-VLOOKUP(C$1,városok!$A$2:$C$346,3,0))^2)/1000,0)</f>
        <v>223</v>
      </c>
      <c r="D126">
        <f ca="1">ROUND(SQRT((VLOOKUP($A126,városok!$A$2:$C$346,2,0)-VLOOKUP(D$1,városok!$A$2:$C$346,2,0))^2+(VLOOKUP($A126,városok!$A$2:$C$346,3,0)-VLOOKUP(D$1,városok!$A$2:$C$346,3,0))^2)/1000,0)</f>
        <v>250</v>
      </c>
      <c r="E126">
        <f ca="1">ROUND(SQRT((VLOOKUP($A126,városok!$A$2:$C$346,2,0)-VLOOKUP(E$1,városok!$A$2:$C$346,2,0))^2+(VLOOKUP($A126,városok!$A$2:$C$346,3,0)-VLOOKUP(E$1,városok!$A$2:$C$346,3,0))^2)/1000,0)</f>
        <v>210</v>
      </c>
      <c r="F126">
        <f ca="1">ROUND(SQRT((VLOOKUP($A126,városok!$A$2:$C$346,2,0)-VLOOKUP(F$1,városok!$A$2:$C$346,2,0))^2+(VLOOKUP($A126,városok!$A$2:$C$346,3,0)-VLOOKUP(F$1,városok!$A$2:$C$346,3,0))^2)/1000,0)</f>
        <v>247</v>
      </c>
      <c r="G126">
        <f ca="1">ROUND(SQRT((VLOOKUP($A126,városok!$A$2:$C$346,2,0)-VLOOKUP(G$1,városok!$A$2:$C$346,2,0))^2+(VLOOKUP($A126,városok!$A$2:$C$346,3,0)-VLOOKUP(G$1,városok!$A$2:$C$346,3,0))^2)/1000,0)</f>
        <v>219</v>
      </c>
      <c r="H126">
        <f ca="1">ROUND(SQRT((VLOOKUP($A126,városok!$A$2:$C$346,2,0)-VLOOKUP(H$1,városok!$A$2:$C$346,2,0))^2+(VLOOKUP($A126,városok!$A$2:$C$346,3,0)-VLOOKUP(H$1,városok!$A$2:$C$346,3,0))^2)/1000,0)</f>
        <v>204</v>
      </c>
      <c r="I126">
        <f ca="1">ROUND(SQRT((VLOOKUP($A126,városok!$A$2:$C$346,2,0)-VLOOKUP(I$1,városok!$A$2:$C$346,2,0))^2+(VLOOKUP($A126,városok!$A$2:$C$346,3,0)-VLOOKUP(I$1,városok!$A$2:$C$346,3,0))^2)/1000,0)</f>
        <v>359</v>
      </c>
      <c r="J126">
        <f ca="1">ROUND(SQRT((VLOOKUP($A126,városok!$A$2:$C$346,2,0)-VLOOKUP(J$1,városok!$A$2:$C$346,2,0))^2+(VLOOKUP($A126,városok!$A$2:$C$346,3,0)-VLOOKUP(J$1,városok!$A$2:$C$346,3,0))^2)/1000,0)</f>
        <v>374</v>
      </c>
      <c r="K126">
        <f ca="1">ROUND(SQRT((VLOOKUP($A126,városok!$A$2:$C$346,2,0)-VLOOKUP(K$1,városok!$A$2:$C$346,2,0))^2+(VLOOKUP($A126,városok!$A$2:$C$346,3,0)-VLOOKUP(K$1,városok!$A$2:$C$346,3,0))^2)/1000,0)</f>
        <v>334</v>
      </c>
      <c r="L126">
        <f ca="1">ROUND(SQRT((VLOOKUP($A126,városok!$A$2:$C$346,2,0)-VLOOKUP(L$1,városok!$A$2:$C$346,2,0))^2+(VLOOKUP($A126,városok!$A$2:$C$346,3,0)-VLOOKUP(L$1,városok!$A$2:$C$346,3,0))^2)/1000,0)</f>
        <v>309</v>
      </c>
      <c r="M126">
        <f ca="1">ROUND(SQRT((VLOOKUP($A126,városok!$A$2:$C$346,2,0)-VLOOKUP(M$1,városok!$A$2:$C$346,2,0))^2+(VLOOKUP($A126,városok!$A$2:$C$346,3,0)-VLOOKUP(M$1,városok!$A$2:$C$346,3,0))^2)/1000,0)</f>
        <v>318</v>
      </c>
      <c r="N126">
        <f ca="1">ROUND(SQRT((VLOOKUP($A126,városok!$A$2:$C$346,2,0)-VLOOKUP(N$1,városok!$A$2:$C$346,2,0))^2+(VLOOKUP($A126,városok!$A$2:$C$346,3,0)-VLOOKUP(N$1,városok!$A$2:$C$346,3,0))^2)/1000,0)</f>
        <v>283</v>
      </c>
      <c r="O126">
        <f ca="1">ROUND(SQRT((VLOOKUP($A126,városok!$A$2:$C$346,2,0)-VLOOKUP(O$1,városok!$A$2:$C$346,2,0))^2+(VLOOKUP($A126,városok!$A$2:$C$346,3,0)-VLOOKUP(O$1,városok!$A$2:$C$346,3,0))^2)/1000,0)</f>
        <v>386</v>
      </c>
      <c r="P126">
        <f ca="1">ROUND(SQRT((VLOOKUP($A126,városok!$A$2:$C$346,2,0)-VLOOKUP(P$1,városok!$A$2:$C$346,2,0))^2+(VLOOKUP($A126,városok!$A$2:$C$346,3,0)-VLOOKUP(P$1,városok!$A$2:$C$346,3,0))^2)/1000,0)</f>
        <v>386</v>
      </c>
      <c r="Q126">
        <f ca="1">ROUND(SQRT((VLOOKUP($A126,városok!$A$2:$C$346,2,0)-VLOOKUP(Q$1,városok!$A$2:$C$346,2,0))^2+(VLOOKUP($A126,városok!$A$2:$C$346,3,0)-VLOOKUP(Q$1,városok!$A$2:$C$346,3,0))^2)/1000,0)</f>
        <v>317</v>
      </c>
      <c r="R126">
        <f ca="1">ROUND(SQRT((VLOOKUP($A126,városok!$A$2:$C$346,2,0)-VLOOKUP(R$1,városok!$A$2:$C$346,2,0))^2+(VLOOKUP($A126,városok!$A$2:$C$346,3,0)-VLOOKUP(R$1,városok!$A$2:$C$346,3,0))^2)/1000,0)</f>
        <v>338</v>
      </c>
      <c r="S126">
        <f ca="1">ROUND(SQRT((VLOOKUP($A126,városok!$A$2:$C$346,2,0)-VLOOKUP(S$1,városok!$A$2:$C$346,2,0))^2+(VLOOKUP($A126,városok!$A$2:$C$346,3,0)-VLOOKUP(S$1,városok!$A$2:$C$346,3,0))^2)/1000,0)</f>
        <v>316</v>
      </c>
      <c r="T126">
        <f ca="1">ROUND(SQRT((VLOOKUP($A126,városok!$A$2:$C$346,2,0)-VLOOKUP(T$1,városok!$A$2:$C$346,2,0))^2+(VLOOKUP($A126,városok!$A$2:$C$346,3,0)-VLOOKUP(T$1,városok!$A$2:$C$346,3,0))^2)/1000,0)</f>
        <v>156</v>
      </c>
      <c r="U126">
        <f ca="1">ROUND(SQRT((VLOOKUP($A126,városok!$A$2:$C$346,2,0)-VLOOKUP(U$1,városok!$A$2:$C$346,2,0))^2+(VLOOKUP($A126,városok!$A$2:$C$346,3,0)-VLOOKUP(U$1,városok!$A$2:$C$346,3,0))^2)/1000,0)</f>
        <v>195</v>
      </c>
      <c r="V126">
        <f ca="1">ROUND(SQRT((VLOOKUP($A126,városok!$A$2:$C$346,2,0)-VLOOKUP(V$1,városok!$A$2:$C$346,2,0))^2+(VLOOKUP($A126,városok!$A$2:$C$346,3,0)-VLOOKUP(V$1,városok!$A$2:$C$346,3,0))^2)/1000,0)</f>
        <v>147</v>
      </c>
      <c r="W126">
        <f ca="1">ROUND(SQRT((VLOOKUP($A126,városok!$A$2:$C$346,2,0)-VLOOKUP(W$1,városok!$A$2:$C$346,2,0))^2+(VLOOKUP($A126,városok!$A$2:$C$346,3,0)-VLOOKUP(W$1,városok!$A$2:$C$346,3,0))^2)/1000,0)</f>
        <v>178</v>
      </c>
      <c r="X126">
        <f ca="1">ROUND(SQRT((VLOOKUP($A126,városok!$A$2:$C$346,2,0)-VLOOKUP(X$1,városok!$A$2:$C$346,2,0))^2+(VLOOKUP($A126,városok!$A$2:$C$346,3,0)-VLOOKUP(X$1,városok!$A$2:$C$346,3,0))^2)/1000,0)</f>
        <v>138</v>
      </c>
      <c r="Y126">
        <f ca="1">ROUND(SQRT((VLOOKUP($A126,városok!$A$2:$C$346,2,0)-VLOOKUP(Y$1,városok!$A$2:$C$346,2,0))^2+(VLOOKUP($A126,városok!$A$2:$C$346,3,0)-VLOOKUP(Y$1,városok!$A$2:$C$346,3,0))^2)/1000,0)</f>
        <v>79</v>
      </c>
      <c r="Z126">
        <f ca="1">ROUND(SQRT((VLOOKUP($A126,városok!$A$2:$C$346,2,0)-VLOOKUP(Z$1,városok!$A$2:$C$346,2,0))^2+(VLOOKUP($A126,városok!$A$2:$C$346,3,0)-VLOOKUP(Z$1,városok!$A$2:$C$346,3,0))^2)/1000,0)</f>
        <v>61</v>
      </c>
      <c r="AA126">
        <f ca="1">ROUND(SQRT((VLOOKUP($A126,városok!$A$2:$C$346,2,0)-VLOOKUP(AA$1,városok!$A$2:$C$346,2,0))^2+(VLOOKUP($A126,városok!$A$2:$C$346,3,0)-VLOOKUP(AA$1,városok!$A$2:$C$346,3,0))^2)/1000,0)</f>
        <v>0</v>
      </c>
      <c r="AB126">
        <f ca="1">ROUND(SQRT((VLOOKUP($A126,városok!$A$2:$C$346,2,0)-VLOOKUP(AB$1,városok!$A$2:$C$346,2,0))^2+(VLOOKUP($A126,városok!$A$2:$C$346,3,0)-VLOOKUP(AB$1,városok!$A$2:$C$346,3,0))^2)/1000,0)</f>
        <v>380</v>
      </c>
      <c r="AC126">
        <f ca="1">ROUND(SQRT((VLOOKUP($A126,városok!$A$2:$C$346,2,0)-VLOOKUP(AC$1,városok!$A$2:$C$346,2,0))^2+(VLOOKUP($A126,városok!$A$2:$C$346,3,0)-VLOOKUP(AC$1,városok!$A$2:$C$346,3,0))^2)/1000,0)</f>
        <v>363</v>
      </c>
      <c r="AD126">
        <f ca="1">ROUND(SQRT((VLOOKUP($A126,városok!$A$2:$C$346,2,0)-VLOOKUP(AD$1,városok!$A$2:$C$346,2,0))^2+(VLOOKUP($A126,városok!$A$2:$C$346,3,0)-VLOOKUP(AD$1,városok!$A$2:$C$346,3,0))^2)/1000,0)</f>
        <v>346</v>
      </c>
      <c r="AE126">
        <f ca="1">ROUND(SQRT((VLOOKUP($A126,városok!$A$2:$C$346,2,0)-VLOOKUP(AE$1,városok!$A$2:$C$346,2,0))^2+(VLOOKUP($A126,városok!$A$2:$C$346,3,0)-VLOOKUP(AE$1,városok!$A$2:$C$346,3,0))^2)/1000,0)</f>
        <v>348</v>
      </c>
      <c r="AF126">
        <f ca="1">ROUND(SQRT((VLOOKUP($A126,városok!$A$2:$C$346,2,0)-VLOOKUP(AF$1,városok!$A$2:$C$346,2,0))^2+(VLOOKUP($A126,városok!$A$2:$C$346,3,0)-VLOOKUP(AF$1,városok!$A$2:$C$346,3,0))^2)/1000,0)</f>
        <v>285</v>
      </c>
      <c r="AG126">
        <f ca="1">ROUND(SQRT((VLOOKUP($A126,városok!$A$2:$C$346,2,0)-VLOOKUP(AG$1,városok!$A$2:$C$346,2,0))^2+(VLOOKUP($A126,városok!$A$2:$C$346,3,0)-VLOOKUP(AG$1,városok!$A$2:$C$346,3,0))^2)/1000,0)</f>
        <v>251</v>
      </c>
      <c r="AH126">
        <f ca="1">ROUND(SQRT((VLOOKUP($A126,városok!$A$2:$C$346,2,0)-VLOOKUP(AH$1,városok!$A$2:$C$346,2,0))^2+(VLOOKUP($A126,városok!$A$2:$C$346,3,0)-VLOOKUP(AH$1,városok!$A$2:$C$346,3,0))^2)/1000,0)</f>
        <v>232</v>
      </c>
      <c r="AI126">
        <f ca="1">ROUND(SQRT((VLOOKUP($A126,városok!$A$2:$C$346,2,0)-VLOOKUP(AI$1,városok!$A$2:$C$346,2,0))^2+(VLOOKUP($A126,városok!$A$2:$C$346,3,0)-VLOOKUP(AI$1,városok!$A$2:$C$346,3,0))^2)/1000,0)</f>
        <v>266</v>
      </c>
      <c r="AJ126">
        <f ca="1">ROUND(SQRT((VLOOKUP($A126,városok!$A$2:$C$346,2,0)-VLOOKUP(AJ$1,városok!$A$2:$C$346,2,0))^2+(VLOOKUP($A126,városok!$A$2:$C$346,3,0)-VLOOKUP(AJ$1,városok!$A$2:$C$346,3,0))^2)/1000,0)</f>
        <v>255</v>
      </c>
      <c r="AK126">
        <f ca="1">ROUND(SQRT((VLOOKUP($A126,városok!$A$2:$C$346,2,0)-VLOOKUP(AK$1,városok!$A$2:$C$346,2,0))^2+(VLOOKUP($A126,városok!$A$2:$C$346,3,0)-VLOOKUP(AK$1,városok!$A$2:$C$346,3,0))^2)/1000,0)</f>
        <v>334</v>
      </c>
      <c r="AL126">
        <f ca="1">ROUND(SQRT((VLOOKUP($A126,városok!$A$2:$C$346,2,0)-VLOOKUP(AL$1,városok!$A$2:$C$346,2,0))^2+(VLOOKUP($A126,városok!$A$2:$C$346,3,0)-VLOOKUP(AL$1,városok!$A$2:$C$346,3,0))^2)/1000,0)</f>
        <v>307</v>
      </c>
      <c r="AM126">
        <f ca="1">ROUND(SQRT((VLOOKUP($A126,városok!$A$2:$C$346,2,0)-VLOOKUP(AM$1,városok!$A$2:$C$346,2,0))^2+(VLOOKUP($A126,városok!$A$2:$C$346,3,0)-VLOOKUP(AM$1,városok!$A$2:$C$346,3,0))^2)/1000,0)</f>
        <v>277</v>
      </c>
      <c r="AN126">
        <f ca="1">ROUND(SQRT((VLOOKUP($A126,városok!$A$2:$C$346,2,0)-VLOOKUP(AN$1,városok!$A$2:$C$346,2,0))^2+(VLOOKUP($A126,városok!$A$2:$C$346,3,0)-VLOOKUP(AN$1,városok!$A$2:$C$346,3,0))^2)/1000,0)</f>
        <v>162</v>
      </c>
      <c r="AO126">
        <f ca="1">ROUND(SQRT((VLOOKUP($A126,városok!$A$2:$C$346,2,0)-VLOOKUP(AO$1,városok!$A$2:$C$346,2,0))^2+(VLOOKUP($A126,városok!$A$2:$C$346,3,0)-VLOOKUP(AO$1,városok!$A$2:$C$346,3,0))^2)/1000,0)</f>
        <v>116</v>
      </c>
      <c r="AP126">
        <f ca="1">ROUND(SQRT((VLOOKUP($A126,városok!$A$2:$C$346,2,0)-VLOOKUP(AP$1,városok!$A$2:$C$346,2,0))^2+(VLOOKUP($A126,városok!$A$2:$C$346,3,0)-VLOOKUP(AP$1,városok!$A$2:$C$346,3,0))^2)/1000,0)</f>
        <v>131</v>
      </c>
      <c r="AQ126">
        <f ca="1">ROUND(SQRT((VLOOKUP($A126,városok!$A$2:$C$346,2,0)-VLOOKUP(AQ$1,városok!$A$2:$C$346,2,0))^2+(VLOOKUP($A126,városok!$A$2:$C$346,3,0)-VLOOKUP(AQ$1,városok!$A$2:$C$346,3,0))^2)/1000,0)</f>
        <v>138</v>
      </c>
      <c r="AR126">
        <f ca="1">ROUND(SQRT((VLOOKUP($A126,városok!$A$2:$C$346,2,0)-VLOOKUP(AR$1,városok!$A$2:$C$346,2,0))^2+(VLOOKUP($A126,városok!$A$2:$C$346,3,0)-VLOOKUP(AR$1,városok!$A$2:$C$346,3,0))^2)/1000,0)</f>
        <v>235</v>
      </c>
      <c r="AS126">
        <f ca="1">ROUND(SQRT((VLOOKUP($A126,városok!$A$2:$C$346,2,0)-VLOOKUP(AS$1,városok!$A$2:$C$346,2,0))^2+(VLOOKUP($A126,városok!$A$2:$C$346,3,0)-VLOOKUP(AS$1,városok!$A$2:$C$346,3,0))^2)/1000,0)</f>
        <v>246</v>
      </c>
      <c r="AT126">
        <f ca="1">ROUND(SQRT((VLOOKUP($A126,városok!$A$2:$C$346,2,0)-VLOOKUP(AT$1,városok!$A$2:$C$346,2,0))^2+(VLOOKUP($A126,városok!$A$2:$C$346,3,0)-VLOOKUP(AT$1,városok!$A$2:$C$346,3,0))^2)/1000,0)</f>
        <v>170</v>
      </c>
      <c r="AU126">
        <f ca="1">ROUND(SQRT((VLOOKUP($A126,városok!$A$2:$C$346,2,0)-VLOOKUP(AU$1,városok!$A$2:$C$346,2,0))^2+(VLOOKUP($A126,városok!$A$2:$C$346,3,0)-VLOOKUP(AU$1,városok!$A$2:$C$346,3,0))^2)/1000,0)</f>
        <v>181</v>
      </c>
      <c r="AV126">
        <f ca="1">ROUND(SQRT((VLOOKUP($A126,városok!$A$2:$C$346,2,0)-VLOOKUP(AV$1,városok!$A$2:$C$346,2,0))^2+(VLOOKUP($A126,városok!$A$2:$C$346,3,0)-VLOOKUP(AV$1,városok!$A$2:$C$346,3,0))^2)/1000,0)</f>
        <v>181</v>
      </c>
      <c r="AW126">
        <f ca="1">ROUND(SQRT((VLOOKUP($A126,városok!$A$2:$C$346,2,0)-VLOOKUP(AW$1,városok!$A$2:$C$346,2,0))^2+(VLOOKUP($A126,városok!$A$2:$C$346,3,0)-VLOOKUP(AW$1,városok!$A$2:$C$346,3,0))^2)/1000,0)</f>
        <v>178</v>
      </c>
      <c r="AX126">
        <f ca="1">ROUND(SQRT((VLOOKUP($A126,városok!$A$2:$C$346,2,0)-VLOOKUP(AX$1,városok!$A$2:$C$346,2,0))^2+(VLOOKUP($A126,városok!$A$2:$C$346,3,0)-VLOOKUP(AX$1,városok!$A$2:$C$346,3,0))^2)/1000,0)</f>
        <v>252</v>
      </c>
      <c r="AY126">
        <f ca="1">ROUND(SQRT((VLOOKUP($A126,városok!$A$2:$C$346,2,0)-VLOOKUP(AY$1,városok!$A$2:$C$346,2,0))^2+(VLOOKUP($A126,városok!$A$2:$C$346,3,0)-VLOOKUP(AY$1,városok!$A$2:$C$346,3,0))^2)/1000,0)</f>
        <v>186</v>
      </c>
      <c r="AZ126">
        <f ca="1">ROUND(SQRT((VLOOKUP($A126,városok!$A$2:$C$346,2,0)-VLOOKUP(AZ$1,városok!$A$2:$C$346,2,0))^2+(VLOOKUP($A126,városok!$A$2:$C$346,3,0)-VLOOKUP(AZ$1,városok!$A$2:$C$346,3,0))^2)/1000,0)</f>
        <v>179</v>
      </c>
      <c r="BA126">
        <f ca="1">ROUND(SQRT((VLOOKUP($A126,városok!$A$2:$C$346,2,0)-VLOOKUP(BA$1,városok!$A$2:$C$346,2,0))^2+(VLOOKUP($A126,városok!$A$2:$C$346,3,0)-VLOOKUP(BA$1,városok!$A$2:$C$346,3,0))^2)/1000,0)</f>
        <v>131</v>
      </c>
      <c r="BB126">
        <f ca="1">ROUND(SQRT((VLOOKUP($A126,városok!$A$2:$C$346,2,0)-VLOOKUP(BB$1,városok!$A$2:$C$346,2,0))^2+(VLOOKUP($A126,városok!$A$2:$C$346,3,0)-VLOOKUP(BB$1,városok!$A$2:$C$346,3,0))^2)/1000,0)</f>
        <v>164</v>
      </c>
      <c r="BC126">
        <f ca="1">ROUND(SQRT((VLOOKUP($A126,városok!$A$2:$C$346,2,0)-VLOOKUP(BC$1,városok!$A$2:$C$346,2,0))^2+(VLOOKUP($A126,városok!$A$2:$C$346,3,0)-VLOOKUP(BC$1,városok!$A$2:$C$346,3,0))^2)/1000,0)</f>
        <v>174</v>
      </c>
      <c r="BD126">
        <f ca="1">ROUND(SQRT((VLOOKUP($A126,városok!$A$2:$C$346,2,0)-VLOOKUP(BD$1,városok!$A$2:$C$346,2,0))^2+(VLOOKUP($A126,városok!$A$2:$C$346,3,0)-VLOOKUP(BD$1,városok!$A$2:$C$346,3,0))^2)/1000,0)</f>
        <v>141</v>
      </c>
      <c r="BE126">
        <f ca="1">ROUND(SQRT((VLOOKUP($A126,városok!$A$2:$C$346,2,0)-VLOOKUP(BE$1,városok!$A$2:$C$346,2,0))^2+(VLOOKUP($A126,városok!$A$2:$C$346,3,0)-VLOOKUP(BE$1,városok!$A$2:$C$346,3,0))^2)/1000,0)</f>
        <v>456</v>
      </c>
      <c r="BF126">
        <f ca="1">ROUND(SQRT((VLOOKUP($A126,városok!$A$2:$C$346,2,0)-VLOOKUP(BF$1,városok!$A$2:$C$346,2,0))^2+(VLOOKUP($A126,városok!$A$2:$C$346,3,0)-VLOOKUP(BF$1,városok!$A$2:$C$346,3,0))^2)/1000,0)</f>
        <v>414</v>
      </c>
      <c r="BG126">
        <f ca="1">ROUND(SQRT((VLOOKUP($A126,városok!$A$2:$C$346,2,0)-VLOOKUP(BG$1,városok!$A$2:$C$346,2,0))^2+(VLOOKUP($A126,városok!$A$2:$C$346,3,0)-VLOOKUP(BG$1,városok!$A$2:$C$346,3,0))^2)/1000,0)</f>
        <v>368</v>
      </c>
      <c r="BH126">
        <f ca="1">ROUND(SQRT((VLOOKUP($A126,városok!$A$2:$C$346,2,0)-VLOOKUP(BH$1,városok!$A$2:$C$346,2,0))^2+(VLOOKUP($A126,városok!$A$2:$C$346,3,0)-VLOOKUP(BH$1,városok!$A$2:$C$346,3,0))^2)/1000,0)</f>
        <v>368</v>
      </c>
      <c r="BI126">
        <f ca="1">ROUND(SQRT((VLOOKUP($A126,városok!$A$2:$C$346,2,0)-VLOOKUP(BI$1,városok!$A$2:$C$346,2,0))^2+(VLOOKUP($A126,városok!$A$2:$C$346,3,0)-VLOOKUP(BI$1,városok!$A$2:$C$346,3,0))^2)/1000,0)</f>
        <v>211</v>
      </c>
      <c r="BJ126">
        <f ca="1">ROUND(SQRT((VLOOKUP($A126,városok!$A$2:$C$346,2,0)-VLOOKUP(BJ$1,városok!$A$2:$C$346,2,0))^2+(VLOOKUP($A126,városok!$A$2:$C$346,3,0)-VLOOKUP(BJ$1,városok!$A$2:$C$346,3,0))^2)/1000,0)</f>
        <v>211</v>
      </c>
      <c r="BK126">
        <f ca="1">ROUND(SQRT((VLOOKUP($A126,városok!$A$2:$C$346,2,0)-VLOOKUP(BK$1,városok!$A$2:$C$346,2,0))^2+(VLOOKUP($A126,városok!$A$2:$C$346,3,0)-VLOOKUP(BK$1,városok!$A$2:$C$346,3,0))^2)/1000,0)</f>
        <v>219</v>
      </c>
      <c r="BL126">
        <f ca="1">ROUND(SQRT((VLOOKUP($A126,városok!$A$2:$C$346,2,0)-VLOOKUP(BL$1,városok!$A$2:$C$346,2,0))^2+(VLOOKUP($A126,városok!$A$2:$C$346,3,0)-VLOOKUP(BL$1,városok!$A$2:$C$346,3,0))^2)/1000,0)</f>
        <v>75</v>
      </c>
      <c r="BM126">
        <f ca="1">ROUND(SQRT((VLOOKUP($A126,városok!$A$2:$C$346,2,0)-VLOOKUP(BM$1,városok!$A$2:$C$346,2,0))^2+(VLOOKUP($A126,városok!$A$2:$C$346,3,0)-VLOOKUP(BM$1,városok!$A$2:$C$346,3,0))^2)/1000,0)</f>
        <v>55</v>
      </c>
      <c r="BN126">
        <f ca="1">ROUND(SQRT((VLOOKUP($A126,városok!$A$2:$C$346,2,0)-VLOOKUP(BN$1,városok!$A$2:$C$346,2,0))^2+(VLOOKUP($A126,városok!$A$2:$C$346,3,0)-VLOOKUP(BN$1,városok!$A$2:$C$346,3,0))^2)/1000,0)</f>
        <v>50</v>
      </c>
      <c r="BO126">
        <f ca="1">ROUND(SQRT((VLOOKUP($A126,városok!$A$2:$C$346,2,0)-VLOOKUP(BO$1,városok!$A$2:$C$346,2,0))^2+(VLOOKUP($A126,városok!$A$2:$C$346,3,0)-VLOOKUP(BO$1,városok!$A$2:$C$346,3,0))^2)/1000,0)</f>
        <v>130</v>
      </c>
      <c r="BP126">
        <f ca="1">ROUND(SQRT((VLOOKUP($A126,városok!$A$2:$C$346,2,0)-VLOOKUP(BP$1,városok!$A$2:$C$346,2,0))^2+(VLOOKUP($A126,városok!$A$2:$C$346,3,0)-VLOOKUP(BP$1,városok!$A$2:$C$346,3,0))^2)/1000,0)</f>
        <v>136</v>
      </c>
      <c r="BQ126">
        <f ca="1">ROUND(SQRT((VLOOKUP($A126,városok!$A$2:$C$346,2,0)-VLOOKUP(BQ$1,városok!$A$2:$C$346,2,0))^2+(VLOOKUP($A126,városok!$A$2:$C$346,3,0)-VLOOKUP(BQ$1,városok!$A$2:$C$346,3,0))^2)/1000,0)</f>
        <v>120</v>
      </c>
      <c r="BR126">
        <f ca="1">ROUND(SQRT((VLOOKUP($A126,városok!$A$2:$C$346,2,0)-VLOOKUP(BR$1,városok!$A$2:$C$346,2,0))^2+(VLOOKUP($A126,városok!$A$2:$C$346,3,0)-VLOOKUP(BR$1,városok!$A$2:$C$346,3,0))^2)/1000,0)</f>
        <v>114</v>
      </c>
      <c r="BS126">
        <f ca="1">ROUND(SQRT((VLOOKUP($A126,városok!$A$2:$C$346,2,0)-VLOOKUP(BS$1,városok!$A$2:$C$346,2,0))^2+(VLOOKUP($A126,városok!$A$2:$C$346,3,0)-VLOOKUP(BS$1,városok!$A$2:$C$346,3,0))^2)/1000,0)</f>
        <v>141</v>
      </c>
      <c r="BT126">
        <f ca="1">ROUND(SQRT((VLOOKUP($A126,városok!$A$2:$C$346,2,0)-VLOOKUP(BT$1,városok!$A$2:$C$346,2,0))^2+(VLOOKUP($A126,városok!$A$2:$C$346,3,0)-VLOOKUP(BT$1,városok!$A$2:$C$346,3,0))^2)/1000,0)</f>
        <v>96</v>
      </c>
    </row>
    <row r="127" spans="1:72" x14ac:dyDescent="0.2">
      <c r="A127" t="str">
        <f>városok!A127</f>
        <v>Tét</v>
      </c>
      <c r="B127">
        <f ca="1">ROUND(SQRT((VLOOKUP($A127,városok!$A$2:$C$346,2,0)-VLOOKUP(B$1,városok!$A$2:$C$346,2,0))^2+(VLOOKUP($A127,városok!$A$2:$C$346,3,0)-VLOOKUP(B$1,városok!$A$2:$C$346,3,0))^2)/1000,0)</f>
        <v>185</v>
      </c>
      <c r="C127">
        <f ca="1">ROUND(SQRT((VLOOKUP($A127,városok!$A$2:$C$346,2,0)-VLOOKUP(C$1,városok!$A$2:$C$346,2,0))^2+(VLOOKUP($A127,városok!$A$2:$C$346,3,0)-VLOOKUP(C$1,városok!$A$2:$C$346,3,0))^2)/1000,0)</f>
        <v>157</v>
      </c>
      <c r="D127">
        <f ca="1">ROUND(SQRT((VLOOKUP($A127,városok!$A$2:$C$346,2,0)-VLOOKUP(D$1,városok!$A$2:$C$346,2,0))^2+(VLOOKUP($A127,városok!$A$2:$C$346,3,0)-VLOOKUP(D$1,városok!$A$2:$C$346,3,0))^2)/1000,0)</f>
        <v>178</v>
      </c>
      <c r="E127">
        <f ca="1">ROUND(SQRT((VLOOKUP($A127,városok!$A$2:$C$346,2,0)-VLOOKUP(E$1,városok!$A$2:$C$346,2,0))^2+(VLOOKUP($A127,városok!$A$2:$C$346,3,0)-VLOOKUP(E$1,városok!$A$2:$C$346,3,0))^2)/1000,0)</f>
        <v>158</v>
      </c>
      <c r="F127">
        <f ca="1">ROUND(SQRT((VLOOKUP($A127,városok!$A$2:$C$346,2,0)-VLOOKUP(F$1,városok!$A$2:$C$346,2,0))^2+(VLOOKUP($A127,városok!$A$2:$C$346,3,0)-VLOOKUP(F$1,városok!$A$2:$C$346,3,0))^2)/1000,0)</f>
        <v>192</v>
      </c>
      <c r="G127">
        <f ca="1">ROUND(SQRT((VLOOKUP($A127,városok!$A$2:$C$346,2,0)-VLOOKUP(G$1,városok!$A$2:$C$346,2,0))^2+(VLOOKUP($A127,városok!$A$2:$C$346,3,0)-VLOOKUP(G$1,városok!$A$2:$C$346,3,0))^2)/1000,0)</f>
        <v>170</v>
      </c>
      <c r="H127">
        <f ca="1">ROUND(SQRT((VLOOKUP($A127,városok!$A$2:$C$346,2,0)-VLOOKUP(H$1,városok!$A$2:$C$346,2,0))^2+(VLOOKUP($A127,városok!$A$2:$C$346,3,0)-VLOOKUP(H$1,városok!$A$2:$C$346,3,0))^2)/1000,0)</f>
        <v>165</v>
      </c>
      <c r="I127">
        <f ca="1">ROUND(SQRT((VLOOKUP($A127,városok!$A$2:$C$346,2,0)-VLOOKUP(I$1,városok!$A$2:$C$346,2,0))^2+(VLOOKUP($A127,városok!$A$2:$C$346,3,0)-VLOOKUP(I$1,városok!$A$2:$C$346,3,0))^2)/1000,0)</f>
        <v>286</v>
      </c>
      <c r="J127">
        <f ca="1">ROUND(SQRT((VLOOKUP($A127,városok!$A$2:$C$346,2,0)-VLOOKUP(J$1,városok!$A$2:$C$346,2,0))^2+(VLOOKUP($A127,városok!$A$2:$C$346,3,0)-VLOOKUP(J$1,városok!$A$2:$C$346,3,0))^2)/1000,0)</f>
        <v>302</v>
      </c>
      <c r="K127">
        <f ca="1">ROUND(SQRT((VLOOKUP($A127,városok!$A$2:$C$346,2,0)-VLOOKUP(K$1,városok!$A$2:$C$346,2,0))^2+(VLOOKUP($A127,városok!$A$2:$C$346,3,0)-VLOOKUP(K$1,városok!$A$2:$C$346,3,0))^2)/1000,0)</f>
        <v>262</v>
      </c>
      <c r="L127">
        <f ca="1">ROUND(SQRT((VLOOKUP($A127,városok!$A$2:$C$346,2,0)-VLOOKUP(L$1,városok!$A$2:$C$346,2,0))^2+(VLOOKUP($A127,városok!$A$2:$C$346,3,0)-VLOOKUP(L$1,városok!$A$2:$C$346,3,0))^2)/1000,0)</f>
        <v>247</v>
      </c>
      <c r="M127">
        <f ca="1">ROUND(SQRT((VLOOKUP($A127,városok!$A$2:$C$346,2,0)-VLOOKUP(M$1,városok!$A$2:$C$346,2,0))^2+(VLOOKUP($A127,városok!$A$2:$C$346,3,0)-VLOOKUP(M$1,városok!$A$2:$C$346,3,0))^2)/1000,0)</f>
        <v>254</v>
      </c>
      <c r="N127">
        <f ca="1">ROUND(SQRT((VLOOKUP($A127,városok!$A$2:$C$346,2,0)-VLOOKUP(N$1,városok!$A$2:$C$346,2,0))^2+(VLOOKUP($A127,városok!$A$2:$C$346,3,0)-VLOOKUP(N$1,városok!$A$2:$C$346,3,0))^2)/1000,0)</f>
        <v>222</v>
      </c>
      <c r="O127">
        <f ca="1">ROUND(SQRT((VLOOKUP($A127,városok!$A$2:$C$346,2,0)-VLOOKUP(O$1,városok!$A$2:$C$346,2,0))^2+(VLOOKUP($A127,városok!$A$2:$C$346,3,0)-VLOOKUP(O$1,városok!$A$2:$C$346,3,0))^2)/1000,0)</f>
        <v>324</v>
      </c>
      <c r="P127">
        <f ca="1">ROUND(SQRT((VLOOKUP($A127,városok!$A$2:$C$346,2,0)-VLOOKUP(P$1,városok!$A$2:$C$346,2,0))^2+(VLOOKUP($A127,városok!$A$2:$C$346,3,0)-VLOOKUP(P$1,városok!$A$2:$C$346,3,0))^2)/1000,0)</f>
        <v>324</v>
      </c>
      <c r="Q127">
        <f ca="1">ROUND(SQRT((VLOOKUP($A127,városok!$A$2:$C$346,2,0)-VLOOKUP(Q$1,városok!$A$2:$C$346,2,0))^2+(VLOOKUP($A127,városok!$A$2:$C$346,3,0)-VLOOKUP(Q$1,városok!$A$2:$C$346,3,0))^2)/1000,0)</f>
        <v>246</v>
      </c>
      <c r="R127">
        <f ca="1">ROUND(SQRT((VLOOKUP($A127,városok!$A$2:$C$346,2,0)-VLOOKUP(R$1,városok!$A$2:$C$346,2,0))^2+(VLOOKUP($A127,városok!$A$2:$C$346,3,0)-VLOOKUP(R$1,városok!$A$2:$C$346,3,0))^2)/1000,0)</f>
        <v>268</v>
      </c>
      <c r="S127">
        <f ca="1">ROUND(SQRT((VLOOKUP($A127,városok!$A$2:$C$346,2,0)-VLOOKUP(S$1,városok!$A$2:$C$346,2,0))^2+(VLOOKUP($A127,városok!$A$2:$C$346,3,0)-VLOOKUP(S$1,városok!$A$2:$C$346,3,0))^2)/1000,0)</f>
        <v>246</v>
      </c>
      <c r="T127">
        <f ca="1">ROUND(SQRT((VLOOKUP($A127,városok!$A$2:$C$346,2,0)-VLOOKUP(T$1,városok!$A$2:$C$346,2,0))^2+(VLOOKUP($A127,városok!$A$2:$C$346,3,0)-VLOOKUP(T$1,városok!$A$2:$C$346,3,0))^2)/1000,0)</f>
        <v>84</v>
      </c>
      <c r="U127">
        <f ca="1">ROUND(SQRT((VLOOKUP($A127,városok!$A$2:$C$346,2,0)-VLOOKUP(U$1,városok!$A$2:$C$346,2,0))^2+(VLOOKUP($A127,városok!$A$2:$C$346,3,0)-VLOOKUP(U$1,városok!$A$2:$C$346,3,0))^2)/1000,0)</f>
        <v>124</v>
      </c>
      <c r="V127">
        <f ca="1">ROUND(SQRT((VLOOKUP($A127,városok!$A$2:$C$346,2,0)-VLOOKUP(V$1,városok!$A$2:$C$346,2,0))^2+(VLOOKUP($A127,városok!$A$2:$C$346,3,0)-VLOOKUP(V$1,városok!$A$2:$C$346,3,0))^2)/1000,0)</f>
        <v>78</v>
      </c>
      <c r="W127">
        <f ca="1">ROUND(SQRT((VLOOKUP($A127,városok!$A$2:$C$346,2,0)-VLOOKUP(W$1,városok!$A$2:$C$346,2,0))^2+(VLOOKUP($A127,városok!$A$2:$C$346,3,0)-VLOOKUP(W$1,városok!$A$2:$C$346,3,0))^2)/1000,0)</f>
        <v>109</v>
      </c>
      <c r="X127">
        <f ca="1">ROUND(SQRT((VLOOKUP($A127,városok!$A$2:$C$346,2,0)-VLOOKUP(X$1,városok!$A$2:$C$346,2,0))^2+(VLOOKUP($A127,városok!$A$2:$C$346,3,0)-VLOOKUP(X$1,városok!$A$2:$C$346,3,0))^2)/1000,0)</f>
        <v>66</v>
      </c>
      <c r="Y127">
        <f ca="1">ROUND(SQRT((VLOOKUP($A127,városok!$A$2:$C$346,2,0)-VLOOKUP(Y$1,városok!$A$2:$C$346,2,0))^2+(VLOOKUP($A127,városok!$A$2:$C$346,3,0)-VLOOKUP(Y$1,városok!$A$2:$C$346,3,0))^2)/1000,0)</f>
        <v>21</v>
      </c>
      <c r="Z127">
        <f ca="1">ROUND(SQRT((VLOOKUP($A127,városok!$A$2:$C$346,2,0)-VLOOKUP(Z$1,városok!$A$2:$C$346,2,0))^2+(VLOOKUP($A127,városok!$A$2:$C$346,3,0)-VLOOKUP(Z$1,városok!$A$2:$C$346,3,0))^2)/1000,0)</f>
        <v>26</v>
      </c>
      <c r="AA127">
        <f ca="1">ROUND(SQRT((VLOOKUP($A127,városok!$A$2:$C$346,2,0)-VLOOKUP(AA$1,városok!$A$2:$C$346,2,0))^2+(VLOOKUP($A127,városok!$A$2:$C$346,3,0)-VLOOKUP(AA$1,városok!$A$2:$C$346,3,0))^2)/1000,0)</f>
        <v>72</v>
      </c>
      <c r="AB127">
        <f ca="1">ROUND(SQRT((VLOOKUP($A127,városok!$A$2:$C$346,2,0)-VLOOKUP(AB$1,városok!$A$2:$C$346,2,0))^2+(VLOOKUP($A127,városok!$A$2:$C$346,3,0)-VLOOKUP(AB$1,városok!$A$2:$C$346,3,0))^2)/1000,0)</f>
        <v>310</v>
      </c>
      <c r="AC127">
        <f ca="1">ROUND(SQRT((VLOOKUP($A127,városok!$A$2:$C$346,2,0)-VLOOKUP(AC$1,városok!$A$2:$C$346,2,0))^2+(VLOOKUP($A127,városok!$A$2:$C$346,3,0)-VLOOKUP(AC$1,városok!$A$2:$C$346,3,0))^2)/1000,0)</f>
        <v>293</v>
      </c>
      <c r="AD127">
        <f ca="1">ROUND(SQRT((VLOOKUP($A127,városok!$A$2:$C$346,2,0)-VLOOKUP(AD$1,városok!$A$2:$C$346,2,0))^2+(VLOOKUP($A127,városok!$A$2:$C$346,3,0)-VLOOKUP(AD$1,városok!$A$2:$C$346,3,0))^2)/1000,0)</f>
        <v>275</v>
      </c>
      <c r="AE127">
        <f ca="1">ROUND(SQRT((VLOOKUP($A127,városok!$A$2:$C$346,2,0)-VLOOKUP(AE$1,városok!$A$2:$C$346,2,0))^2+(VLOOKUP($A127,városok!$A$2:$C$346,3,0)-VLOOKUP(AE$1,városok!$A$2:$C$346,3,0))^2)/1000,0)</f>
        <v>277</v>
      </c>
      <c r="AF127">
        <f ca="1">ROUND(SQRT((VLOOKUP($A127,városok!$A$2:$C$346,2,0)-VLOOKUP(AF$1,városok!$A$2:$C$346,2,0))^2+(VLOOKUP($A127,városok!$A$2:$C$346,3,0)-VLOOKUP(AF$1,városok!$A$2:$C$346,3,0))^2)/1000,0)</f>
        <v>219</v>
      </c>
      <c r="AG127">
        <f ca="1">ROUND(SQRT((VLOOKUP($A127,városok!$A$2:$C$346,2,0)-VLOOKUP(AG$1,városok!$A$2:$C$346,2,0))^2+(VLOOKUP($A127,városok!$A$2:$C$346,3,0)-VLOOKUP(AG$1,városok!$A$2:$C$346,3,0))^2)/1000,0)</f>
        <v>183</v>
      </c>
      <c r="AH127">
        <f ca="1">ROUND(SQRT((VLOOKUP($A127,városok!$A$2:$C$346,2,0)-VLOOKUP(AH$1,városok!$A$2:$C$346,2,0))^2+(VLOOKUP($A127,városok!$A$2:$C$346,3,0)-VLOOKUP(AH$1,városok!$A$2:$C$346,3,0))^2)/1000,0)</f>
        <v>163</v>
      </c>
      <c r="AI127">
        <f ca="1">ROUND(SQRT((VLOOKUP($A127,városok!$A$2:$C$346,2,0)-VLOOKUP(AI$1,városok!$A$2:$C$346,2,0))^2+(VLOOKUP($A127,városok!$A$2:$C$346,3,0)-VLOOKUP(AI$1,városok!$A$2:$C$346,3,0))^2)/1000,0)</f>
        <v>201</v>
      </c>
      <c r="AJ127">
        <f ca="1">ROUND(SQRT((VLOOKUP($A127,városok!$A$2:$C$346,2,0)-VLOOKUP(AJ$1,városok!$A$2:$C$346,2,0))^2+(VLOOKUP($A127,városok!$A$2:$C$346,3,0)-VLOOKUP(AJ$1,városok!$A$2:$C$346,3,0))^2)/1000,0)</f>
        <v>186</v>
      </c>
      <c r="AK127">
        <f ca="1">ROUND(SQRT((VLOOKUP($A127,városok!$A$2:$C$346,2,0)-VLOOKUP(AK$1,városok!$A$2:$C$346,2,0))^2+(VLOOKUP($A127,városok!$A$2:$C$346,3,0)-VLOOKUP(AK$1,városok!$A$2:$C$346,3,0))^2)/1000,0)</f>
        <v>262</v>
      </c>
      <c r="AL127">
        <f ca="1">ROUND(SQRT((VLOOKUP($A127,városok!$A$2:$C$346,2,0)-VLOOKUP(AL$1,városok!$A$2:$C$346,2,0))^2+(VLOOKUP($A127,városok!$A$2:$C$346,3,0)-VLOOKUP(AL$1,városok!$A$2:$C$346,3,0))^2)/1000,0)</f>
        <v>235</v>
      </c>
      <c r="AM127">
        <f ca="1">ROUND(SQRT((VLOOKUP($A127,városok!$A$2:$C$346,2,0)-VLOOKUP(AM$1,városok!$A$2:$C$346,2,0))^2+(VLOOKUP($A127,városok!$A$2:$C$346,3,0)-VLOOKUP(AM$1,városok!$A$2:$C$346,3,0))^2)/1000,0)</f>
        <v>205</v>
      </c>
      <c r="AN127">
        <f ca="1">ROUND(SQRT((VLOOKUP($A127,városok!$A$2:$C$346,2,0)-VLOOKUP(AN$1,városok!$A$2:$C$346,2,0))^2+(VLOOKUP($A127,városok!$A$2:$C$346,3,0)-VLOOKUP(AN$1,városok!$A$2:$C$346,3,0))^2)/1000,0)</f>
        <v>97</v>
      </c>
      <c r="AO127">
        <f ca="1">ROUND(SQRT((VLOOKUP($A127,városok!$A$2:$C$346,2,0)-VLOOKUP(AO$1,városok!$A$2:$C$346,2,0))^2+(VLOOKUP($A127,városok!$A$2:$C$346,3,0)-VLOOKUP(AO$1,városok!$A$2:$C$346,3,0))^2)/1000,0)</f>
        <v>52</v>
      </c>
      <c r="AP127">
        <f ca="1">ROUND(SQRT((VLOOKUP($A127,városok!$A$2:$C$346,2,0)-VLOOKUP(AP$1,városok!$A$2:$C$346,2,0))^2+(VLOOKUP($A127,városok!$A$2:$C$346,3,0)-VLOOKUP(AP$1,városok!$A$2:$C$346,3,0))^2)/1000,0)</f>
        <v>63</v>
      </c>
      <c r="AQ127">
        <f ca="1">ROUND(SQRT((VLOOKUP($A127,városok!$A$2:$C$346,2,0)-VLOOKUP(AQ$1,városok!$A$2:$C$346,2,0))^2+(VLOOKUP($A127,városok!$A$2:$C$346,3,0)-VLOOKUP(AQ$1,városok!$A$2:$C$346,3,0))^2)/1000,0)</f>
        <v>68</v>
      </c>
      <c r="AR127">
        <f ca="1">ROUND(SQRT((VLOOKUP($A127,városok!$A$2:$C$346,2,0)-VLOOKUP(AR$1,városok!$A$2:$C$346,2,0))^2+(VLOOKUP($A127,városok!$A$2:$C$346,3,0)-VLOOKUP(AR$1,városok!$A$2:$C$346,3,0))^2)/1000,0)</f>
        <v>170</v>
      </c>
      <c r="AS127">
        <f ca="1">ROUND(SQRT((VLOOKUP($A127,városok!$A$2:$C$346,2,0)-VLOOKUP(AS$1,városok!$A$2:$C$346,2,0))^2+(VLOOKUP($A127,városok!$A$2:$C$346,3,0)-VLOOKUP(AS$1,városok!$A$2:$C$346,3,0))^2)/1000,0)</f>
        <v>184</v>
      </c>
      <c r="AT127">
        <f ca="1">ROUND(SQRT((VLOOKUP($A127,városok!$A$2:$C$346,2,0)-VLOOKUP(AT$1,városok!$A$2:$C$346,2,0))^2+(VLOOKUP($A127,városok!$A$2:$C$346,3,0)-VLOOKUP(AT$1,városok!$A$2:$C$346,3,0))^2)/1000,0)</f>
        <v>98</v>
      </c>
      <c r="AU127">
        <f ca="1">ROUND(SQRT((VLOOKUP($A127,városok!$A$2:$C$346,2,0)-VLOOKUP(AU$1,városok!$A$2:$C$346,2,0))^2+(VLOOKUP($A127,városok!$A$2:$C$346,3,0)-VLOOKUP(AU$1,városok!$A$2:$C$346,3,0))^2)/1000,0)</f>
        <v>109</v>
      </c>
      <c r="AV127">
        <f ca="1">ROUND(SQRT((VLOOKUP($A127,városok!$A$2:$C$346,2,0)-VLOOKUP(AV$1,városok!$A$2:$C$346,2,0))^2+(VLOOKUP($A127,városok!$A$2:$C$346,3,0)-VLOOKUP(AV$1,városok!$A$2:$C$346,3,0))^2)/1000,0)</f>
        <v>109</v>
      </c>
      <c r="AW127">
        <f ca="1">ROUND(SQRT((VLOOKUP($A127,városok!$A$2:$C$346,2,0)-VLOOKUP(AW$1,városok!$A$2:$C$346,2,0))^2+(VLOOKUP($A127,városok!$A$2:$C$346,3,0)-VLOOKUP(AW$1,városok!$A$2:$C$346,3,0))^2)/1000,0)</f>
        <v>106</v>
      </c>
      <c r="AX127">
        <f ca="1">ROUND(SQRT((VLOOKUP($A127,városok!$A$2:$C$346,2,0)-VLOOKUP(AX$1,városok!$A$2:$C$346,2,0))^2+(VLOOKUP($A127,városok!$A$2:$C$346,3,0)-VLOOKUP(AX$1,városok!$A$2:$C$346,3,0))^2)/1000,0)</f>
        <v>180</v>
      </c>
      <c r="AY127">
        <f ca="1">ROUND(SQRT((VLOOKUP($A127,városok!$A$2:$C$346,2,0)-VLOOKUP(AY$1,városok!$A$2:$C$346,2,0))^2+(VLOOKUP($A127,városok!$A$2:$C$346,3,0)-VLOOKUP(AY$1,városok!$A$2:$C$346,3,0))^2)/1000,0)</f>
        <v>118</v>
      </c>
      <c r="AZ127">
        <f ca="1">ROUND(SQRT((VLOOKUP($A127,városok!$A$2:$C$346,2,0)-VLOOKUP(AZ$1,városok!$A$2:$C$346,2,0))^2+(VLOOKUP($A127,városok!$A$2:$C$346,3,0)-VLOOKUP(AZ$1,városok!$A$2:$C$346,3,0))^2)/1000,0)</f>
        <v>113</v>
      </c>
      <c r="BA127">
        <f ca="1">ROUND(SQRT((VLOOKUP($A127,városok!$A$2:$C$346,2,0)-VLOOKUP(BA$1,városok!$A$2:$C$346,2,0))^2+(VLOOKUP($A127,városok!$A$2:$C$346,3,0)-VLOOKUP(BA$1,városok!$A$2:$C$346,3,0))^2)/1000,0)</f>
        <v>83</v>
      </c>
      <c r="BB127">
        <f ca="1">ROUND(SQRT((VLOOKUP($A127,városok!$A$2:$C$346,2,0)-VLOOKUP(BB$1,városok!$A$2:$C$346,2,0))^2+(VLOOKUP($A127,városok!$A$2:$C$346,3,0)-VLOOKUP(BB$1,városok!$A$2:$C$346,3,0))^2)/1000,0)</f>
        <v>114</v>
      </c>
      <c r="BC127">
        <f ca="1">ROUND(SQRT((VLOOKUP($A127,városok!$A$2:$C$346,2,0)-VLOOKUP(BC$1,városok!$A$2:$C$346,2,0))^2+(VLOOKUP($A127,városok!$A$2:$C$346,3,0)-VLOOKUP(BC$1,városok!$A$2:$C$346,3,0))^2)/1000,0)</f>
        <v>131</v>
      </c>
      <c r="BD127">
        <f ca="1">ROUND(SQRT((VLOOKUP($A127,városok!$A$2:$C$346,2,0)-VLOOKUP(BD$1,városok!$A$2:$C$346,2,0))^2+(VLOOKUP($A127,városok!$A$2:$C$346,3,0)-VLOOKUP(BD$1,városok!$A$2:$C$346,3,0))^2)/1000,0)</f>
        <v>80</v>
      </c>
      <c r="BE127">
        <f ca="1">ROUND(SQRT((VLOOKUP($A127,városok!$A$2:$C$346,2,0)-VLOOKUP(BE$1,városok!$A$2:$C$346,2,0))^2+(VLOOKUP($A127,városok!$A$2:$C$346,3,0)-VLOOKUP(BE$1,városok!$A$2:$C$346,3,0))^2)/1000,0)</f>
        <v>389</v>
      </c>
      <c r="BF127">
        <f ca="1">ROUND(SQRT((VLOOKUP($A127,városok!$A$2:$C$346,2,0)-VLOOKUP(BF$1,városok!$A$2:$C$346,2,0))^2+(VLOOKUP($A127,városok!$A$2:$C$346,3,0)-VLOOKUP(BF$1,városok!$A$2:$C$346,3,0))^2)/1000,0)</f>
        <v>350</v>
      </c>
      <c r="BG127">
        <f ca="1">ROUND(SQRT((VLOOKUP($A127,városok!$A$2:$C$346,2,0)-VLOOKUP(BG$1,városok!$A$2:$C$346,2,0))^2+(VLOOKUP($A127,városok!$A$2:$C$346,3,0)-VLOOKUP(BG$1,városok!$A$2:$C$346,3,0))^2)/1000,0)</f>
        <v>304</v>
      </c>
      <c r="BH127">
        <f ca="1">ROUND(SQRT((VLOOKUP($A127,városok!$A$2:$C$346,2,0)-VLOOKUP(BH$1,városok!$A$2:$C$346,2,0))^2+(VLOOKUP($A127,városok!$A$2:$C$346,3,0)-VLOOKUP(BH$1,városok!$A$2:$C$346,3,0))^2)/1000,0)</f>
        <v>303</v>
      </c>
      <c r="BI127">
        <f ca="1">ROUND(SQRT((VLOOKUP($A127,városok!$A$2:$C$346,2,0)-VLOOKUP(BI$1,városok!$A$2:$C$346,2,0))^2+(VLOOKUP($A127,városok!$A$2:$C$346,3,0)-VLOOKUP(BI$1,városok!$A$2:$C$346,3,0))^2)/1000,0)</f>
        <v>150</v>
      </c>
      <c r="BJ127">
        <f ca="1">ROUND(SQRT((VLOOKUP($A127,városok!$A$2:$C$346,2,0)-VLOOKUP(BJ$1,városok!$A$2:$C$346,2,0))^2+(VLOOKUP($A127,városok!$A$2:$C$346,3,0)-VLOOKUP(BJ$1,városok!$A$2:$C$346,3,0))^2)/1000,0)</f>
        <v>155</v>
      </c>
      <c r="BK127">
        <f ca="1">ROUND(SQRT((VLOOKUP($A127,városok!$A$2:$C$346,2,0)-VLOOKUP(BK$1,városok!$A$2:$C$346,2,0))^2+(VLOOKUP($A127,városok!$A$2:$C$346,3,0)-VLOOKUP(BK$1,városok!$A$2:$C$346,3,0))^2)/1000,0)</f>
        <v>158</v>
      </c>
      <c r="BL127">
        <f ca="1">ROUND(SQRT((VLOOKUP($A127,városok!$A$2:$C$346,2,0)-VLOOKUP(BL$1,városok!$A$2:$C$346,2,0))^2+(VLOOKUP($A127,városok!$A$2:$C$346,3,0)-VLOOKUP(BL$1,városok!$A$2:$C$346,3,0))^2)/1000,0)</f>
        <v>89</v>
      </c>
      <c r="BM127">
        <f ca="1">ROUND(SQRT((VLOOKUP($A127,városok!$A$2:$C$346,2,0)-VLOOKUP(BM$1,városok!$A$2:$C$346,2,0))^2+(VLOOKUP($A127,városok!$A$2:$C$346,3,0)-VLOOKUP(BM$1,városok!$A$2:$C$346,3,0))^2)/1000,0)</f>
        <v>53</v>
      </c>
      <c r="BN127">
        <f ca="1">ROUND(SQRT((VLOOKUP($A127,városok!$A$2:$C$346,2,0)-VLOOKUP(BN$1,városok!$A$2:$C$346,2,0))^2+(VLOOKUP($A127,városok!$A$2:$C$346,3,0)-VLOOKUP(BN$1,városok!$A$2:$C$346,3,0))^2)/1000,0)</f>
        <v>74</v>
      </c>
      <c r="BO127">
        <f ca="1">ROUND(SQRT((VLOOKUP($A127,városok!$A$2:$C$346,2,0)-VLOOKUP(BO$1,városok!$A$2:$C$346,2,0))^2+(VLOOKUP($A127,városok!$A$2:$C$346,3,0)-VLOOKUP(BO$1,városok!$A$2:$C$346,3,0))^2)/1000,0)</f>
        <v>66</v>
      </c>
      <c r="BP127">
        <f ca="1">ROUND(SQRT((VLOOKUP($A127,városok!$A$2:$C$346,2,0)-VLOOKUP(BP$1,városok!$A$2:$C$346,2,0))^2+(VLOOKUP($A127,városok!$A$2:$C$346,3,0)-VLOOKUP(BP$1,városok!$A$2:$C$346,3,0))^2)/1000,0)</f>
        <v>70</v>
      </c>
      <c r="BQ127">
        <f ca="1">ROUND(SQRT((VLOOKUP($A127,városok!$A$2:$C$346,2,0)-VLOOKUP(BQ$1,városok!$A$2:$C$346,2,0))^2+(VLOOKUP($A127,városok!$A$2:$C$346,3,0)-VLOOKUP(BQ$1,városok!$A$2:$C$346,3,0))^2)/1000,0)</f>
        <v>56</v>
      </c>
      <c r="BR127">
        <f ca="1">ROUND(SQRT((VLOOKUP($A127,városok!$A$2:$C$346,2,0)-VLOOKUP(BR$1,városok!$A$2:$C$346,2,0))^2+(VLOOKUP($A127,városok!$A$2:$C$346,3,0)-VLOOKUP(BR$1,városok!$A$2:$C$346,3,0))^2)/1000,0)</f>
        <v>86</v>
      </c>
      <c r="BS127">
        <f ca="1">ROUND(SQRT((VLOOKUP($A127,városok!$A$2:$C$346,2,0)-VLOOKUP(BS$1,városok!$A$2:$C$346,2,0))^2+(VLOOKUP($A127,városok!$A$2:$C$346,3,0)-VLOOKUP(BS$1,városok!$A$2:$C$346,3,0))^2)/1000,0)</f>
        <v>125</v>
      </c>
      <c r="BT127">
        <f ca="1">ROUND(SQRT((VLOOKUP($A127,városok!$A$2:$C$346,2,0)-VLOOKUP(BT$1,városok!$A$2:$C$346,2,0))^2+(VLOOKUP($A127,városok!$A$2:$C$346,3,0)-VLOOKUP(BT$1,városok!$A$2:$C$346,3,0))^2)/1000,0)</f>
        <v>92</v>
      </c>
    </row>
    <row r="128" spans="1:72" x14ac:dyDescent="0.2">
      <c r="A128" t="str">
        <f>városok!A128</f>
        <v>Balmazújváros</v>
      </c>
      <c r="B128">
        <f ca="1">ROUND(SQRT((VLOOKUP($A128,városok!$A$2:$C$346,2,0)-VLOOKUP(B$1,városok!$A$2:$C$346,2,0))^2+(VLOOKUP($A128,városok!$A$2:$C$346,3,0)-VLOOKUP(B$1,városok!$A$2:$C$346,3,0))^2)/1000,0)</f>
        <v>241</v>
      </c>
      <c r="C128">
        <f ca="1">ROUND(SQRT((VLOOKUP($A128,városok!$A$2:$C$346,2,0)-VLOOKUP(C$1,városok!$A$2:$C$346,2,0))^2+(VLOOKUP($A128,városok!$A$2:$C$346,3,0)-VLOOKUP(C$1,városok!$A$2:$C$346,3,0))^2)/1000,0)</f>
        <v>216</v>
      </c>
      <c r="D128">
        <f ca="1">ROUND(SQRT((VLOOKUP($A128,városok!$A$2:$C$346,2,0)-VLOOKUP(D$1,városok!$A$2:$C$346,2,0))^2+(VLOOKUP($A128,városok!$A$2:$C$346,3,0)-VLOOKUP(D$1,városok!$A$2:$C$346,3,0))^2)/1000,0)</f>
        <v>147</v>
      </c>
      <c r="E128">
        <f ca="1">ROUND(SQRT((VLOOKUP($A128,városok!$A$2:$C$346,2,0)-VLOOKUP(E$1,városok!$A$2:$C$346,2,0))^2+(VLOOKUP($A128,városok!$A$2:$C$346,3,0)-VLOOKUP(E$1,városok!$A$2:$C$346,3,0))^2)/1000,0)</f>
        <v>283</v>
      </c>
      <c r="F128">
        <f ca="1">ROUND(SQRT((VLOOKUP($A128,városok!$A$2:$C$346,2,0)-VLOOKUP(F$1,városok!$A$2:$C$346,2,0))^2+(VLOOKUP($A128,városok!$A$2:$C$346,3,0)-VLOOKUP(F$1,városok!$A$2:$C$346,3,0))^2)/1000,0)</f>
        <v>271</v>
      </c>
      <c r="G128">
        <f ca="1">ROUND(SQRT((VLOOKUP($A128,városok!$A$2:$C$346,2,0)-VLOOKUP(G$1,városok!$A$2:$C$346,2,0))^2+(VLOOKUP($A128,városok!$A$2:$C$346,3,0)-VLOOKUP(G$1,városok!$A$2:$C$346,3,0))^2)/1000,0)</f>
        <v>291</v>
      </c>
      <c r="H128">
        <f ca="1">ROUND(SQRT((VLOOKUP($A128,városok!$A$2:$C$346,2,0)-VLOOKUP(H$1,városok!$A$2:$C$346,2,0))^2+(VLOOKUP($A128,városok!$A$2:$C$346,3,0)-VLOOKUP(H$1,városok!$A$2:$C$346,3,0))^2)/1000,0)</f>
        <v>321</v>
      </c>
      <c r="I128">
        <f ca="1">ROUND(SQRT((VLOOKUP($A128,városok!$A$2:$C$346,2,0)-VLOOKUP(I$1,városok!$A$2:$C$346,2,0))^2+(VLOOKUP($A128,városok!$A$2:$C$346,3,0)-VLOOKUP(I$1,városok!$A$2:$C$346,3,0))^2)/1000,0)</f>
        <v>106</v>
      </c>
      <c r="J128">
        <f ca="1">ROUND(SQRT((VLOOKUP($A128,városok!$A$2:$C$346,2,0)-VLOOKUP(J$1,városok!$A$2:$C$346,2,0))^2+(VLOOKUP($A128,városok!$A$2:$C$346,3,0)-VLOOKUP(J$1,városok!$A$2:$C$346,3,0))^2)/1000,0)</f>
        <v>108</v>
      </c>
      <c r="K128">
        <f ca="1">ROUND(SQRT((VLOOKUP($A128,városok!$A$2:$C$346,2,0)-VLOOKUP(K$1,városok!$A$2:$C$346,2,0))^2+(VLOOKUP($A128,városok!$A$2:$C$346,3,0)-VLOOKUP(K$1,városok!$A$2:$C$346,3,0))^2)/1000,0)</f>
        <v>127</v>
      </c>
      <c r="L128">
        <f ca="1">ROUND(SQRT((VLOOKUP($A128,városok!$A$2:$C$346,2,0)-VLOOKUP(L$1,városok!$A$2:$C$346,2,0))^2+(VLOOKUP($A128,városok!$A$2:$C$346,3,0)-VLOOKUP(L$1,városok!$A$2:$C$346,3,0))^2)/1000,0)</f>
        <v>89</v>
      </c>
      <c r="M128">
        <f ca="1">ROUND(SQRT((VLOOKUP($A128,városok!$A$2:$C$346,2,0)-VLOOKUP(M$1,városok!$A$2:$C$346,2,0))^2+(VLOOKUP($A128,városok!$A$2:$C$346,3,0)-VLOOKUP(M$1,városok!$A$2:$C$346,3,0))^2)/1000,0)</f>
        <v>68</v>
      </c>
      <c r="N128">
        <f ca="1">ROUND(SQRT((VLOOKUP($A128,városok!$A$2:$C$346,2,0)-VLOOKUP(N$1,városok!$A$2:$C$346,2,0))^2+(VLOOKUP($A128,városok!$A$2:$C$346,3,0)-VLOOKUP(N$1,városok!$A$2:$C$346,3,0))^2)/1000,0)</f>
        <v>103</v>
      </c>
      <c r="O128">
        <f ca="1">ROUND(SQRT((VLOOKUP($A128,városok!$A$2:$C$346,2,0)-VLOOKUP(O$1,városok!$A$2:$C$346,2,0))^2+(VLOOKUP($A128,városok!$A$2:$C$346,3,0)-VLOOKUP(O$1,városok!$A$2:$C$346,3,0))^2)/1000,0)</f>
        <v>90</v>
      </c>
      <c r="P128">
        <f ca="1">ROUND(SQRT((VLOOKUP($A128,városok!$A$2:$C$346,2,0)-VLOOKUP(P$1,városok!$A$2:$C$346,2,0))^2+(VLOOKUP($A128,városok!$A$2:$C$346,3,0)-VLOOKUP(P$1,városok!$A$2:$C$346,3,0))^2)/1000,0)</f>
        <v>90</v>
      </c>
      <c r="Q128">
        <f ca="1">ROUND(SQRT((VLOOKUP($A128,városok!$A$2:$C$346,2,0)-VLOOKUP(Q$1,városok!$A$2:$C$346,2,0))^2+(VLOOKUP($A128,városok!$A$2:$C$346,3,0)-VLOOKUP(Q$1,városok!$A$2:$C$346,3,0))^2)/1000,0)</f>
        <v>154</v>
      </c>
      <c r="R128">
        <f ca="1">ROUND(SQRT((VLOOKUP($A128,városok!$A$2:$C$346,2,0)-VLOOKUP(R$1,városok!$A$2:$C$346,2,0))^2+(VLOOKUP($A128,városok!$A$2:$C$346,3,0)-VLOOKUP(R$1,városok!$A$2:$C$346,3,0))^2)/1000,0)</f>
        <v>168</v>
      </c>
      <c r="S128">
        <f ca="1">ROUND(SQRT((VLOOKUP($A128,városok!$A$2:$C$346,2,0)-VLOOKUP(S$1,városok!$A$2:$C$346,2,0))^2+(VLOOKUP($A128,városok!$A$2:$C$346,3,0)-VLOOKUP(S$1,városok!$A$2:$C$346,3,0))^2)/1000,0)</f>
        <v>177</v>
      </c>
      <c r="T128">
        <f ca="1">ROUND(SQRT((VLOOKUP($A128,városok!$A$2:$C$346,2,0)-VLOOKUP(T$1,városok!$A$2:$C$346,2,0))^2+(VLOOKUP($A128,városok!$A$2:$C$346,3,0)-VLOOKUP(T$1,városok!$A$2:$C$346,3,0))^2)/1000,0)</f>
        <v>204</v>
      </c>
      <c r="U128">
        <f ca="1">ROUND(SQRT((VLOOKUP($A128,városok!$A$2:$C$346,2,0)-VLOOKUP(U$1,városok!$A$2:$C$346,2,0))^2+(VLOOKUP($A128,városok!$A$2:$C$346,3,0)-VLOOKUP(U$1,városok!$A$2:$C$346,3,0))^2)/1000,0)</f>
        <v>196</v>
      </c>
      <c r="V128">
        <f ca="1">ROUND(SQRT((VLOOKUP($A128,városok!$A$2:$C$346,2,0)-VLOOKUP(V$1,városok!$A$2:$C$346,2,0))^2+(VLOOKUP($A128,városok!$A$2:$C$346,3,0)-VLOOKUP(V$1,városok!$A$2:$C$346,3,0))^2)/1000,0)</f>
        <v>238</v>
      </c>
      <c r="W128">
        <f ca="1">ROUND(SQRT((VLOOKUP($A128,városok!$A$2:$C$346,2,0)-VLOOKUP(W$1,városok!$A$2:$C$346,2,0))^2+(VLOOKUP($A128,városok!$A$2:$C$346,3,0)-VLOOKUP(W$1,városok!$A$2:$C$346,3,0))^2)/1000,0)</f>
        <v>221</v>
      </c>
      <c r="X128">
        <f ca="1">ROUND(SQRT((VLOOKUP($A128,városok!$A$2:$C$346,2,0)-VLOOKUP(X$1,városok!$A$2:$C$346,2,0))^2+(VLOOKUP($A128,városok!$A$2:$C$346,3,0)-VLOOKUP(X$1,városok!$A$2:$C$346,3,0))^2)/1000,0)</f>
        <v>230</v>
      </c>
      <c r="Y128">
        <f ca="1">ROUND(SQRT((VLOOKUP($A128,városok!$A$2:$C$346,2,0)-VLOOKUP(Y$1,városok!$A$2:$C$346,2,0))^2+(VLOOKUP($A128,városok!$A$2:$C$346,3,0)-VLOOKUP(Y$1,városok!$A$2:$C$346,3,0))^2)/1000,0)</f>
        <v>278</v>
      </c>
      <c r="Z128">
        <f ca="1">ROUND(SQRT((VLOOKUP($A128,városok!$A$2:$C$346,2,0)-VLOOKUP(Z$1,városok!$A$2:$C$346,2,0))^2+(VLOOKUP($A128,városok!$A$2:$C$346,3,0)-VLOOKUP(Z$1,városok!$A$2:$C$346,3,0))^2)/1000,0)</f>
        <v>297</v>
      </c>
      <c r="AA128">
        <f ca="1">ROUND(SQRT((VLOOKUP($A128,városok!$A$2:$C$346,2,0)-VLOOKUP(AA$1,városok!$A$2:$C$346,2,0))^2+(VLOOKUP($A128,városok!$A$2:$C$346,3,0)-VLOOKUP(AA$1,városok!$A$2:$C$346,3,0))^2)/1000,0)</f>
        <v>357</v>
      </c>
      <c r="AB128">
        <f ca="1">ROUND(SQRT((VLOOKUP($A128,városok!$A$2:$C$346,2,0)-VLOOKUP(AB$1,városok!$A$2:$C$346,2,0))^2+(VLOOKUP($A128,városok!$A$2:$C$346,3,0)-VLOOKUP(AB$1,városok!$A$2:$C$346,3,0))^2)/1000,0)</f>
        <v>24</v>
      </c>
      <c r="AC128">
        <f ca="1">ROUND(SQRT((VLOOKUP($A128,városok!$A$2:$C$346,2,0)-VLOOKUP(AC$1,városok!$A$2:$C$346,2,0))^2+(VLOOKUP($A128,városok!$A$2:$C$346,3,0)-VLOOKUP(AC$1,városok!$A$2:$C$346,3,0))^2)/1000,0)</f>
        <v>19</v>
      </c>
      <c r="AD128">
        <f ca="1">ROUND(SQRT((VLOOKUP($A128,városok!$A$2:$C$346,2,0)-VLOOKUP(AD$1,városok!$A$2:$C$346,2,0))^2+(VLOOKUP($A128,városok!$A$2:$C$346,3,0)-VLOOKUP(AD$1,városok!$A$2:$C$346,3,0))^2)/1000,0)</f>
        <v>25</v>
      </c>
      <c r="AE128">
        <f ca="1">ROUND(SQRT((VLOOKUP($A128,városok!$A$2:$C$346,2,0)-VLOOKUP(AE$1,városok!$A$2:$C$346,2,0))^2+(VLOOKUP($A128,városok!$A$2:$C$346,3,0)-VLOOKUP(AE$1,városok!$A$2:$C$346,3,0))^2)/1000,0)</f>
        <v>39</v>
      </c>
      <c r="AF128">
        <f ca="1">ROUND(SQRT((VLOOKUP($A128,városok!$A$2:$C$346,2,0)-VLOOKUP(AF$1,városok!$A$2:$C$346,2,0))^2+(VLOOKUP($A128,városok!$A$2:$C$346,3,0)-VLOOKUP(AF$1,városok!$A$2:$C$346,3,0))^2)/1000,0)</f>
        <v>79</v>
      </c>
      <c r="AG128">
        <f ca="1">ROUND(SQRT((VLOOKUP($A128,városok!$A$2:$C$346,2,0)-VLOOKUP(AG$1,városok!$A$2:$C$346,2,0))^2+(VLOOKUP($A128,városok!$A$2:$C$346,3,0)-VLOOKUP(AG$1,városok!$A$2:$C$346,3,0))^2)/1000,0)</f>
        <v>108</v>
      </c>
      <c r="AH128">
        <f ca="1">ROUND(SQRT((VLOOKUP($A128,városok!$A$2:$C$346,2,0)-VLOOKUP(AH$1,városok!$A$2:$C$346,2,0))^2+(VLOOKUP($A128,városok!$A$2:$C$346,3,0)-VLOOKUP(AH$1,városok!$A$2:$C$346,3,0))^2)/1000,0)</f>
        <v>125</v>
      </c>
      <c r="AI128">
        <f ca="1">ROUND(SQRT((VLOOKUP($A128,városok!$A$2:$C$346,2,0)-VLOOKUP(AI$1,városok!$A$2:$C$346,2,0))^2+(VLOOKUP($A128,városok!$A$2:$C$346,3,0)-VLOOKUP(AI$1,városok!$A$2:$C$346,3,0))^2)/1000,0)</f>
        <v>103</v>
      </c>
      <c r="AJ128">
        <f ca="1">ROUND(SQRT((VLOOKUP($A128,városok!$A$2:$C$346,2,0)-VLOOKUP(AJ$1,városok!$A$2:$C$346,2,0))^2+(VLOOKUP($A128,városok!$A$2:$C$346,3,0)-VLOOKUP(AJ$1,városok!$A$2:$C$346,3,0))^2)/1000,0)</f>
        <v>102</v>
      </c>
      <c r="AK128">
        <f ca="1">ROUND(SQRT((VLOOKUP($A128,városok!$A$2:$C$346,2,0)-VLOOKUP(AK$1,városok!$A$2:$C$346,2,0))^2+(VLOOKUP($A128,városok!$A$2:$C$346,3,0)-VLOOKUP(AK$1,városok!$A$2:$C$346,3,0))^2)/1000,0)</f>
        <v>46</v>
      </c>
      <c r="AL128">
        <f ca="1">ROUND(SQRT((VLOOKUP($A128,városok!$A$2:$C$346,2,0)-VLOOKUP(AL$1,városok!$A$2:$C$346,2,0))^2+(VLOOKUP($A128,városok!$A$2:$C$346,3,0)-VLOOKUP(AL$1,városok!$A$2:$C$346,3,0))^2)/1000,0)</f>
        <v>60</v>
      </c>
      <c r="AM128">
        <f ca="1">ROUND(SQRT((VLOOKUP($A128,városok!$A$2:$C$346,2,0)-VLOOKUP(AM$1,városok!$A$2:$C$346,2,0))^2+(VLOOKUP($A128,városok!$A$2:$C$346,3,0)-VLOOKUP(AM$1,városok!$A$2:$C$346,3,0))^2)/1000,0)</f>
        <v>100</v>
      </c>
      <c r="AN128">
        <f ca="1">ROUND(SQRT((VLOOKUP($A128,városok!$A$2:$C$346,2,0)-VLOOKUP(AN$1,városok!$A$2:$C$346,2,0))^2+(VLOOKUP($A128,városok!$A$2:$C$346,3,0)-VLOOKUP(AN$1,városok!$A$2:$C$346,3,0))^2)/1000,0)</f>
        <v>196</v>
      </c>
      <c r="AO128">
        <f ca="1">ROUND(SQRT((VLOOKUP($A128,városok!$A$2:$C$346,2,0)-VLOOKUP(AO$1,városok!$A$2:$C$346,2,0))^2+(VLOOKUP($A128,városok!$A$2:$C$346,3,0)-VLOOKUP(AO$1,városok!$A$2:$C$346,3,0))^2)/1000,0)</f>
        <v>242</v>
      </c>
      <c r="AP128">
        <f ca="1">ROUND(SQRT((VLOOKUP($A128,városok!$A$2:$C$346,2,0)-VLOOKUP(AP$1,városok!$A$2:$C$346,2,0))^2+(VLOOKUP($A128,városok!$A$2:$C$346,3,0)-VLOOKUP(AP$1,városok!$A$2:$C$346,3,0))^2)/1000,0)</f>
        <v>226</v>
      </c>
      <c r="AQ128">
        <f ca="1">ROUND(SQRT((VLOOKUP($A128,városok!$A$2:$C$346,2,0)-VLOOKUP(AQ$1,városok!$A$2:$C$346,2,0))^2+(VLOOKUP($A128,városok!$A$2:$C$346,3,0)-VLOOKUP(AQ$1,városok!$A$2:$C$346,3,0))^2)/1000,0)</f>
        <v>220</v>
      </c>
      <c r="AR128">
        <f ca="1">ROUND(SQRT((VLOOKUP($A128,városok!$A$2:$C$346,2,0)-VLOOKUP(AR$1,városok!$A$2:$C$346,2,0))^2+(VLOOKUP($A128,városok!$A$2:$C$346,3,0)-VLOOKUP(AR$1,városok!$A$2:$C$346,3,0))^2)/1000,0)</f>
        <v>128</v>
      </c>
      <c r="AS128">
        <f ca="1">ROUND(SQRT((VLOOKUP($A128,városok!$A$2:$C$346,2,0)-VLOOKUP(AS$1,városok!$A$2:$C$346,2,0))^2+(VLOOKUP($A128,városok!$A$2:$C$346,3,0)-VLOOKUP(AS$1,városok!$A$2:$C$346,3,0))^2)/1000,0)</f>
        <v>127</v>
      </c>
      <c r="AT128">
        <f ca="1">ROUND(SQRT((VLOOKUP($A128,városok!$A$2:$C$346,2,0)-VLOOKUP(AT$1,városok!$A$2:$C$346,2,0))^2+(VLOOKUP($A128,városok!$A$2:$C$346,3,0)-VLOOKUP(AT$1,városok!$A$2:$C$346,3,0))^2)/1000,0)</f>
        <v>190</v>
      </c>
      <c r="AU128">
        <f ca="1">ROUND(SQRT((VLOOKUP($A128,városok!$A$2:$C$346,2,0)-VLOOKUP(AU$1,városok!$A$2:$C$346,2,0))^2+(VLOOKUP($A128,városok!$A$2:$C$346,3,0)-VLOOKUP(AU$1,városok!$A$2:$C$346,3,0))^2)/1000,0)</f>
        <v>180</v>
      </c>
      <c r="AV128">
        <f ca="1">ROUND(SQRT((VLOOKUP($A128,városok!$A$2:$C$346,2,0)-VLOOKUP(AV$1,városok!$A$2:$C$346,2,0))^2+(VLOOKUP($A128,városok!$A$2:$C$346,3,0)-VLOOKUP(AV$1,városok!$A$2:$C$346,3,0))^2)/1000,0)</f>
        <v>181</v>
      </c>
      <c r="AW128">
        <f ca="1">ROUND(SQRT((VLOOKUP($A128,városok!$A$2:$C$346,2,0)-VLOOKUP(AW$1,városok!$A$2:$C$346,2,0))^2+(VLOOKUP($A128,városok!$A$2:$C$346,3,0)-VLOOKUP(AW$1,városok!$A$2:$C$346,3,0))^2)/1000,0)</f>
        <v>185</v>
      </c>
      <c r="AX128">
        <f ca="1">ROUND(SQRT((VLOOKUP($A128,városok!$A$2:$C$346,2,0)-VLOOKUP(AX$1,városok!$A$2:$C$346,2,0))^2+(VLOOKUP($A128,városok!$A$2:$C$346,3,0)-VLOOKUP(AX$1,városok!$A$2:$C$346,3,0))^2)/1000,0)</f>
        <v>134</v>
      </c>
      <c r="AY128">
        <f ca="1">ROUND(SQRT((VLOOKUP($A128,városok!$A$2:$C$346,2,0)-VLOOKUP(AY$1,városok!$A$2:$C$346,2,0))^2+(VLOOKUP($A128,városok!$A$2:$C$346,3,0)-VLOOKUP(AY$1,városok!$A$2:$C$346,3,0))^2)/1000,0)</f>
        <v>171</v>
      </c>
      <c r="AZ128">
        <f ca="1">ROUND(SQRT((VLOOKUP($A128,városok!$A$2:$C$346,2,0)-VLOOKUP(AZ$1,városok!$A$2:$C$346,2,0))^2+(VLOOKUP($A128,városok!$A$2:$C$346,3,0)-VLOOKUP(AZ$1,városok!$A$2:$C$346,3,0))^2)/1000,0)</f>
        <v>179</v>
      </c>
      <c r="BA128">
        <f ca="1">ROUND(SQRT((VLOOKUP($A128,városok!$A$2:$C$346,2,0)-VLOOKUP(BA$1,városok!$A$2:$C$346,2,0))^2+(VLOOKUP($A128,városok!$A$2:$C$346,3,0)-VLOOKUP(BA$1,városok!$A$2:$C$346,3,0))^2)/1000,0)</f>
        <v>291</v>
      </c>
      <c r="BB128">
        <f ca="1">ROUND(SQRT((VLOOKUP($A128,városok!$A$2:$C$346,2,0)-VLOOKUP(BB$1,városok!$A$2:$C$346,2,0))^2+(VLOOKUP($A128,városok!$A$2:$C$346,3,0)-VLOOKUP(BB$1,városok!$A$2:$C$346,3,0))^2)/1000,0)</f>
        <v>284</v>
      </c>
      <c r="BC128">
        <f ca="1">ROUND(SQRT((VLOOKUP($A128,városok!$A$2:$C$346,2,0)-VLOOKUP(BC$1,városok!$A$2:$C$346,2,0))^2+(VLOOKUP($A128,városok!$A$2:$C$346,3,0)-VLOOKUP(BC$1,városok!$A$2:$C$346,3,0))^2)/1000,0)</f>
        <v>304</v>
      </c>
      <c r="BD128">
        <f ca="1">ROUND(SQRT((VLOOKUP($A128,városok!$A$2:$C$346,2,0)-VLOOKUP(BD$1,városok!$A$2:$C$346,2,0))^2+(VLOOKUP($A128,városok!$A$2:$C$346,3,0)-VLOOKUP(BD$1,városok!$A$2:$C$346,3,0))^2)/1000,0)</f>
        <v>260</v>
      </c>
      <c r="BE128">
        <f ca="1">ROUND(SQRT((VLOOKUP($A128,városok!$A$2:$C$346,2,0)-VLOOKUP(BE$1,városok!$A$2:$C$346,2,0))^2+(VLOOKUP($A128,városok!$A$2:$C$346,3,0)-VLOOKUP(BE$1,városok!$A$2:$C$346,3,0))^2)/1000,0)</f>
        <v>103</v>
      </c>
      <c r="BF128">
        <f ca="1">ROUND(SQRT((VLOOKUP($A128,városok!$A$2:$C$346,2,0)-VLOOKUP(BF$1,városok!$A$2:$C$346,2,0))^2+(VLOOKUP($A128,városok!$A$2:$C$346,3,0)-VLOOKUP(BF$1,városok!$A$2:$C$346,3,0))^2)/1000,0)</f>
        <v>87</v>
      </c>
      <c r="BG128">
        <f ca="1">ROUND(SQRT((VLOOKUP($A128,városok!$A$2:$C$346,2,0)-VLOOKUP(BG$1,városok!$A$2:$C$346,2,0))^2+(VLOOKUP($A128,városok!$A$2:$C$346,3,0)-VLOOKUP(BG$1,városok!$A$2:$C$346,3,0))^2)/1000,0)</f>
        <v>58</v>
      </c>
      <c r="BH128">
        <f ca="1">ROUND(SQRT((VLOOKUP($A128,városok!$A$2:$C$346,2,0)-VLOOKUP(BH$1,városok!$A$2:$C$346,2,0))^2+(VLOOKUP($A128,városok!$A$2:$C$346,3,0)-VLOOKUP(BH$1,városok!$A$2:$C$346,3,0))^2)/1000,0)</f>
        <v>57</v>
      </c>
      <c r="BI128">
        <f ca="1">ROUND(SQRT((VLOOKUP($A128,városok!$A$2:$C$346,2,0)-VLOOKUP(BI$1,városok!$A$2:$C$346,2,0))^2+(VLOOKUP($A128,városok!$A$2:$C$346,3,0)-VLOOKUP(BI$1,városok!$A$2:$C$346,3,0))^2)/1000,0)</f>
        <v>247</v>
      </c>
      <c r="BJ128">
        <f ca="1">ROUND(SQRT((VLOOKUP($A128,városok!$A$2:$C$346,2,0)-VLOOKUP(BJ$1,városok!$A$2:$C$346,2,0))^2+(VLOOKUP($A128,városok!$A$2:$C$346,3,0)-VLOOKUP(BJ$1,városok!$A$2:$C$346,3,0))^2)/1000,0)</f>
        <v>264</v>
      </c>
      <c r="BK128">
        <f ca="1">ROUND(SQRT((VLOOKUP($A128,városok!$A$2:$C$346,2,0)-VLOOKUP(BK$1,városok!$A$2:$C$346,2,0))^2+(VLOOKUP($A128,városok!$A$2:$C$346,3,0)-VLOOKUP(BK$1,városok!$A$2:$C$346,3,0))^2)/1000,0)</f>
        <v>245</v>
      </c>
      <c r="BL128">
        <f ca="1">ROUND(SQRT((VLOOKUP($A128,városok!$A$2:$C$346,2,0)-VLOOKUP(BL$1,városok!$A$2:$C$346,2,0))^2+(VLOOKUP($A128,városok!$A$2:$C$346,3,0)-VLOOKUP(BL$1,városok!$A$2:$C$346,3,0))^2)/1000,0)</f>
        <v>364</v>
      </c>
      <c r="BM128">
        <f ca="1">ROUND(SQRT((VLOOKUP($A128,városok!$A$2:$C$346,2,0)-VLOOKUP(BM$1,városok!$A$2:$C$346,2,0))^2+(VLOOKUP($A128,városok!$A$2:$C$346,3,0)-VLOOKUP(BM$1,városok!$A$2:$C$346,3,0))^2)/1000,0)</f>
        <v>335</v>
      </c>
      <c r="BN128">
        <f ca="1">ROUND(SQRT((VLOOKUP($A128,városok!$A$2:$C$346,2,0)-VLOOKUP(BN$1,városok!$A$2:$C$346,2,0))^2+(VLOOKUP($A128,városok!$A$2:$C$346,3,0)-VLOOKUP(BN$1,városok!$A$2:$C$346,3,0))^2)/1000,0)</f>
        <v>358</v>
      </c>
      <c r="BO128">
        <f ca="1">ROUND(SQRT((VLOOKUP($A128,városok!$A$2:$C$346,2,0)-VLOOKUP(BO$1,városok!$A$2:$C$346,2,0))^2+(VLOOKUP($A128,városok!$A$2:$C$346,3,0)-VLOOKUP(BO$1,városok!$A$2:$C$346,3,0))^2)/1000,0)</f>
        <v>260</v>
      </c>
      <c r="BP128">
        <f ca="1">ROUND(SQRT((VLOOKUP($A128,városok!$A$2:$C$346,2,0)-VLOOKUP(BP$1,városok!$A$2:$C$346,2,0))^2+(VLOOKUP($A128,városok!$A$2:$C$346,3,0)-VLOOKUP(BP$1,városok!$A$2:$C$346,3,0))^2)/1000,0)</f>
        <v>252</v>
      </c>
      <c r="BQ128">
        <f ca="1">ROUND(SQRT((VLOOKUP($A128,városok!$A$2:$C$346,2,0)-VLOOKUP(BQ$1,városok!$A$2:$C$346,2,0))^2+(VLOOKUP($A128,városok!$A$2:$C$346,3,0)-VLOOKUP(BQ$1,városok!$A$2:$C$346,3,0))^2)/1000,0)</f>
        <v>265</v>
      </c>
      <c r="BR128">
        <f ca="1">ROUND(SQRT((VLOOKUP($A128,városok!$A$2:$C$346,2,0)-VLOOKUP(BR$1,városok!$A$2:$C$346,2,0))^2+(VLOOKUP($A128,városok!$A$2:$C$346,3,0)-VLOOKUP(BR$1,városok!$A$2:$C$346,3,0))^2)/1000,0)</f>
        <v>323</v>
      </c>
      <c r="BS128">
        <f ca="1">ROUND(SQRT((VLOOKUP($A128,városok!$A$2:$C$346,2,0)-VLOOKUP(BS$1,városok!$A$2:$C$346,2,0))^2+(VLOOKUP($A128,városok!$A$2:$C$346,3,0)-VLOOKUP(BS$1,városok!$A$2:$C$346,3,0))^2)/1000,0)</f>
        <v>355</v>
      </c>
      <c r="BT128">
        <f ca="1">ROUND(SQRT((VLOOKUP($A128,városok!$A$2:$C$346,2,0)-VLOOKUP(BT$1,városok!$A$2:$C$346,2,0))^2+(VLOOKUP($A128,városok!$A$2:$C$346,3,0)-VLOOKUP(BT$1,városok!$A$2:$C$346,3,0))^2)/1000,0)</f>
        <v>351</v>
      </c>
    </row>
    <row r="129" spans="1:72" x14ac:dyDescent="0.2">
      <c r="A129" t="str">
        <f>városok!A129</f>
        <v>Berettyóújfalu</v>
      </c>
      <c r="B129">
        <f ca="1">ROUND(SQRT((VLOOKUP($A129,városok!$A$2:$C$346,2,0)-VLOOKUP(B$1,városok!$A$2:$C$346,2,0))^2+(VLOOKUP($A129,városok!$A$2:$C$346,3,0)-VLOOKUP(B$1,városok!$A$2:$C$346,3,0))^2)/1000,0)</f>
        <v>228</v>
      </c>
      <c r="C129">
        <f ca="1">ROUND(SQRT((VLOOKUP($A129,városok!$A$2:$C$346,2,0)-VLOOKUP(C$1,városok!$A$2:$C$346,2,0))^2+(VLOOKUP($A129,városok!$A$2:$C$346,3,0)-VLOOKUP(C$1,városok!$A$2:$C$346,3,0))^2)/1000,0)</f>
        <v>210</v>
      </c>
      <c r="D129">
        <f ca="1">ROUND(SQRT((VLOOKUP($A129,városok!$A$2:$C$346,2,0)-VLOOKUP(D$1,városok!$A$2:$C$346,2,0))^2+(VLOOKUP($A129,városok!$A$2:$C$346,3,0)-VLOOKUP(D$1,városok!$A$2:$C$346,3,0))^2)/1000,0)</f>
        <v>144</v>
      </c>
      <c r="E129">
        <f ca="1">ROUND(SQRT((VLOOKUP($A129,városok!$A$2:$C$346,2,0)-VLOOKUP(E$1,városok!$A$2:$C$346,2,0))^2+(VLOOKUP($A129,városok!$A$2:$C$346,3,0)-VLOOKUP(E$1,városok!$A$2:$C$346,3,0))^2)/1000,0)</f>
        <v>275</v>
      </c>
      <c r="F129">
        <f ca="1">ROUND(SQRT((VLOOKUP($A129,városok!$A$2:$C$346,2,0)-VLOOKUP(F$1,városok!$A$2:$C$346,2,0))^2+(VLOOKUP($A129,városok!$A$2:$C$346,3,0)-VLOOKUP(F$1,városok!$A$2:$C$346,3,0))^2)/1000,0)</f>
        <v>258</v>
      </c>
      <c r="G129">
        <f ca="1">ROUND(SQRT((VLOOKUP($A129,városok!$A$2:$C$346,2,0)-VLOOKUP(G$1,városok!$A$2:$C$346,2,0))^2+(VLOOKUP($A129,városok!$A$2:$C$346,3,0)-VLOOKUP(G$1,városok!$A$2:$C$346,3,0))^2)/1000,0)</f>
        <v>282</v>
      </c>
      <c r="H129">
        <f ca="1">ROUND(SQRT((VLOOKUP($A129,városok!$A$2:$C$346,2,0)-VLOOKUP(H$1,városok!$A$2:$C$346,2,0))^2+(VLOOKUP($A129,városok!$A$2:$C$346,3,0)-VLOOKUP(H$1,városok!$A$2:$C$346,3,0))^2)/1000,0)</f>
        <v>314</v>
      </c>
      <c r="I129">
        <f ca="1">ROUND(SQRT((VLOOKUP($A129,városok!$A$2:$C$346,2,0)-VLOOKUP(I$1,városok!$A$2:$C$346,2,0))^2+(VLOOKUP($A129,városok!$A$2:$C$346,3,0)-VLOOKUP(I$1,városok!$A$2:$C$346,3,0))^2)/1000,0)</f>
        <v>70</v>
      </c>
      <c r="J129">
        <f ca="1">ROUND(SQRT((VLOOKUP($A129,városok!$A$2:$C$346,2,0)-VLOOKUP(J$1,városok!$A$2:$C$346,2,0))^2+(VLOOKUP($A129,városok!$A$2:$C$346,3,0)-VLOOKUP(J$1,városok!$A$2:$C$346,3,0))^2)/1000,0)</f>
        <v>67</v>
      </c>
      <c r="K129">
        <f ca="1">ROUND(SQRT((VLOOKUP($A129,városok!$A$2:$C$346,2,0)-VLOOKUP(K$1,városok!$A$2:$C$346,2,0))^2+(VLOOKUP($A129,városok!$A$2:$C$346,3,0)-VLOOKUP(K$1,városok!$A$2:$C$346,3,0))^2)/1000,0)</f>
        <v>99</v>
      </c>
      <c r="L129">
        <f ca="1">ROUND(SQRT((VLOOKUP($A129,városok!$A$2:$C$346,2,0)-VLOOKUP(L$1,városok!$A$2:$C$346,2,0))^2+(VLOOKUP($A129,városok!$A$2:$C$346,3,0)-VLOOKUP(L$1,városok!$A$2:$C$346,3,0))^2)/1000,0)</f>
        <v>133</v>
      </c>
      <c r="M129">
        <f ca="1">ROUND(SQRT((VLOOKUP($A129,városok!$A$2:$C$346,2,0)-VLOOKUP(M$1,városok!$A$2:$C$346,2,0))^2+(VLOOKUP($A129,városok!$A$2:$C$346,3,0)-VLOOKUP(M$1,városok!$A$2:$C$346,3,0))^2)/1000,0)</f>
        <v>112</v>
      </c>
      <c r="N129">
        <f ca="1">ROUND(SQRT((VLOOKUP($A129,városok!$A$2:$C$346,2,0)-VLOOKUP(N$1,városok!$A$2:$C$346,2,0))^2+(VLOOKUP($A129,városok!$A$2:$C$346,3,0)-VLOOKUP(N$1,városok!$A$2:$C$346,3,0))^2)/1000,0)</f>
        <v>145</v>
      </c>
      <c r="O129">
        <f ca="1">ROUND(SQRT((VLOOKUP($A129,városok!$A$2:$C$346,2,0)-VLOOKUP(O$1,városok!$A$2:$C$346,2,0))^2+(VLOOKUP($A129,városok!$A$2:$C$346,3,0)-VLOOKUP(O$1,városok!$A$2:$C$346,3,0))^2)/1000,0)</f>
        <v>131</v>
      </c>
      <c r="P129">
        <f ca="1">ROUND(SQRT((VLOOKUP($A129,városok!$A$2:$C$346,2,0)-VLOOKUP(P$1,városok!$A$2:$C$346,2,0))^2+(VLOOKUP($A129,városok!$A$2:$C$346,3,0)-VLOOKUP(P$1,városok!$A$2:$C$346,3,0))^2)/1000,0)</f>
        <v>131</v>
      </c>
      <c r="Q129">
        <f ca="1">ROUND(SQRT((VLOOKUP($A129,városok!$A$2:$C$346,2,0)-VLOOKUP(Q$1,városok!$A$2:$C$346,2,0))^2+(VLOOKUP($A129,városok!$A$2:$C$346,3,0)-VLOOKUP(Q$1,városok!$A$2:$C$346,3,0))^2)/1000,0)</f>
        <v>129</v>
      </c>
      <c r="R129">
        <f ca="1">ROUND(SQRT((VLOOKUP($A129,városok!$A$2:$C$346,2,0)-VLOOKUP(R$1,városok!$A$2:$C$346,2,0))^2+(VLOOKUP($A129,városok!$A$2:$C$346,3,0)-VLOOKUP(R$1,városok!$A$2:$C$346,3,0))^2)/1000,0)</f>
        <v>138</v>
      </c>
      <c r="S129">
        <f ca="1">ROUND(SQRT((VLOOKUP($A129,városok!$A$2:$C$346,2,0)-VLOOKUP(S$1,városok!$A$2:$C$346,2,0))^2+(VLOOKUP($A129,városok!$A$2:$C$346,3,0)-VLOOKUP(S$1,városok!$A$2:$C$346,3,0))^2)/1000,0)</f>
        <v>151</v>
      </c>
      <c r="T129">
        <f ca="1">ROUND(SQRT((VLOOKUP($A129,városok!$A$2:$C$346,2,0)-VLOOKUP(T$1,városok!$A$2:$C$346,2,0))^2+(VLOOKUP($A129,városok!$A$2:$C$346,3,0)-VLOOKUP(T$1,városok!$A$2:$C$346,3,0))^2)/1000,0)</f>
        <v>221</v>
      </c>
      <c r="U129">
        <f ca="1">ROUND(SQRT((VLOOKUP($A129,városok!$A$2:$C$346,2,0)-VLOOKUP(U$1,városok!$A$2:$C$346,2,0))^2+(VLOOKUP($A129,városok!$A$2:$C$346,3,0)-VLOOKUP(U$1,városok!$A$2:$C$346,3,0))^2)/1000,0)</f>
        <v>199</v>
      </c>
      <c r="V129">
        <f ca="1">ROUND(SQRT((VLOOKUP($A129,városok!$A$2:$C$346,2,0)-VLOOKUP(V$1,városok!$A$2:$C$346,2,0))^2+(VLOOKUP($A129,városok!$A$2:$C$346,3,0)-VLOOKUP(V$1,városok!$A$2:$C$346,3,0))^2)/1000,0)</f>
        <v>246</v>
      </c>
      <c r="W129">
        <f ca="1">ROUND(SQRT((VLOOKUP($A129,városok!$A$2:$C$346,2,0)-VLOOKUP(W$1,városok!$A$2:$C$346,2,0))^2+(VLOOKUP($A129,városok!$A$2:$C$346,3,0)-VLOOKUP(W$1,városok!$A$2:$C$346,3,0))^2)/1000,0)</f>
        <v>224</v>
      </c>
      <c r="X129">
        <f ca="1">ROUND(SQRT((VLOOKUP($A129,városok!$A$2:$C$346,2,0)-VLOOKUP(X$1,városok!$A$2:$C$346,2,0))^2+(VLOOKUP($A129,városok!$A$2:$C$346,3,0)-VLOOKUP(X$1,városok!$A$2:$C$346,3,0))^2)/1000,0)</f>
        <v>243</v>
      </c>
      <c r="Y129">
        <f ca="1">ROUND(SQRT((VLOOKUP($A129,városok!$A$2:$C$346,2,0)-VLOOKUP(Y$1,városok!$A$2:$C$346,2,0))^2+(VLOOKUP($A129,városok!$A$2:$C$346,3,0)-VLOOKUP(Y$1,városok!$A$2:$C$346,3,0))^2)/1000,0)</f>
        <v>298</v>
      </c>
      <c r="Z129">
        <f ca="1">ROUND(SQRT((VLOOKUP($A129,városok!$A$2:$C$346,2,0)-VLOOKUP(Z$1,városok!$A$2:$C$346,2,0))^2+(VLOOKUP($A129,városok!$A$2:$C$346,3,0)-VLOOKUP(Z$1,városok!$A$2:$C$346,3,0))^2)/1000,0)</f>
        <v>317</v>
      </c>
      <c r="AA129">
        <f ca="1">ROUND(SQRT((VLOOKUP($A129,városok!$A$2:$C$346,2,0)-VLOOKUP(AA$1,városok!$A$2:$C$346,2,0))^2+(VLOOKUP($A129,városok!$A$2:$C$346,3,0)-VLOOKUP(AA$1,városok!$A$2:$C$346,3,0))^2)/1000,0)</f>
        <v>377</v>
      </c>
      <c r="AB129">
        <f ca="1">ROUND(SQRT((VLOOKUP($A129,városok!$A$2:$C$346,2,0)-VLOOKUP(AB$1,városok!$A$2:$C$346,2,0))^2+(VLOOKUP($A129,városok!$A$2:$C$346,3,0)-VLOOKUP(AB$1,városok!$A$2:$C$346,3,0))^2)/1000,0)</f>
        <v>35</v>
      </c>
      <c r="AC129">
        <f ca="1">ROUND(SQRT((VLOOKUP($A129,városok!$A$2:$C$346,2,0)-VLOOKUP(AC$1,városok!$A$2:$C$346,2,0))^2+(VLOOKUP($A129,városok!$A$2:$C$346,3,0)-VLOOKUP(AC$1,városok!$A$2:$C$346,3,0))^2)/1000,0)</f>
        <v>26</v>
      </c>
      <c r="AD129">
        <f ca="1">ROUND(SQRT((VLOOKUP($A129,városok!$A$2:$C$346,2,0)-VLOOKUP(AD$1,városok!$A$2:$C$346,2,0))^2+(VLOOKUP($A129,városok!$A$2:$C$346,3,0)-VLOOKUP(AD$1,városok!$A$2:$C$346,3,0))^2)/1000,0)</f>
        <v>36</v>
      </c>
      <c r="AE129">
        <f ca="1">ROUND(SQRT((VLOOKUP($A129,városok!$A$2:$C$346,2,0)-VLOOKUP(AE$1,városok!$A$2:$C$346,2,0))^2+(VLOOKUP($A129,városok!$A$2:$C$346,3,0)-VLOOKUP(AE$1,városok!$A$2:$C$346,3,0))^2)/1000,0)</f>
        <v>28</v>
      </c>
      <c r="AF129">
        <f ca="1">ROUND(SQRT((VLOOKUP($A129,városok!$A$2:$C$346,2,0)-VLOOKUP(AF$1,városok!$A$2:$C$346,2,0))^2+(VLOOKUP($A129,városok!$A$2:$C$346,3,0)-VLOOKUP(AF$1,városok!$A$2:$C$346,3,0))^2)/1000,0)</f>
        <v>115</v>
      </c>
      <c r="AG129">
        <f ca="1">ROUND(SQRT((VLOOKUP($A129,városok!$A$2:$C$346,2,0)-VLOOKUP(AG$1,városok!$A$2:$C$346,2,0))^2+(VLOOKUP($A129,városok!$A$2:$C$346,3,0)-VLOOKUP(AG$1,városok!$A$2:$C$346,3,0))^2)/1000,0)</f>
        <v>136</v>
      </c>
      <c r="AH129">
        <f ca="1">ROUND(SQRT((VLOOKUP($A129,városok!$A$2:$C$346,2,0)-VLOOKUP(AH$1,városok!$A$2:$C$346,2,0))^2+(VLOOKUP($A129,városok!$A$2:$C$346,3,0)-VLOOKUP(AH$1,városok!$A$2:$C$346,3,0))^2)/1000,0)</f>
        <v>148</v>
      </c>
      <c r="AI129">
        <f ca="1">ROUND(SQRT((VLOOKUP($A129,városok!$A$2:$C$346,2,0)-VLOOKUP(AI$1,városok!$A$2:$C$346,2,0))^2+(VLOOKUP($A129,városok!$A$2:$C$346,3,0)-VLOOKUP(AI$1,városok!$A$2:$C$346,3,0))^2)/1000,0)</f>
        <v>139</v>
      </c>
      <c r="AJ129">
        <f ca="1">ROUND(SQRT((VLOOKUP($A129,városok!$A$2:$C$346,2,0)-VLOOKUP(AJ$1,városok!$A$2:$C$346,2,0))^2+(VLOOKUP($A129,városok!$A$2:$C$346,3,0)-VLOOKUP(AJ$1,városok!$A$2:$C$346,3,0))^2)/1000,0)</f>
        <v>126</v>
      </c>
      <c r="AK129">
        <f ca="1">ROUND(SQRT((VLOOKUP($A129,városok!$A$2:$C$346,2,0)-VLOOKUP(AK$1,városok!$A$2:$C$346,2,0))^2+(VLOOKUP($A129,városok!$A$2:$C$346,3,0)-VLOOKUP(AK$1,városok!$A$2:$C$346,3,0))^2)/1000,0)</f>
        <v>43</v>
      </c>
      <c r="AL129">
        <f ca="1">ROUND(SQRT((VLOOKUP($A129,városok!$A$2:$C$346,2,0)-VLOOKUP(AL$1,városok!$A$2:$C$346,2,0))^2+(VLOOKUP($A129,városok!$A$2:$C$346,3,0)-VLOOKUP(AL$1,városok!$A$2:$C$346,3,0))^2)/1000,0)</f>
        <v>70</v>
      </c>
      <c r="AM129">
        <f ca="1">ROUND(SQRT((VLOOKUP($A129,városok!$A$2:$C$346,2,0)-VLOOKUP(AM$1,városok!$A$2:$C$346,2,0))^2+(VLOOKUP($A129,városok!$A$2:$C$346,3,0)-VLOOKUP(AM$1,városok!$A$2:$C$346,3,0))^2)/1000,0)</f>
        <v>102</v>
      </c>
      <c r="AN129">
        <f ca="1">ROUND(SQRT((VLOOKUP($A129,városok!$A$2:$C$346,2,0)-VLOOKUP(AN$1,városok!$A$2:$C$346,2,0))^2+(VLOOKUP($A129,városok!$A$2:$C$346,3,0)-VLOOKUP(AN$1,városok!$A$2:$C$346,3,0))^2)/1000,0)</f>
        <v>219</v>
      </c>
      <c r="AO129">
        <f ca="1">ROUND(SQRT((VLOOKUP($A129,városok!$A$2:$C$346,2,0)-VLOOKUP(AO$1,városok!$A$2:$C$346,2,0))^2+(VLOOKUP($A129,városok!$A$2:$C$346,3,0)-VLOOKUP(AO$1,városok!$A$2:$C$346,3,0))^2)/1000,0)</f>
        <v>263</v>
      </c>
      <c r="AP129">
        <f ca="1">ROUND(SQRT((VLOOKUP($A129,városok!$A$2:$C$346,2,0)-VLOOKUP(AP$1,városok!$A$2:$C$346,2,0))^2+(VLOOKUP($A129,városok!$A$2:$C$346,3,0)-VLOOKUP(AP$1,városok!$A$2:$C$346,3,0))^2)/1000,0)</f>
        <v>246</v>
      </c>
      <c r="AQ129">
        <f ca="1">ROUND(SQRT((VLOOKUP($A129,városok!$A$2:$C$346,2,0)-VLOOKUP(AQ$1,városok!$A$2:$C$346,2,0))^2+(VLOOKUP($A129,városok!$A$2:$C$346,3,0)-VLOOKUP(AQ$1,városok!$A$2:$C$346,3,0))^2)/1000,0)</f>
        <v>239</v>
      </c>
      <c r="AR129">
        <f ca="1">ROUND(SQRT((VLOOKUP($A129,városok!$A$2:$C$346,2,0)-VLOOKUP(AR$1,városok!$A$2:$C$346,2,0))^2+(VLOOKUP($A129,városok!$A$2:$C$346,3,0)-VLOOKUP(AR$1,városok!$A$2:$C$346,3,0))^2)/1000,0)</f>
        <v>158</v>
      </c>
      <c r="AS129">
        <f ca="1">ROUND(SQRT((VLOOKUP($A129,városok!$A$2:$C$346,2,0)-VLOOKUP(AS$1,városok!$A$2:$C$346,2,0))^2+(VLOOKUP($A129,városok!$A$2:$C$346,3,0)-VLOOKUP(AS$1,városok!$A$2:$C$346,3,0))^2)/1000,0)</f>
        <v>162</v>
      </c>
      <c r="AT129">
        <f ca="1">ROUND(SQRT((VLOOKUP($A129,városok!$A$2:$C$346,2,0)-VLOOKUP(AT$1,városok!$A$2:$C$346,2,0))^2+(VLOOKUP($A129,városok!$A$2:$C$346,3,0)-VLOOKUP(AT$1,városok!$A$2:$C$346,3,0))^2)/1000,0)</f>
        <v>207</v>
      </c>
      <c r="AU129">
        <f ca="1">ROUND(SQRT((VLOOKUP($A129,városok!$A$2:$C$346,2,0)-VLOOKUP(AU$1,városok!$A$2:$C$346,2,0))^2+(VLOOKUP($A129,városok!$A$2:$C$346,3,0)-VLOOKUP(AU$1,városok!$A$2:$C$346,3,0))^2)/1000,0)</f>
        <v>196</v>
      </c>
      <c r="AV129">
        <f ca="1">ROUND(SQRT((VLOOKUP($A129,városok!$A$2:$C$346,2,0)-VLOOKUP(AV$1,városok!$A$2:$C$346,2,0))^2+(VLOOKUP($A129,városok!$A$2:$C$346,3,0)-VLOOKUP(AV$1,városok!$A$2:$C$346,3,0))^2)/1000,0)</f>
        <v>196</v>
      </c>
      <c r="AW129">
        <f ca="1">ROUND(SQRT((VLOOKUP($A129,városok!$A$2:$C$346,2,0)-VLOOKUP(AW$1,városok!$A$2:$C$346,2,0))^2+(VLOOKUP($A129,városok!$A$2:$C$346,3,0)-VLOOKUP(AW$1,városok!$A$2:$C$346,3,0))^2)/1000,0)</f>
        <v>199</v>
      </c>
      <c r="AX129">
        <f ca="1">ROUND(SQRT((VLOOKUP($A129,városok!$A$2:$C$346,2,0)-VLOOKUP(AX$1,városok!$A$2:$C$346,2,0))^2+(VLOOKUP($A129,városok!$A$2:$C$346,3,0)-VLOOKUP(AX$1,városok!$A$2:$C$346,3,0))^2)/1000,0)</f>
        <v>135</v>
      </c>
      <c r="AY129">
        <f ca="1">ROUND(SQRT((VLOOKUP($A129,városok!$A$2:$C$346,2,0)-VLOOKUP(AY$1,városok!$A$2:$C$346,2,0))^2+(VLOOKUP($A129,városok!$A$2:$C$346,3,0)-VLOOKUP(AY$1,városok!$A$2:$C$346,3,0))^2)/1000,0)</f>
        <v>193</v>
      </c>
      <c r="AZ129">
        <f ca="1">ROUND(SQRT((VLOOKUP($A129,városok!$A$2:$C$346,2,0)-VLOOKUP(AZ$1,városok!$A$2:$C$346,2,0))^2+(VLOOKUP($A129,városok!$A$2:$C$346,3,0)-VLOOKUP(AZ$1,városok!$A$2:$C$346,3,0))^2)/1000,0)</f>
        <v>203</v>
      </c>
      <c r="BA129">
        <f ca="1">ROUND(SQRT((VLOOKUP($A129,városok!$A$2:$C$346,2,0)-VLOOKUP(BA$1,városok!$A$2:$C$346,2,0))^2+(VLOOKUP($A129,városok!$A$2:$C$346,3,0)-VLOOKUP(BA$1,városok!$A$2:$C$346,3,0))^2)/1000,0)</f>
        <v>295</v>
      </c>
      <c r="BB129">
        <f ca="1">ROUND(SQRT((VLOOKUP($A129,városok!$A$2:$C$346,2,0)-VLOOKUP(BB$1,városok!$A$2:$C$346,2,0))^2+(VLOOKUP($A129,városok!$A$2:$C$346,3,0)-VLOOKUP(BB$1,városok!$A$2:$C$346,3,0))^2)/1000,0)</f>
        <v>284</v>
      </c>
      <c r="BC129">
        <f ca="1">ROUND(SQRT((VLOOKUP($A129,városok!$A$2:$C$346,2,0)-VLOOKUP(BC$1,városok!$A$2:$C$346,2,0))^2+(VLOOKUP($A129,városok!$A$2:$C$346,3,0)-VLOOKUP(BC$1,városok!$A$2:$C$346,3,0))^2)/1000,0)</f>
        <v>301</v>
      </c>
      <c r="BD129">
        <f ca="1">ROUND(SQRT((VLOOKUP($A129,városok!$A$2:$C$346,2,0)-VLOOKUP(BD$1,városok!$A$2:$C$346,2,0))^2+(VLOOKUP($A129,városok!$A$2:$C$346,3,0)-VLOOKUP(BD$1,városok!$A$2:$C$346,3,0))^2)/1000,0)</f>
        <v>266</v>
      </c>
      <c r="BE129">
        <f ca="1">ROUND(SQRT((VLOOKUP($A129,városok!$A$2:$C$346,2,0)-VLOOKUP(BE$1,városok!$A$2:$C$346,2,0))^2+(VLOOKUP($A129,városok!$A$2:$C$346,3,0)-VLOOKUP(BE$1,városok!$A$2:$C$346,3,0))^2)/1000,0)</f>
        <v>109</v>
      </c>
      <c r="BF129">
        <f ca="1">ROUND(SQRT((VLOOKUP($A129,városok!$A$2:$C$346,2,0)-VLOOKUP(BF$1,városok!$A$2:$C$346,2,0))^2+(VLOOKUP($A129,városok!$A$2:$C$346,3,0)-VLOOKUP(BF$1,városok!$A$2:$C$346,3,0))^2)/1000,0)</f>
        <v>118</v>
      </c>
      <c r="BG129">
        <f ca="1">ROUND(SQRT((VLOOKUP($A129,városok!$A$2:$C$346,2,0)-VLOOKUP(BG$1,városok!$A$2:$C$346,2,0))^2+(VLOOKUP($A129,városok!$A$2:$C$346,3,0)-VLOOKUP(BG$1,városok!$A$2:$C$346,3,0))^2)/1000,0)</f>
        <v>100</v>
      </c>
      <c r="BH129">
        <f ca="1">ROUND(SQRT((VLOOKUP($A129,városok!$A$2:$C$346,2,0)-VLOOKUP(BH$1,városok!$A$2:$C$346,2,0))^2+(VLOOKUP($A129,városok!$A$2:$C$346,3,0)-VLOOKUP(BH$1,városok!$A$2:$C$346,3,0))^2)/1000,0)</f>
        <v>100</v>
      </c>
      <c r="BI129">
        <f ca="1">ROUND(SQRT((VLOOKUP($A129,városok!$A$2:$C$346,2,0)-VLOOKUP(BI$1,városok!$A$2:$C$346,2,0))^2+(VLOOKUP($A129,városok!$A$2:$C$346,3,0)-VLOOKUP(BI$1,városok!$A$2:$C$346,3,0))^2)/1000,0)</f>
        <v>240</v>
      </c>
      <c r="BJ129">
        <f ca="1">ROUND(SQRT((VLOOKUP($A129,városok!$A$2:$C$346,2,0)-VLOOKUP(BJ$1,városok!$A$2:$C$346,2,0))^2+(VLOOKUP($A129,városok!$A$2:$C$346,3,0)-VLOOKUP(BJ$1,városok!$A$2:$C$346,3,0))^2)/1000,0)</f>
        <v>257</v>
      </c>
      <c r="BK129">
        <f ca="1">ROUND(SQRT((VLOOKUP($A129,városok!$A$2:$C$346,2,0)-VLOOKUP(BK$1,városok!$A$2:$C$346,2,0))^2+(VLOOKUP($A129,városok!$A$2:$C$346,3,0)-VLOOKUP(BK$1,városok!$A$2:$C$346,3,0))^2)/1000,0)</f>
        <v>237</v>
      </c>
      <c r="BL129">
        <f ca="1">ROUND(SQRT((VLOOKUP($A129,városok!$A$2:$C$346,2,0)-VLOOKUP(BL$1,városok!$A$2:$C$346,2,0))^2+(VLOOKUP($A129,városok!$A$2:$C$346,3,0)-VLOOKUP(BL$1,városok!$A$2:$C$346,3,0))^2)/1000,0)</f>
        <v>375</v>
      </c>
      <c r="BM129">
        <f ca="1">ROUND(SQRT((VLOOKUP($A129,városok!$A$2:$C$346,2,0)-VLOOKUP(BM$1,városok!$A$2:$C$346,2,0))^2+(VLOOKUP($A129,városok!$A$2:$C$346,3,0)-VLOOKUP(BM$1,városok!$A$2:$C$346,3,0))^2)/1000,0)</f>
        <v>348</v>
      </c>
      <c r="BN129">
        <f ca="1">ROUND(SQRT((VLOOKUP($A129,városok!$A$2:$C$346,2,0)-VLOOKUP(BN$1,városok!$A$2:$C$346,2,0))^2+(VLOOKUP($A129,városok!$A$2:$C$346,3,0)-VLOOKUP(BN$1,városok!$A$2:$C$346,3,0))^2)/1000,0)</f>
        <v>372</v>
      </c>
      <c r="BO129">
        <f ca="1">ROUND(SQRT((VLOOKUP($A129,városok!$A$2:$C$346,2,0)-VLOOKUP(BO$1,városok!$A$2:$C$346,2,0))^2+(VLOOKUP($A129,városok!$A$2:$C$346,3,0)-VLOOKUP(BO$1,városok!$A$2:$C$346,3,0))^2)/1000,0)</f>
        <v>268</v>
      </c>
      <c r="BP129">
        <f ca="1">ROUND(SQRT((VLOOKUP($A129,városok!$A$2:$C$346,2,0)-VLOOKUP(BP$1,városok!$A$2:$C$346,2,0))^2+(VLOOKUP($A129,városok!$A$2:$C$346,3,0)-VLOOKUP(BP$1,városok!$A$2:$C$346,3,0))^2)/1000,0)</f>
        <v>260</v>
      </c>
      <c r="BQ129">
        <f ca="1">ROUND(SQRT((VLOOKUP($A129,városok!$A$2:$C$346,2,0)-VLOOKUP(BQ$1,városok!$A$2:$C$346,2,0))^2+(VLOOKUP($A129,városok!$A$2:$C$346,3,0)-VLOOKUP(BQ$1,városok!$A$2:$C$346,3,0))^2)/1000,0)</f>
        <v>275</v>
      </c>
      <c r="BR129">
        <f ca="1">ROUND(SQRT((VLOOKUP($A129,városok!$A$2:$C$346,2,0)-VLOOKUP(BR$1,városok!$A$2:$C$346,2,0))^2+(VLOOKUP($A129,városok!$A$2:$C$346,3,0)-VLOOKUP(BR$1,városok!$A$2:$C$346,3,0))^2)/1000,0)</f>
        <v>329</v>
      </c>
      <c r="BS129">
        <f ca="1">ROUND(SQRT((VLOOKUP($A129,városok!$A$2:$C$346,2,0)-VLOOKUP(BS$1,városok!$A$2:$C$346,2,0))^2+(VLOOKUP($A129,városok!$A$2:$C$346,3,0)-VLOOKUP(BS$1,városok!$A$2:$C$346,3,0))^2)/1000,0)</f>
        <v>357</v>
      </c>
      <c r="BT129">
        <f ca="1">ROUND(SQRT((VLOOKUP($A129,városok!$A$2:$C$346,2,0)-VLOOKUP(BT$1,városok!$A$2:$C$346,2,0))^2+(VLOOKUP($A129,városok!$A$2:$C$346,3,0)-VLOOKUP(BT$1,városok!$A$2:$C$346,3,0))^2)/1000,0)</f>
        <v>359</v>
      </c>
    </row>
    <row r="130" spans="1:72" x14ac:dyDescent="0.2">
      <c r="A130" t="str">
        <f>városok!A130</f>
        <v>Biharkeresztes</v>
      </c>
      <c r="B130">
        <f ca="1">ROUND(SQRT((VLOOKUP($A130,városok!$A$2:$C$346,2,0)-VLOOKUP(B$1,városok!$A$2:$C$346,2,0))^2+(VLOOKUP($A130,városok!$A$2:$C$346,3,0)-VLOOKUP(B$1,városok!$A$2:$C$346,3,0))^2)/1000,0)</f>
        <v>236</v>
      </c>
      <c r="C130">
        <f ca="1">ROUND(SQRT((VLOOKUP($A130,városok!$A$2:$C$346,2,0)-VLOOKUP(C$1,városok!$A$2:$C$346,2,0))^2+(VLOOKUP($A130,városok!$A$2:$C$346,3,0)-VLOOKUP(C$1,városok!$A$2:$C$346,3,0))^2)/1000,0)</f>
        <v>219</v>
      </c>
      <c r="D130">
        <f ca="1">ROUND(SQRT((VLOOKUP($A130,városok!$A$2:$C$346,2,0)-VLOOKUP(D$1,városok!$A$2:$C$346,2,0))^2+(VLOOKUP($A130,városok!$A$2:$C$346,3,0)-VLOOKUP(D$1,városok!$A$2:$C$346,3,0))^2)/1000,0)</f>
        <v>156</v>
      </c>
      <c r="E130">
        <f ca="1">ROUND(SQRT((VLOOKUP($A130,városok!$A$2:$C$346,2,0)-VLOOKUP(E$1,városok!$A$2:$C$346,2,0))^2+(VLOOKUP($A130,városok!$A$2:$C$346,3,0)-VLOOKUP(E$1,városok!$A$2:$C$346,3,0))^2)/1000,0)</f>
        <v>284</v>
      </c>
      <c r="F130">
        <f ca="1">ROUND(SQRT((VLOOKUP($A130,városok!$A$2:$C$346,2,0)-VLOOKUP(F$1,városok!$A$2:$C$346,2,0))^2+(VLOOKUP($A130,városok!$A$2:$C$346,3,0)-VLOOKUP(F$1,városok!$A$2:$C$346,3,0))^2)/1000,0)</f>
        <v>265</v>
      </c>
      <c r="G130">
        <f ca="1">ROUND(SQRT((VLOOKUP($A130,városok!$A$2:$C$346,2,0)-VLOOKUP(G$1,városok!$A$2:$C$346,2,0))^2+(VLOOKUP($A130,városok!$A$2:$C$346,3,0)-VLOOKUP(G$1,városok!$A$2:$C$346,3,0))^2)/1000,0)</f>
        <v>290</v>
      </c>
      <c r="H130">
        <f ca="1">ROUND(SQRT((VLOOKUP($A130,városok!$A$2:$C$346,2,0)-VLOOKUP(H$1,városok!$A$2:$C$346,2,0))^2+(VLOOKUP($A130,városok!$A$2:$C$346,3,0)-VLOOKUP(H$1,városok!$A$2:$C$346,3,0))^2)/1000,0)</f>
        <v>323</v>
      </c>
      <c r="I130">
        <f ca="1">ROUND(SQRT((VLOOKUP($A130,városok!$A$2:$C$346,2,0)-VLOOKUP(I$1,városok!$A$2:$C$346,2,0))^2+(VLOOKUP($A130,városok!$A$2:$C$346,3,0)-VLOOKUP(I$1,városok!$A$2:$C$346,3,0))^2)/1000,0)</f>
        <v>70</v>
      </c>
      <c r="J130">
        <f ca="1">ROUND(SQRT((VLOOKUP($A130,városok!$A$2:$C$346,2,0)-VLOOKUP(J$1,városok!$A$2:$C$346,2,0))^2+(VLOOKUP($A130,városok!$A$2:$C$346,3,0)-VLOOKUP(J$1,városok!$A$2:$C$346,3,0))^2)/1000,0)</f>
        <v>63</v>
      </c>
      <c r="K130">
        <f ca="1">ROUND(SQRT((VLOOKUP($A130,városok!$A$2:$C$346,2,0)-VLOOKUP(K$1,városok!$A$2:$C$346,2,0))^2+(VLOOKUP($A130,városok!$A$2:$C$346,3,0)-VLOOKUP(K$1,városok!$A$2:$C$346,3,0))^2)/1000,0)</f>
        <v>102</v>
      </c>
      <c r="L130">
        <f ca="1">ROUND(SQRT((VLOOKUP($A130,városok!$A$2:$C$346,2,0)-VLOOKUP(L$1,városok!$A$2:$C$346,2,0))^2+(VLOOKUP($A130,városok!$A$2:$C$346,3,0)-VLOOKUP(L$1,városok!$A$2:$C$346,3,0))^2)/1000,0)</f>
        <v>149</v>
      </c>
      <c r="M130">
        <f ca="1">ROUND(SQRT((VLOOKUP($A130,városok!$A$2:$C$346,2,0)-VLOOKUP(M$1,városok!$A$2:$C$346,2,0))^2+(VLOOKUP($A130,városok!$A$2:$C$346,3,0)-VLOOKUP(M$1,városok!$A$2:$C$346,3,0))^2)/1000,0)</f>
        <v>129</v>
      </c>
      <c r="N130">
        <f ca="1">ROUND(SQRT((VLOOKUP($A130,városok!$A$2:$C$346,2,0)-VLOOKUP(N$1,városok!$A$2:$C$346,2,0))^2+(VLOOKUP($A130,városok!$A$2:$C$346,3,0)-VLOOKUP(N$1,városok!$A$2:$C$346,3,0))^2)/1000,0)</f>
        <v>162</v>
      </c>
      <c r="O130">
        <f ca="1">ROUND(SQRT((VLOOKUP($A130,városok!$A$2:$C$346,2,0)-VLOOKUP(O$1,városok!$A$2:$C$346,2,0))^2+(VLOOKUP($A130,városok!$A$2:$C$346,3,0)-VLOOKUP(O$1,városok!$A$2:$C$346,3,0))^2)/1000,0)</f>
        <v>141</v>
      </c>
      <c r="P130">
        <f ca="1">ROUND(SQRT((VLOOKUP($A130,városok!$A$2:$C$346,2,0)-VLOOKUP(P$1,városok!$A$2:$C$346,2,0))^2+(VLOOKUP($A130,városok!$A$2:$C$346,3,0)-VLOOKUP(P$1,városok!$A$2:$C$346,3,0))^2)/1000,0)</f>
        <v>141</v>
      </c>
      <c r="Q130">
        <f ca="1">ROUND(SQRT((VLOOKUP($A130,városok!$A$2:$C$346,2,0)-VLOOKUP(Q$1,városok!$A$2:$C$346,2,0))^2+(VLOOKUP($A130,városok!$A$2:$C$346,3,0)-VLOOKUP(Q$1,városok!$A$2:$C$346,3,0))^2)/1000,0)</f>
        <v>133</v>
      </c>
      <c r="R130">
        <f ca="1">ROUND(SQRT((VLOOKUP($A130,városok!$A$2:$C$346,2,0)-VLOOKUP(R$1,városok!$A$2:$C$346,2,0))^2+(VLOOKUP($A130,városok!$A$2:$C$346,3,0)-VLOOKUP(R$1,városok!$A$2:$C$346,3,0))^2)/1000,0)</f>
        <v>139</v>
      </c>
      <c r="S130">
        <f ca="1">ROUND(SQRT((VLOOKUP($A130,városok!$A$2:$C$346,2,0)-VLOOKUP(S$1,városok!$A$2:$C$346,2,0))^2+(VLOOKUP($A130,városok!$A$2:$C$346,3,0)-VLOOKUP(S$1,városok!$A$2:$C$346,3,0))^2)/1000,0)</f>
        <v>154</v>
      </c>
      <c r="T130">
        <f ca="1">ROUND(SQRT((VLOOKUP($A130,városok!$A$2:$C$346,2,0)-VLOOKUP(T$1,városok!$A$2:$C$346,2,0))^2+(VLOOKUP($A130,városok!$A$2:$C$346,3,0)-VLOOKUP(T$1,városok!$A$2:$C$346,3,0))^2)/1000,0)</f>
        <v>237</v>
      </c>
      <c r="U130">
        <f ca="1">ROUND(SQRT((VLOOKUP($A130,városok!$A$2:$C$346,2,0)-VLOOKUP(U$1,városok!$A$2:$C$346,2,0))^2+(VLOOKUP($A130,városok!$A$2:$C$346,3,0)-VLOOKUP(U$1,városok!$A$2:$C$346,3,0))^2)/1000,0)</f>
        <v>212</v>
      </c>
      <c r="V130">
        <f ca="1">ROUND(SQRT((VLOOKUP($A130,városok!$A$2:$C$346,2,0)-VLOOKUP(V$1,városok!$A$2:$C$346,2,0))^2+(VLOOKUP($A130,városok!$A$2:$C$346,3,0)-VLOOKUP(V$1,városok!$A$2:$C$346,3,0))^2)/1000,0)</f>
        <v>259</v>
      </c>
      <c r="W130">
        <f ca="1">ROUND(SQRT((VLOOKUP($A130,városok!$A$2:$C$346,2,0)-VLOOKUP(W$1,városok!$A$2:$C$346,2,0))^2+(VLOOKUP($A130,városok!$A$2:$C$346,3,0)-VLOOKUP(W$1,városok!$A$2:$C$346,3,0))^2)/1000,0)</f>
        <v>237</v>
      </c>
      <c r="X130">
        <f ca="1">ROUND(SQRT((VLOOKUP($A130,városok!$A$2:$C$346,2,0)-VLOOKUP(X$1,városok!$A$2:$C$346,2,0))^2+(VLOOKUP($A130,városok!$A$2:$C$346,3,0)-VLOOKUP(X$1,városok!$A$2:$C$346,3,0))^2)/1000,0)</f>
        <v>257</v>
      </c>
      <c r="Y130">
        <f ca="1">ROUND(SQRT((VLOOKUP($A130,városok!$A$2:$C$346,2,0)-VLOOKUP(Y$1,városok!$A$2:$C$346,2,0))^2+(VLOOKUP($A130,városok!$A$2:$C$346,3,0)-VLOOKUP(Y$1,városok!$A$2:$C$346,3,0))^2)/1000,0)</f>
        <v>314</v>
      </c>
      <c r="Z130">
        <f ca="1">ROUND(SQRT((VLOOKUP($A130,városok!$A$2:$C$346,2,0)-VLOOKUP(Z$1,városok!$A$2:$C$346,2,0))^2+(VLOOKUP($A130,városok!$A$2:$C$346,3,0)-VLOOKUP(Z$1,városok!$A$2:$C$346,3,0))^2)/1000,0)</f>
        <v>333</v>
      </c>
      <c r="AA130">
        <f ca="1">ROUND(SQRT((VLOOKUP($A130,városok!$A$2:$C$346,2,0)-VLOOKUP(AA$1,városok!$A$2:$C$346,2,0))^2+(VLOOKUP($A130,városok!$A$2:$C$346,3,0)-VLOOKUP(AA$1,városok!$A$2:$C$346,3,0))^2)/1000,0)</f>
        <v>392</v>
      </c>
      <c r="AB130">
        <f ca="1">ROUND(SQRT((VLOOKUP($A130,városok!$A$2:$C$346,2,0)-VLOOKUP(AB$1,városok!$A$2:$C$346,2,0))^2+(VLOOKUP($A130,városok!$A$2:$C$346,3,0)-VLOOKUP(AB$1,városok!$A$2:$C$346,3,0))^2)/1000,0)</f>
        <v>45</v>
      </c>
      <c r="AC130">
        <f ca="1">ROUND(SQRT((VLOOKUP($A130,városok!$A$2:$C$346,2,0)-VLOOKUP(AC$1,városok!$A$2:$C$346,2,0))^2+(VLOOKUP($A130,városok!$A$2:$C$346,3,0)-VLOOKUP(AC$1,városok!$A$2:$C$346,3,0))^2)/1000,0)</f>
        <v>43</v>
      </c>
      <c r="AD130">
        <f ca="1">ROUND(SQRT((VLOOKUP($A130,városok!$A$2:$C$346,2,0)-VLOOKUP(AD$1,városok!$A$2:$C$346,2,0))^2+(VLOOKUP($A130,városok!$A$2:$C$346,3,0)-VLOOKUP(AD$1,városok!$A$2:$C$346,3,0))^2)/1000,0)</f>
        <v>54</v>
      </c>
      <c r="AE130">
        <f ca="1">ROUND(SQRT((VLOOKUP($A130,városok!$A$2:$C$346,2,0)-VLOOKUP(AE$1,városok!$A$2:$C$346,2,0))^2+(VLOOKUP($A130,városok!$A$2:$C$346,3,0)-VLOOKUP(AE$1,városok!$A$2:$C$346,3,0))^2)/1000,0)</f>
        <v>45</v>
      </c>
      <c r="AF130">
        <f ca="1">ROUND(SQRT((VLOOKUP($A130,városok!$A$2:$C$346,2,0)-VLOOKUP(AF$1,városok!$A$2:$C$346,2,0))^2+(VLOOKUP($A130,városok!$A$2:$C$346,3,0)-VLOOKUP(AF$1,városok!$A$2:$C$346,3,0))^2)/1000,0)</f>
        <v>133</v>
      </c>
      <c r="AG130">
        <f ca="1">ROUND(SQRT((VLOOKUP($A130,városok!$A$2:$C$346,2,0)-VLOOKUP(AG$1,városok!$A$2:$C$346,2,0))^2+(VLOOKUP($A130,városok!$A$2:$C$346,3,0)-VLOOKUP(AG$1,városok!$A$2:$C$346,3,0))^2)/1000,0)</f>
        <v>153</v>
      </c>
      <c r="AH130">
        <f ca="1">ROUND(SQRT((VLOOKUP($A130,városok!$A$2:$C$346,2,0)-VLOOKUP(AH$1,városok!$A$2:$C$346,2,0))^2+(VLOOKUP($A130,városok!$A$2:$C$346,3,0)-VLOOKUP(AH$1,városok!$A$2:$C$346,3,0))^2)/1000,0)</f>
        <v>165</v>
      </c>
      <c r="AI130">
        <f ca="1">ROUND(SQRT((VLOOKUP($A130,városok!$A$2:$C$346,2,0)-VLOOKUP(AI$1,városok!$A$2:$C$346,2,0))^2+(VLOOKUP($A130,városok!$A$2:$C$346,3,0)-VLOOKUP(AI$1,városok!$A$2:$C$346,3,0))^2)/1000,0)</f>
        <v>157</v>
      </c>
      <c r="AJ130">
        <f ca="1">ROUND(SQRT((VLOOKUP($A130,városok!$A$2:$C$346,2,0)-VLOOKUP(AJ$1,városok!$A$2:$C$346,2,0))^2+(VLOOKUP($A130,városok!$A$2:$C$346,3,0)-VLOOKUP(AJ$1,városok!$A$2:$C$346,3,0))^2)/1000,0)</f>
        <v>143</v>
      </c>
      <c r="AK130">
        <f ca="1">ROUND(SQRT((VLOOKUP($A130,városok!$A$2:$C$346,2,0)-VLOOKUP(AK$1,városok!$A$2:$C$346,2,0))^2+(VLOOKUP($A130,városok!$A$2:$C$346,3,0)-VLOOKUP(AK$1,városok!$A$2:$C$346,3,0))^2)/1000,0)</f>
        <v>59</v>
      </c>
      <c r="AL130">
        <f ca="1">ROUND(SQRT((VLOOKUP($A130,városok!$A$2:$C$346,2,0)-VLOOKUP(AL$1,városok!$A$2:$C$346,2,0))^2+(VLOOKUP($A130,városok!$A$2:$C$346,3,0)-VLOOKUP(AL$1,városok!$A$2:$C$346,3,0))^2)/1000,0)</f>
        <v>87</v>
      </c>
      <c r="AM130">
        <f ca="1">ROUND(SQRT((VLOOKUP($A130,városok!$A$2:$C$346,2,0)-VLOOKUP(AM$1,városok!$A$2:$C$346,2,0))^2+(VLOOKUP($A130,városok!$A$2:$C$346,3,0)-VLOOKUP(AM$1,városok!$A$2:$C$346,3,0))^2)/1000,0)</f>
        <v>116</v>
      </c>
      <c r="AN130">
        <f ca="1">ROUND(SQRT((VLOOKUP($A130,városok!$A$2:$C$346,2,0)-VLOOKUP(AN$1,városok!$A$2:$C$346,2,0))^2+(VLOOKUP($A130,városok!$A$2:$C$346,3,0)-VLOOKUP(AN$1,városok!$A$2:$C$346,3,0))^2)/1000,0)</f>
        <v>236</v>
      </c>
      <c r="AO130">
        <f ca="1">ROUND(SQRT((VLOOKUP($A130,városok!$A$2:$C$346,2,0)-VLOOKUP(AO$1,városok!$A$2:$C$346,2,0))^2+(VLOOKUP($A130,városok!$A$2:$C$346,3,0)-VLOOKUP(AO$1,városok!$A$2:$C$346,3,0))^2)/1000,0)</f>
        <v>280</v>
      </c>
      <c r="AP130">
        <f ca="1">ROUND(SQRT((VLOOKUP($A130,városok!$A$2:$C$346,2,0)-VLOOKUP(AP$1,városok!$A$2:$C$346,2,0))^2+(VLOOKUP($A130,városok!$A$2:$C$346,3,0)-VLOOKUP(AP$1,városok!$A$2:$C$346,3,0))^2)/1000,0)</f>
        <v>262</v>
      </c>
      <c r="AQ130">
        <f ca="1">ROUND(SQRT((VLOOKUP($A130,városok!$A$2:$C$346,2,0)-VLOOKUP(AQ$1,városok!$A$2:$C$346,2,0))^2+(VLOOKUP($A130,városok!$A$2:$C$346,3,0)-VLOOKUP(AQ$1,városok!$A$2:$C$346,3,0))^2)/1000,0)</f>
        <v>255</v>
      </c>
      <c r="AR130">
        <f ca="1">ROUND(SQRT((VLOOKUP($A130,városok!$A$2:$C$346,2,0)-VLOOKUP(AR$1,városok!$A$2:$C$346,2,0))^2+(VLOOKUP($A130,városok!$A$2:$C$346,3,0)-VLOOKUP(AR$1,városok!$A$2:$C$346,3,0))^2)/1000,0)</f>
        <v>176</v>
      </c>
      <c r="AS130">
        <f ca="1">ROUND(SQRT((VLOOKUP($A130,városok!$A$2:$C$346,2,0)-VLOOKUP(AS$1,városok!$A$2:$C$346,2,0))^2+(VLOOKUP($A130,városok!$A$2:$C$346,3,0)-VLOOKUP(AS$1,városok!$A$2:$C$346,3,0))^2)/1000,0)</f>
        <v>180</v>
      </c>
      <c r="AT130">
        <f ca="1">ROUND(SQRT((VLOOKUP($A130,városok!$A$2:$C$346,2,0)-VLOOKUP(AT$1,városok!$A$2:$C$346,2,0))^2+(VLOOKUP($A130,városok!$A$2:$C$346,3,0)-VLOOKUP(AT$1,városok!$A$2:$C$346,3,0))^2)/1000,0)</f>
        <v>222</v>
      </c>
      <c r="AU130">
        <f ca="1">ROUND(SQRT((VLOOKUP($A130,városok!$A$2:$C$346,2,0)-VLOOKUP(AU$1,városok!$A$2:$C$346,2,0))^2+(VLOOKUP($A130,városok!$A$2:$C$346,3,0)-VLOOKUP(AU$1,városok!$A$2:$C$346,3,0))^2)/1000,0)</f>
        <v>212</v>
      </c>
      <c r="AV130">
        <f ca="1">ROUND(SQRT((VLOOKUP($A130,városok!$A$2:$C$346,2,0)-VLOOKUP(AV$1,városok!$A$2:$C$346,2,0))^2+(VLOOKUP($A130,városok!$A$2:$C$346,3,0)-VLOOKUP(AV$1,városok!$A$2:$C$346,3,0))^2)/1000,0)</f>
        <v>212</v>
      </c>
      <c r="AW130">
        <f ca="1">ROUND(SQRT((VLOOKUP($A130,városok!$A$2:$C$346,2,0)-VLOOKUP(AW$1,városok!$A$2:$C$346,2,0))^2+(VLOOKUP($A130,városok!$A$2:$C$346,3,0)-VLOOKUP(AW$1,városok!$A$2:$C$346,3,0))^2)/1000,0)</f>
        <v>215</v>
      </c>
      <c r="AX130">
        <f ca="1">ROUND(SQRT((VLOOKUP($A130,városok!$A$2:$C$346,2,0)-VLOOKUP(AX$1,városok!$A$2:$C$346,2,0))^2+(VLOOKUP($A130,városok!$A$2:$C$346,3,0)-VLOOKUP(AX$1,városok!$A$2:$C$346,3,0))^2)/1000,0)</f>
        <v>147</v>
      </c>
      <c r="AY130">
        <f ca="1">ROUND(SQRT((VLOOKUP($A130,városok!$A$2:$C$346,2,0)-VLOOKUP(AY$1,városok!$A$2:$C$346,2,0))^2+(VLOOKUP($A130,városok!$A$2:$C$346,3,0)-VLOOKUP(AY$1,városok!$A$2:$C$346,3,0))^2)/1000,0)</f>
        <v>210</v>
      </c>
      <c r="AZ130">
        <f ca="1">ROUND(SQRT((VLOOKUP($A130,városok!$A$2:$C$346,2,0)-VLOOKUP(AZ$1,városok!$A$2:$C$346,2,0))^2+(VLOOKUP($A130,városok!$A$2:$C$346,3,0)-VLOOKUP(AZ$1,városok!$A$2:$C$346,3,0))^2)/1000,0)</f>
        <v>220</v>
      </c>
      <c r="BA130">
        <f ca="1">ROUND(SQRT((VLOOKUP($A130,városok!$A$2:$C$346,2,0)-VLOOKUP(BA$1,városok!$A$2:$C$346,2,0))^2+(VLOOKUP($A130,városok!$A$2:$C$346,3,0)-VLOOKUP(BA$1,városok!$A$2:$C$346,3,0))^2)/1000,0)</f>
        <v>308</v>
      </c>
      <c r="BB130">
        <f ca="1">ROUND(SQRT((VLOOKUP($A130,városok!$A$2:$C$346,2,0)-VLOOKUP(BB$1,városok!$A$2:$C$346,2,0))^2+(VLOOKUP($A130,városok!$A$2:$C$346,3,0)-VLOOKUP(BB$1,városok!$A$2:$C$346,3,0))^2)/1000,0)</f>
        <v>295</v>
      </c>
      <c r="BC130">
        <f ca="1">ROUND(SQRT((VLOOKUP($A130,városok!$A$2:$C$346,2,0)-VLOOKUP(BC$1,városok!$A$2:$C$346,2,0))^2+(VLOOKUP($A130,városok!$A$2:$C$346,3,0)-VLOOKUP(BC$1,városok!$A$2:$C$346,3,0))^2)/1000,0)</f>
        <v>312</v>
      </c>
      <c r="BD130">
        <f ca="1">ROUND(SQRT((VLOOKUP($A130,városok!$A$2:$C$346,2,0)-VLOOKUP(BD$1,városok!$A$2:$C$346,2,0))^2+(VLOOKUP($A130,városok!$A$2:$C$346,3,0)-VLOOKUP(BD$1,városok!$A$2:$C$346,3,0))^2)/1000,0)</f>
        <v>279</v>
      </c>
      <c r="BE130">
        <f ca="1">ROUND(SQRT((VLOOKUP($A130,városok!$A$2:$C$346,2,0)-VLOOKUP(BE$1,városok!$A$2:$C$346,2,0))^2+(VLOOKUP($A130,városok!$A$2:$C$346,3,0)-VLOOKUP(BE$1,városok!$A$2:$C$346,3,0))^2)/1000,0)</f>
        <v>107</v>
      </c>
      <c r="BF130">
        <f ca="1">ROUND(SQRT((VLOOKUP($A130,városok!$A$2:$C$346,2,0)-VLOOKUP(BF$1,városok!$A$2:$C$346,2,0))^2+(VLOOKUP($A130,városok!$A$2:$C$346,3,0)-VLOOKUP(BF$1,városok!$A$2:$C$346,3,0))^2)/1000,0)</f>
        <v>125</v>
      </c>
      <c r="BG130">
        <f ca="1">ROUND(SQRT((VLOOKUP($A130,városok!$A$2:$C$346,2,0)-VLOOKUP(BG$1,városok!$A$2:$C$346,2,0))^2+(VLOOKUP($A130,városok!$A$2:$C$346,3,0)-VLOOKUP(BG$1,városok!$A$2:$C$346,3,0))^2)/1000,0)</f>
        <v>112</v>
      </c>
      <c r="BH130">
        <f ca="1">ROUND(SQRT((VLOOKUP($A130,városok!$A$2:$C$346,2,0)-VLOOKUP(BH$1,városok!$A$2:$C$346,2,0))^2+(VLOOKUP($A130,városok!$A$2:$C$346,3,0)-VLOOKUP(BH$1,városok!$A$2:$C$346,3,0))^2)/1000,0)</f>
        <v>112</v>
      </c>
      <c r="BI130">
        <f ca="1">ROUND(SQRT((VLOOKUP($A130,városok!$A$2:$C$346,2,0)-VLOOKUP(BI$1,városok!$A$2:$C$346,2,0))^2+(VLOOKUP($A130,városok!$A$2:$C$346,3,0)-VLOOKUP(BI$1,városok!$A$2:$C$346,3,0))^2)/1000,0)</f>
        <v>250</v>
      </c>
      <c r="BJ130">
        <f ca="1">ROUND(SQRT((VLOOKUP($A130,városok!$A$2:$C$346,2,0)-VLOOKUP(BJ$1,városok!$A$2:$C$346,2,0))^2+(VLOOKUP($A130,városok!$A$2:$C$346,3,0)-VLOOKUP(BJ$1,városok!$A$2:$C$346,3,0))^2)/1000,0)</f>
        <v>266</v>
      </c>
      <c r="BK130">
        <f ca="1">ROUND(SQRT((VLOOKUP($A130,városok!$A$2:$C$346,2,0)-VLOOKUP(BK$1,városok!$A$2:$C$346,2,0))^2+(VLOOKUP($A130,városok!$A$2:$C$346,3,0)-VLOOKUP(BK$1,városok!$A$2:$C$346,3,0))^2)/1000,0)</f>
        <v>246</v>
      </c>
      <c r="BL130">
        <f ca="1">ROUND(SQRT((VLOOKUP($A130,városok!$A$2:$C$346,2,0)-VLOOKUP(BL$1,városok!$A$2:$C$346,2,0))^2+(VLOOKUP($A130,városok!$A$2:$C$346,3,0)-VLOOKUP(BL$1,városok!$A$2:$C$346,3,0))^2)/1000,0)</f>
        <v>388</v>
      </c>
      <c r="BM130">
        <f ca="1">ROUND(SQRT((VLOOKUP($A130,városok!$A$2:$C$346,2,0)-VLOOKUP(BM$1,városok!$A$2:$C$346,2,0))^2+(VLOOKUP($A130,városok!$A$2:$C$346,3,0)-VLOOKUP(BM$1,városok!$A$2:$C$346,3,0))^2)/1000,0)</f>
        <v>363</v>
      </c>
      <c r="BN130">
        <f ca="1">ROUND(SQRT((VLOOKUP($A130,városok!$A$2:$C$346,2,0)-VLOOKUP(BN$1,városok!$A$2:$C$346,2,0))^2+(VLOOKUP($A130,városok!$A$2:$C$346,3,0)-VLOOKUP(BN$1,városok!$A$2:$C$346,3,0))^2)/1000,0)</f>
        <v>386</v>
      </c>
      <c r="BO130">
        <f ca="1">ROUND(SQRT((VLOOKUP($A130,városok!$A$2:$C$346,2,0)-VLOOKUP(BO$1,városok!$A$2:$C$346,2,0))^2+(VLOOKUP($A130,városok!$A$2:$C$346,3,0)-VLOOKUP(BO$1,városok!$A$2:$C$346,3,0))^2)/1000,0)</f>
        <v>281</v>
      </c>
      <c r="BP130">
        <f ca="1">ROUND(SQRT((VLOOKUP($A130,városok!$A$2:$C$346,2,0)-VLOOKUP(BP$1,városok!$A$2:$C$346,2,0))^2+(VLOOKUP($A130,városok!$A$2:$C$346,3,0)-VLOOKUP(BP$1,városok!$A$2:$C$346,3,0))^2)/1000,0)</f>
        <v>274</v>
      </c>
      <c r="BQ130">
        <f ca="1">ROUND(SQRT((VLOOKUP($A130,városok!$A$2:$C$346,2,0)-VLOOKUP(BQ$1,városok!$A$2:$C$346,2,0))^2+(VLOOKUP($A130,városok!$A$2:$C$346,3,0)-VLOOKUP(BQ$1,városok!$A$2:$C$346,3,0))^2)/1000,0)</f>
        <v>289</v>
      </c>
      <c r="BR130">
        <f ca="1">ROUND(SQRT((VLOOKUP($A130,városok!$A$2:$C$346,2,0)-VLOOKUP(BR$1,városok!$A$2:$C$346,2,0))^2+(VLOOKUP($A130,városok!$A$2:$C$346,3,0)-VLOOKUP(BR$1,városok!$A$2:$C$346,3,0))^2)/1000,0)</f>
        <v>342</v>
      </c>
      <c r="BS130">
        <f ca="1">ROUND(SQRT((VLOOKUP($A130,városok!$A$2:$C$346,2,0)-VLOOKUP(BS$1,városok!$A$2:$C$346,2,0))^2+(VLOOKUP($A130,városok!$A$2:$C$346,3,0)-VLOOKUP(BS$1,városok!$A$2:$C$346,3,0))^2)/1000,0)</f>
        <v>368</v>
      </c>
      <c r="BT130">
        <f ca="1">ROUND(SQRT((VLOOKUP($A130,városok!$A$2:$C$346,2,0)-VLOOKUP(BT$1,városok!$A$2:$C$346,2,0))^2+(VLOOKUP($A130,városok!$A$2:$C$346,3,0)-VLOOKUP(BT$1,városok!$A$2:$C$346,3,0))^2)/1000,0)</f>
        <v>372</v>
      </c>
    </row>
    <row r="131" spans="1:72" x14ac:dyDescent="0.2">
      <c r="A131" t="str">
        <f>városok!A131</f>
        <v>Debrecen</v>
      </c>
      <c r="B131">
        <f ca="1">ROUND(SQRT((VLOOKUP($A131,városok!$A$2:$C$346,2,0)-VLOOKUP(B$1,városok!$A$2:$C$346,2,0))^2+(VLOOKUP($A131,városok!$A$2:$C$346,3,0)-VLOOKUP(B$1,városok!$A$2:$C$346,3,0))^2)/1000,0)</f>
        <v>253</v>
      </c>
      <c r="C131">
        <f ca="1">ROUND(SQRT((VLOOKUP($A131,városok!$A$2:$C$346,2,0)-VLOOKUP(C$1,városok!$A$2:$C$346,2,0))^2+(VLOOKUP($A131,városok!$A$2:$C$346,3,0)-VLOOKUP(C$1,városok!$A$2:$C$346,3,0))^2)/1000,0)</f>
        <v>230</v>
      </c>
      <c r="D131">
        <f ca="1">ROUND(SQRT((VLOOKUP($A131,városok!$A$2:$C$346,2,0)-VLOOKUP(D$1,városok!$A$2:$C$346,2,0))^2+(VLOOKUP($A131,városok!$A$2:$C$346,3,0)-VLOOKUP(D$1,városok!$A$2:$C$346,3,0))^2)/1000,0)</f>
        <v>162</v>
      </c>
      <c r="E131">
        <f ca="1">ROUND(SQRT((VLOOKUP($A131,városok!$A$2:$C$346,2,0)-VLOOKUP(E$1,városok!$A$2:$C$346,2,0))^2+(VLOOKUP($A131,városok!$A$2:$C$346,3,0)-VLOOKUP(E$1,városok!$A$2:$C$346,3,0))^2)/1000,0)</f>
        <v>297</v>
      </c>
      <c r="F131">
        <f ca="1">ROUND(SQRT((VLOOKUP($A131,városok!$A$2:$C$346,2,0)-VLOOKUP(F$1,városok!$A$2:$C$346,2,0))^2+(VLOOKUP($A131,városok!$A$2:$C$346,3,0)-VLOOKUP(F$1,városok!$A$2:$C$346,3,0))^2)/1000,0)</f>
        <v>283</v>
      </c>
      <c r="G131">
        <f ca="1">ROUND(SQRT((VLOOKUP($A131,városok!$A$2:$C$346,2,0)-VLOOKUP(G$1,városok!$A$2:$C$346,2,0))^2+(VLOOKUP($A131,városok!$A$2:$C$346,3,0)-VLOOKUP(G$1,városok!$A$2:$C$346,3,0))^2)/1000,0)</f>
        <v>305</v>
      </c>
      <c r="H131">
        <f ca="1">ROUND(SQRT((VLOOKUP($A131,városok!$A$2:$C$346,2,0)-VLOOKUP(H$1,városok!$A$2:$C$346,2,0))^2+(VLOOKUP($A131,városok!$A$2:$C$346,3,0)-VLOOKUP(H$1,városok!$A$2:$C$346,3,0))^2)/1000,0)</f>
        <v>336</v>
      </c>
      <c r="I131">
        <f ca="1">ROUND(SQRT((VLOOKUP($A131,városok!$A$2:$C$346,2,0)-VLOOKUP(I$1,városok!$A$2:$C$346,2,0))^2+(VLOOKUP($A131,városok!$A$2:$C$346,3,0)-VLOOKUP(I$1,városok!$A$2:$C$346,3,0))^2)/1000,0)</f>
        <v>104</v>
      </c>
      <c r="J131">
        <f ca="1">ROUND(SQRT((VLOOKUP($A131,városok!$A$2:$C$346,2,0)-VLOOKUP(J$1,városok!$A$2:$C$346,2,0))^2+(VLOOKUP($A131,városok!$A$2:$C$346,3,0)-VLOOKUP(J$1,városok!$A$2:$C$346,3,0))^2)/1000,0)</f>
        <v>102</v>
      </c>
      <c r="K131">
        <f ca="1">ROUND(SQRT((VLOOKUP($A131,városok!$A$2:$C$346,2,0)-VLOOKUP(K$1,városok!$A$2:$C$346,2,0))^2+(VLOOKUP($A131,városok!$A$2:$C$346,3,0)-VLOOKUP(K$1,városok!$A$2:$C$346,3,0))^2)/1000,0)</f>
        <v>130</v>
      </c>
      <c r="L131">
        <f ca="1">ROUND(SQRT((VLOOKUP($A131,városok!$A$2:$C$346,2,0)-VLOOKUP(L$1,városok!$A$2:$C$346,2,0))^2+(VLOOKUP($A131,városok!$A$2:$C$346,3,0)-VLOOKUP(L$1,városok!$A$2:$C$346,3,0))^2)/1000,0)</f>
        <v>110</v>
      </c>
      <c r="M131">
        <f ca="1">ROUND(SQRT((VLOOKUP($A131,városok!$A$2:$C$346,2,0)-VLOOKUP(M$1,városok!$A$2:$C$346,2,0))^2+(VLOOKUP($A131,városok!$A$2:$C$346,3,0)-VLOOKUP(M$1,városok!$A$2:$C$346,3,0))^2)/1000,0)</f>
        <v>90</v>
      </c>
      <c r="N131">
        <f ca="1">ROUND(SQRT((VLOOKUP($A131,városok!$A$2:$C$346,2,0)-VLOOKUP(N$1,városok!$A$2:$C$346,2,0))^2+(VLOOKUP($A131,városok!$A$2:$C$346,3,0)-VLOOKUP(N$1,városok!$A$2:$C$346,3,0))^2)/1000,0)</f>
        <v>127</v>
      </c>
      <c r="O131">
        <f ca="1">ROUND(SQRT((VLOOKUP($A131,városok!$A$2:$C$346,2,0)-VLOOKUP(O$1,városok!$A$2:$C$346,2,0))^2+(VLOOKUP($A131,városok!$A$2:$C$346,3,0)-VLOOKUP(O$1,városok!$A$2:$C$346,3,0))^2)/1000,0)</f>
        <v>96</v>
      </c>
      <c r="P131">
        <f ca="1">ROUND(SQRT((VLOOKUP($A131,városok!$A$2:$C$346,2,0)-VLOOKUP(P$1,városok!$A$2:$C$346,2,0))^2+(VLOOKUP($A131,városok!$A$2:$C$346,3,0)-VLOOKUP(P$1,városok!$A$2:$C$346,3,0))^2)/1000,0)</f>
        <v>97</v>
      </c>
      <c r="Q131">
        <f ca="1">ROUND(SQRT((VLOOKUP($A131,városok!$A$2:$C$346,2,0)-VLOOKUP(Q$1,városok!$A$2:$C$346,2,0))^2+(VLOOKUP($A131,városok!$A$2:$C$346,3,0)-VLOOKUP(Q$1,városok!$A$2:$C$346,3,0))^2)/1000,0)</f>
        <v>159</v>
      </c>
      <c r="R131">
        <f ca="1">ROUND(SQRT((VLOOKUP($A131,városok!$A$2:$C$346,2,0)-VLOOKUP(R$1,városok!$A$2:$C$346,2,0))^2+(VLOOKUP($A131,városok!$A$2:$C$346,3,0)-VLOOKUP(R$1,városok!$A$2:$C$346,3,0))^2)/1000,0)</f>
        <v>170</v>
      </c>
      <c r="S131">
        <f ca="1">ROUND(SQRT((VLOOKUP($A131,városok!$A$2:$C$346,2,0)-VLOOKUP(S$1,városok!$A$2:$C$346,2,0))^2+(VLOOKUP($A131,városok!$A$2:$C$346,3,0)-VLOOKUP(S$1,városok!$A$2:$C$346,3,0))^2)/1000,0)</f>
        <v>181</v>
      </c>
      <c r="T131">
        <f ca="1">ROUND(SQRT((VLOOKUP($A131,városok!$A$2:$C$346,2,0)-VLOOKUP(T$1,városok!$A$2:$C$346,2,0))^2+(VLOOKUP($A131,városok!$A$2:$C$346,3,0)-VLOOKUP(T$1,városok!$A$2:$C$346,3,0))^2)/1000,0)</f>
        <v>226</v>
      </c>
      <c r="U131">
        <f ca="1">ROUND(SQRT((VLOOKUP($A131,városok!$A$2:$C$346,2,0)-VLOOKUP(U$1,városok!$A$2:$C$346,2,0))^2+(VLOOKUP($A131,városok!$A$2:$C$346,3,0)-VLOOKUP(U$1,városok!$A$2:$C$346,3,0))^2)/1000,0)</f>
        <v>214</v>
      </c>
      <c r="V131">
        <f ca="1">ROUND(SQRT((VLOOKUP($A131,városok!$A$2:$C$346,2,0)-VLOOKUP(V$1,városok!$A$2:$C$346,2,0))^2+(VLOOKUP($A131,városok!$A$2:$C$346,3,0)-VLOOKUP(V$1,városok!$A$2:$C$346,3,0))^2)/1000,0)</f>
        <v>257</v>
      </c>
      <c r="W131">
        <f ca="1">ROUND(SQRT((VLOOKUP($A131,városok!$A$2:$C$346,2,0)-VLOOKUP(W$1,városok!$A$2:$C$346,2,0))^2+(VLOOKUP($A131,városok!$A$2:$C$346,3,0)-VLOOKUP(W$1,városok!$A$2:$C$346,3,0))^2)/1000,0)</f>
        <v>239</v>
      </c>
      <c r="X131">
        <f ca="1">ROUND(SQRT((VLOOKUP($A131,városok!$A$2:$C$346,2,0)-VLOOKUP(X$1,városok!$A$2:$C$346,2,0))^2+(VLOOKUP($A131,városok!$A$2:$C$346,3,0)-VLOOKUP(X$1,városok!$A$2:$C$346,3,0))^2)/1000,0)</f>
        <v>251</v>
      </c>
      <c r="Y131">
        <f ca="1">ROUND(SQRT((VLOOKUP($A131,városok!$A$2:$C$346,2,0)-VLOOKUP(Y$1,városok!$A$2:$C$346,2,0))^2+(VLOOKUP($A131,városok!$A$2:$C$346,3,0)-VLOOKUP(Y$1,városok!$A$2:$C$346,3,0))^2)/1000,0)</f>
        <v>301</v>
      </c>
      <c r="Z131">
        <f ca="1">ROUND(SQRT((VLOOKUP($A131,városok!$A$2:$C$346,2,0)-VLOOKUP(Z$1,városok!$A$2:$C$346,2,0))^2+(VLOOKUP($A131,városok!$A$2:$C$346,3,0)-VLOOKUP(Z$1,városok!$A$2:$C$346,3,0))^2)/1000,0)</f>
        <v>320</v>
      </c>
      <c r="AA131">
        <f ca="1">ROUND(SQRT((VLOOKUP($A131,városok!$A$2:$C$346,2,0)-VLOOKUP(AA$1,városok!$A$2:$C$346,2,0))^2+(VLOOKUP($A131,városok!$A$2:$C$346,3,0)-VLOOKUP(AA$1,városok!$A$2:$C$346,3,0))^2)/1000,0)</f>
        <v>380</v>
      </c>
      <c r="AB131">
        <f ca="1">ROUND(SQRT((VLOOKUP($A131,városok!$A$2:$C$346,2,0)-VLOOKUP(AB$1,városok!$A$2:$C$346,2,0))^2+(VLOOKUP($A131,városok!$A$2:$C$346,3,0)-VLOOKUP(AB$1,városok!$A$2:$C$346,3,0))^2)/1000,0)</f>
        <v>0</v>
      </c>
      <c r="AC131">
        <f ca="1">ROUND(SQRT((VLOOKUP($A131,városok!$A$2:$C$346,2,0)-VLOOKUP(AC$1,városok!$A$2:$C$346,2,0))^2+(VLOOKUP($A131,városok!$A$2:$C$346,3,0)-VLOOKUP(AC$1,városok!$A$2:$C$346,3,0))^2)/1000,0)</f>
        <v>20</v>
      </c>
      <c r="AD131">
        <f ca="1">ROUND(SQRT((VLOOKUP($A131,városok!$A$2:$C$346,2,0)-VLOOKUP(AD$1,városok!$A$2:$C$346,2,0))^2+(VLOOKUP($A131,városok!$A$2:$C$346,3,0)-VLOOKUP(AD$1,városok!$A$2:$C$346,3,0))^2)/1000,0)</f>
        <v>37</v>
      </c>
      <c r="AE131">
        <f ca="1">ROUND(SQRT((VLOOKUP($A131,városok!$A$2:$C$346,2,0)-VLOOKUP(AE$1,városok!$A$2:$C$346,2,0))^2+(VLOOKUP($A131,városok!$A$2:$C$346,3,0)-VLOOKUP(AE$1,városok!$A$2:$C$346,3,0))^2)/1000,0)</f>
        <v>44</v>
      </c>
      <c r="AF131">
        <f ca="1">ROUND(SQRT((VLOOKUP($A131,városok!$A$2:$C$346,2,0)-VLOOKUP(AF$1,városok!$A$2:$C$346,2,0))^2+(VLOOKUP($A131,városok!$A$2:$C$346,3,0)-VLOOKUP(AF$1,városok!$A$2:$C$346,3,0))^2)/1000,0)</f>
        <v>103</v>
      </c>
      <c r="AG131">
        <f ca="1">ROUND(SQRT((VLOOKUP($A131,városok!$A$2:$C$346,2,0)-VLOOKUP(AG$1,városok!$A$2:$C$346,2,0))^2+(VLOOKUP($A131,városok!$A$2:$C$346,3,0)-VLOOKUP(AG$1,városok!$A$2:$C$346,3,0))^2)/1000,0)</f>
        <v>131</v>
      </c>
      <c r="AH131">
        <f ca="1">ROUND(SQRT((VLOOKUP($A131,városok!$A$2:$C$346,2,0)-VLOOKUP(AH$1,városok!$A$2:$C$346,2,0))^2+(VLOOKUP($A131,városok!$A$2:$C$346,3,0)-VLOOKUP(AH$1,városok!$A$2:$C$346,3,0))^2)/1000,0)</f>
        <v>148</v>
      </c>
      <c r="AI131">
        <f ca="1">ROUND(SQRT((VLOOKUP($A131,városok!$A$2:$C$346,2,0)-VLOOKUP(AI$1,városok!$A$2:$C$346,2,0))^2+(VLOOKUP($A131,városok!$A$2:$C$346,3,0)-VLOOKUP(AI$1,városok!$A$2:$C$346,3,0))^2)/1000,0)</f>
        <v>127</v>
      </c>
      <c r="AJ131">
        <f ca="1">ROUND(SQRT((VLOOKUP($A131,városok!$A$2:$C$346,2,0)-VLOOKUP(AJ$1,városok!$A$2:$C$346,2,0))^2+(VLOOKUP($A131,városok!$A$2:$C$346,3,0)-VLOOKUP(AJ$1,városok!$A$2:$C$346,3,0))^2)/1000,0)</f>
        <v>125</v>
      </c>
      <c r="AK131">
        <f ca="1">ROUND(SQRT((VLOOKUP($A131,városok!$A$2:$C$346,2,0)-VLOOKUP(AK$1,városok!$A$2:$C$346,2,0))^2+(VLOOKUP($A131,városok!$A$2:$C$346,3,0)-VLOOKUP(AK$1,városok!$A$2:$C$346,3,0))^2)/1000,0)</f>
        <v>57</v>
      </c>
      <c r="AL131">
        <f ca="1">ROUND(SQRT((VLOOKUP($A131,városok!$A$2:$C$346,2,0)-VLOOKUP(AL$1,városok!$A$2:$C$346,2,0))^2+(VLOOKUP($A131,városok!$A$2:$C$346,3,0)-VLOOKUP(AL$1,városok!$A$2:$C$346,3,0))^2)/1000,0)</f>
        <v>78</v>
      </c>
      <c r="AM131">
        <f ca="1">ROUND(SQRT((VLOOKUP($A131,városok!$A$2:$C$346,2,0)-VLOOKUP(AM$1,városok!$A$2:$C$346,2,0))^2+(VLOOKUP($A131,városok!$A$2:$C$346,3,0)-VLOOKUP(AM$1,városok!$A$2:$C$346,3,0))^2)/1000,0)</f>
        <v>116</v>
      </c>
      <c r="AN131">
        <f ca="1">ROUND(SQRT((VLOOKUP($A131,városok!$A$2:$C$346,2,0)-VLOOKUP(AN$1,városok!$A$2:$C$346,2,0))^2+(VLOOKUP($A131,városok!$A$2:$C$346,3,0)-VLOOKUP(AN$1,városok!$A$2:$C$346,3,0))^2)/1000,0)</f>
        <v>219</v>
      </c>
      <c r="AO131">
        <f ca="1">ROUND(SQRT((VLOOKUP($A131,városok!$A$2:$C$346,2,0)-VLOOKUP(AO$1,városok!$A$2:$C$346,2,0))^2+(VLOOKUP($A131,városok!$A$2:$C$346,3,0)-VLOOKUP(AO$1,városok!$A$2:$C$346,3,0))^2)/1000,0)</f>
        <v>265</v>
      </c>
      <c r="AP131">
        <f ca="1">ROUND(SQRT((VLOOKUP($A131,városok!$A$2:$C$346,2,0)-VLOOKUP(AP$1,városok!$A$2:$C$346,2,0))^2+(VLOOKUP($A131,városok!$A$2:$C$346,3,0)-VLOOKUP(AP$1,városok!$A$2:$C$346,3,0))^2)/1000,0)</f>
        <v>248</v>
      </c>
      <c r="AQ131">
        <f ca="1">ROUND(SQRT((VLOOKUP($A131,városok!$A$2:$C$346,2,0)-VLOOKUP(AQ$1,városok!$A$2:$C$346,2,0))^2+(VLOOKUP($A131,városok!$A$2:$C$346,3,0)-VLOOKUP(AQ$1,városok!$A$2:$C$346,3,0))^2)/1000,0)</f>
        <v>243</v>
      </c>
      <c r="AR131">
        <f ca="1">ROUND(SQRT((VLOOKUP($A131,városok!$A$2:$C$346,2,0)-VLOOKUP(AR$1,városok!$A$2:$C$346,2,0))^2+(VLOOKUP($A131,városok!$A$2:$C$346,3,0)-VLOOKUP(AR$1,városok!$A$2:$C$346,3,0))^2)/1000,0)</f>
        <v>152</v>
      </c>
      <c r="AS131">
        <f ca="1">ROUND(SQRT((VLOOKUP($A131,városok!$A$2:$C$346,2,0)-VLOOKUP(AS$1,városok!$A$2:$C$346,2,0))^2+(VLOOKUP($A131,városok!$A$2:$C$346,3,0)-VLOOKUP(AS$1,városok!$A$2:$C$346,3,0))^2)/1000,0)</f>
        <v>151</v>
      </c>
      <c r="AT131">
        <f ca="1">ROUND(SQRT((VLOOKUP($A131,városok!$A$2:$C$346,2,0)-VLOOKUP(AT$1,városok!$A$2:$C$346,2,0))^2+(VLOOKUP($A131,városok!$A$2:$C$346,3,0)-VLOOKUP(AT$1,városok!$A$2:$C$346,3,0))^2)/1000,0)</f>
        <v>212</v>
      </c>
      <c r="AU131">
        <f ca="1">ROUND(SQRT((VLOOKUP($A131,városok!$A$2:$C$346,2,0)-VLOOKUP(AU$1,városok!$A$2:$C$346,2,0))^2+(VLOOKUP($A131,városok!$A$2:$C$346,3,0)-VLOOKUP(AU$1,városok!$A$2:$C$346,3,0))^2)/1000,0)</f>
        <v>201</v>
      </c>
      <c r="AV131">
        <f ca="1">ROUND(SQRT((VLOOKUP($A131,városok!$A$2:$C$346,2,0)-VLOOKUP(AV$1,városok!$A$2:$C$346,2,0))^2+(VLOOKUP($A131,városok!$A$2:$C$346,3,0)-VLOOKUP(AV$1,városok!$A$2:$C$346,3,0))^2)/1000,0)</f>
        <v>203</v>
      </c>
      <c r="AW131">
        <f ca="1">ROUND(SQRT((VLOOKUP($A131,városok!$A$2:$C$346,2,0)-VLOOKUP(AW$1,városok!$A$2:$C$346,2,0))^2+(VLOOKUP($A131,városok!$A$2:$C$346,3,0)-VLOOKUP(AW$1,városok!$A$2:$C$346,3,0))^2)/1000,0)</f>
        <v>206</v>
      </c>
      <c r="AX131">
        <f ca="1">ROUND(SQRT((VLOOKUP($A131,városok!$A$2:$C$346,2,0)-VLOOKUP(AX$1,városok!$A$2:$C$346,2,0))^2+(VLOOKUP($A131,városok!$A$2:$C$346,3,0)-VLOOKUP(AX$1,városok!$A$2:$C$346,3,0))^2)/1000,0)</f>
        <v>151</v>
      </c>
      <c r="AY131">
        <f ca="1">ROUND(SQRT((VLOOKUP($A131,városok!$A$2:$C$346,2,0)-VLOOKUP(AY$1,városok!$A$2:$C$346,2,0))^2+(VLOOKUP($A131,városok!$A$2:$C$346,3,0)-VLOOKUP(AY$1,városok!$A$2:$C$346,3,0))^2)/1000,0)</f>
        <v>194</v>
      </c>
      <c r="AZ131">
        <f ca="1">ROUND(SQRT((VLOOKUP($A131,városok!$A$2:$C$346,2,0)-VLOOKUP(AZ$1,városok!$A$2:$C$346,2,0))^2+(VLOOKUP($A131,városok!$A$2:$C$346,3,0)-VLOOKUP(AZ$1,városok!$A$2:$C$346,3,0))^2)/1000,0)</f>
        <v>202</v>
      </c>
      <c r="BA131">
        <f ca="1">ROUND(SQRT((VLOOKUP($A131,városok!$A$2:$C$346,2,0)-VLOOKUP(BA$1,városok!$A$2:$C$346,2,0))^2+(VLOOKUP($A131,városok!$A$2:$C$346,3,0)-VLOOKUP(BA$1,városok!$A$2:$C$346,3,0))^2)/1000,0)</f>
        <v>309</v>
      </c>
      <c r="BB131">
        <f ca="1">ROUND(SQRT((VLOOKUP($A131,városok!$A$2:$C$346,2,0)-VLOOKUP(BB$1,városok!$A$2:$C$346,2,0))^2+(VLOOKUP($A131,városok!$A$2:$C$346,3,0)-VLOOKUP(BB$1,városok!$A$2:$C$346,3,0))^2)/1000,0)</f>
        <v>301</v>
      </c>
      <c r="BC131">
        <f ca="1">ROUND(SQRT((VLOOKUP($A131,városok!$A$2:$C$346,2,0)-VLOOKUP(BC$1,városok!$A$2:$C$346,2,0))^2+(VLOOKUP($A131,városok!$A$2:$C$346,3,0)-VLOOKUP(BC$1,városok!$A$2:$C$346,3,0))^2)/1000,0)</f>
        <v>320</v>
      </c>
      <c r="BD131">
        <f ca="1">ROUND(SQRT((VLOOKUP($A131,városok!$A$2:$C$346,2,0)-VLOOKUP(BD$1,városok!$A$2:$C$346,2,0))^2+(VLOOKUP($A131,városok!$A$2:$C$346,3,0)-VLOOKUP(BD$1,városok!$A$2:$C$346,3,0))^2)/1000,0)</f>
        <v>279</v>
      </c>
      <c r="BE131">
        <f ca="1">ROUND(SQRT((VLOOKUP($A131,városok!$A$2:$C$346,2,0)-VLOOKUP(BE$1,városok!$A$2:$C$346,2,0))^2+(VLOOKUP($A131,városok!$A$2:$C$346,3,0)-VLOOKUP(BE$1,városok!$A$2:$C$346,3,0))^2)/1000,0)</f>
        <v>85</v>
      </c>
      <c r="BF131">
        <f ca="1">ROUND(SQRT((VLOOKUP($A131,városok!$A$2:$C$346,2,0)-VLOOKUP(BF$1,városok!$A$2:$C$346,2,0))^2+(VLOOKUP($A131,városok!$A$2:$C$346,3,0)-VLOOKUP(BF$1,városok!$A$2:$C$346,3,0))^2)/1000,0)</f>
        <v>84</v>
      </c>
      <c r="BG131">
        <f ca="1">ROUND(SQRT((VLOOKUP($A131,városok!$A$2:$C$346,2,0)-VLOOKUP(BG$1,városok!$A$2:$C$346,2,0))^2+(VLOOKUP($A131,városok!$A$2:$C$346,3,0)-VLOOKUP(BG$1,városok!$A$2:$C$346,3,0))^2)/1000,0)</f>
        <v>67</v>
      </c>
      <c r="BH131">
        <f ca="1">ROUND(SQRT((VLOOKUP($A131,városok!$A$2:$C$346,2,0)-VLOOKUP(BH$1,városok!$A$2:$C$346,2,0))^2+(VLOOKUP($A131,városok!$A$2:$C$346,3,0)-VLOOKUP(BH$1,városok!$A$2:$C$346,3,0))^2)/1000,0)</f>
        <v>67</v>
      </c>
      <c r="BI131">
        <f ca="1">ROUND(SQRT((VLOOKUP($A131,városok!$A$2:$C$346,2,0)-VLOOKUP(BI$1,városok!$A$2:$C$346,2,0))^2+(VLOOKUP($A131,városok!$A$2:$C$346,3,0)-VLOOKUP(BI$1,városok!$A$2:$C$346,3,0))^2)/1000,0)</f>
        <v>261</v>
      </c>
      <c r="BJ131">
        <f ca="1">ROUND(SQRT((VLOOKUP($A131,városok!$A$2:$C$346,2,0)-VLOOKUP(BJ$1,városok!$A$2:$C$346,2,0))^2+(VLOOKUP($A131,városok!$A$2:$C$346,3,0)-VLOOKUP(BJ$1,városok!$A$2:$C$346,3,0))^2)/1000,0)</f>
        <v>279</v>
      </c>
      <c r="BK131">
        <f ca="1">ROUND(SQRT((VLOOKUP($A131,városok!$A$2:$C$346,2,0)-VLOOKUP(BK$1,városok!$A$2:$C$346,2,0))^2+(VLOOKUP($A131,városok!$A$2:$C$346,3,0)-VLOOKUP(BK$1,városok!$A$2:$C$346,3,0))^2)/1000,0)</f>
        <v>259</v>
      </c>
      <c r="BL131">
        <f ca="1">ROUND(SQRT((VLOOKUP($A131,városok!$A$2:$C$346,2,0)-VLOOKUP(BL$1,városok!$A$2:$C$346,2,0))^2+(VLOOKUP($A131,városok!$A$2:$C$346,3,0)-VLOOKUP(BL$1,városok!$A$2:$C$346,3,0))^2)/1000,0)</f>
        <v>385</v>
      </c>
      <c r="BM131">
        <f ca="1">ROUND(SQRT((VLOOKUP($A131,városok!$A$2:$C$346,2,0)-VLOOKUP(BM$1,városok!$A$2:$C$346,2,0))^2+(VLOOKUP($A131,városok!$A$2:$C$346,3,0)-VLOOKUP(BM$1,városok!$A$2:$C$346,3,0))^2)/1000,0)</f>
        <v>356</v>
      </c>
      <c r="BN131">
        <f ca="1">ROUND(SQRT((VLOOKUP($A131,városok!$A$2:$C$346,2,0)-VLOOKUP(BN$1,városok!$A$2:$C$346,2,0))^2+(VLOOKUP($A131,városok!$A$2:$C$346,3,0)-VLOOKUP(BN$1,városok!$A$2:$C$346,3,0))^2)/1000,0)</f>
        <v>380</v>
      </c>
      <c r="BO131">
        <f ca="1">ROUND(SQRT((VLOOKUP($A131,városok!$A$2:$C$346,2,0)-VLOOKUP(BO$1,városok!$A$2:$C$346,2,0))^2+(VLOOKUP($A131,városok!$A$2:$C$346,3,0)-VLOOKUP(BO$1,városok!$A$2:$C$346,3,0))^2)/1000,0)</f>
        <v>279</v>
      </c>
      <c r="BP131">
        <f ca="1">ROUND(SQRT((VLOOKUP($A131,városok!$A$2:$C$346,2,0)-VLOOKUP(BP$1,városok!$A$2:$C$346,2,0))^2+(VLOOKUP($A131,városok!$A$2:$C$346,3,0)-VLOOKUP(BP$1,városok!$A$2:$C$346,3,0))^2)/1000,0)</f>
        <v>272</v>
      </c>
      <c r="BQ131">
        <f ca="1">ROUND(SQRT((VLOOKUP($A131,városok!$A$2:$C$346,2,0)-VLOOKUP(BQ$1,városok!$A$2:$C$346,2,0))^2+(VLOOKUP($A131,városok!$A$2:$C$346,3,0)-VLOOKUP(BQ$1,városok!$A$2:$C$346,3,0))^2)/1000,0)</f>
        <v>285</v>
      </c>
      <c r="BR131">
        <f ca="1">ROUND(SQRT((VLOOKUP($A131,városok!$A$2:$C$346,2,0)-VLOOKUP(BR$1,városok!$A$2:$C$346,2,0))^2+(VLOOKUP($A131,városok!$A$2:$C$346,3,0)-VLOOKUP(BR$1,városok!$A$2:$C$346,3,0))^2)/1000,0)</f>
        <v>342</v>
      </c>
      <c r="BS131">
        <f ca="1">ROUND(SQRT((VLOOKUP($A131,városok!$A$2:$C$346,2,0)-VLOOKUP(BS$1,városok!$A$2:$C$346,2,0))^2+(VLOOKUP($A131,városok!$A$2:$C$346,3,0)-VLOOKUP(BS$1,városok!$A$2:$C$346,3,0))^2)/1000,0)</f>
        <v>373</v>
      </c>
      <c r="BT131">
        <f ca="1">ROUND(SQRT((VLOOKUP($A131,városok!$A$2:$C$346,2,0)-VLOOKUP(BT$1,városok!$A$2:$C$346,2,0))^2+(VLOOKUP($A131,városok!$A$2:$C$346,3,0)-VLOOKUP(BT$1,városok!$A$2:$C$346,3,0))^2)/1000,0)</f>
        <v>371</v>
      </c>
    </row>
    <row r="132" spans="1:72" x14ac:dyDescent="0.2">
      <c r="A132" t="str">
        <f>városok!A132</f>
        <v>Derecske</v>
      </c>
      <c r="B132">
        <f ca="1">ROUND(SQRT((VLOOKUP($A132,városok!$A$2:$C$346,2,0)-VLOOKUP(B$1,városok!$A$2:$C$346,2,0))^2+(VLOOKUP($A132,városok!$A$2:$C$346,3,0)-VLOOKUP(B$1,városok!$A$2:$C$346,3,0))^2)/1000,0)</f>
        <v>237</v>
      </c>
      <c r="C132">
        <f ca="1">ROUND(SQRT((VLOOKUP($A132,városok!$A$2:$C$346,2,0)-VLOOKUP(C$1,városok!$A$2:$C$346,2,0))^2+(VLOOKUP($A132,városok!$A$2:$C$346,3,0)-VLOOKUP(C$1,városok!$A$2:$C$346,3,0))^2)/1000,0)</f>
        <v>217</v>
      </c>
      <c r="D132">
        <f ca="1">ROUND(SQRT((VLOOKUP($A132,városok!$A$2:$C$346,2,0)-VLOOKUP(D$1,városok!$A$2:$C$346,2,0))^2+(VLOOKUP($A132,városok!$A$2:$C$346,3,0)-VLOOKUP(D$1,városok!$A$2:$C$346,3,0))^2)/1000,0)</f>
        <v>150</v>
      </c>
      <c r="E132">
        <f ca="1">ROUND(SQRT((VLOOKUP($A132,városok!$A$2:$C$346,2,0)-VLOOKUP(E$1,városok!$A$2:$C$346,2,0))^2+(VLOOKUP($A132,városok!$A$2:$C$346,3,0)-VLOOKUP(E$1,városok!$A$2:$C$346,3,0))^2)/1000,0)</f>
        <v>283</v>
      </c>
      <c r="F132">
        <f ca="1">ROUND(SQRT((VLOOKUP($A132,városok!$A$2:$C$346,2,0)-VLOOKUP(F$1,városok!$A$2:$C$346,2,0))^2+(VLOOKUP($A132,városok!$A$2:$C$346,3,0)-VLOOKUP(F$1,városok!$A$2:$C$346,3,0))^2)/1000,0)</f>
        <v>267</v>
      </c>
      <c r="G132">
        <f ca="1">ROUND(SQRT((VLOOKUP($A132,városok!$A$2:$C$346,2,0)-VLOOKUP(G$1,városok!$A$2:$C$346,2,0))^2+(VLOOKUP($A132,városok!$A$2:$C$346,3,0)-VLOOKUP(G$1,városok!$A$2:$C$346,3,0))^2)/1000,0)</f>
        <v>290</v>
      </c>
      <c r="H132">
        <f ca="1">ROUND(SQRT((VLOOKUP($A132,városok!$A$2:$C$346,2,0)-VLOOKUP(H$1,városok!$A$2:$C$346,2,0))^2+(VLOOKUP($A132,városok!$A$2:$C$346,3,0)-VLOOKUP(H$1,városok!$A$2:$C$346,3,0))^2)/1000,0)</f>
        <v>322</v>
      </c>
      <c r="I132">
        <f ca="1">ROUND(SQRT((VLOOKUP($A132,városok!$A$2:$C$346,2,0)-VLOOKUP(I$1,városok!$A$2:$C$346,2,0))^2+(VLOOKUP($A132,városok!$A$2:$C$346,3,0)-VLOOKUP(I$1,városok!$A$2:$C$346,3,0))^2)/1000,0)</f>
        <v>84</v>
      </c>
      <c r="J132">
        <f ca="1">ROUND(SQRT((VLOOKUP($A132,városok!$A$2:$C$346,2,0)-VLOOKUP(J$1,városok!$A$2:$C$346,2,0))^2+(VLOOKUP($A132,városok!$A$2:$C$346,3,0)-VLOOKUP(J$1,városok!$A$2:$C$346,3,0))^2)/1000,0)</f>
        <v>82</v>
      </c>
      <c r="K132">
        <f ca="1">ROUND(SQRT((VLOOKUP($A132,városok!$A$2:$C$346,2,0)-VLOOKUP(K$1,városok!$A$2:$C$346,2,0))^2+(VLOOKUP($A132,városok!$A$2:$C$346,3,0)-VLOOKUP(K$1,városok!$A$2:$C$346,3,0))^2)/1000,0)</f>
        <v>111</v>
      </c>
      <c r="L132">
        <f ca="1">ROUND(SQRT((VLOOKUP($A132,városok!$A$2:$C$346,2,0)-VLOOKUP(L$1,városok!$A$2:$C$346,2,0))^2+(VLOOKUP($A132,városok!$A$2:$C$346,3,0)-VLOOKUP(L$1,városok!$A$2:$C$346,3,0))^2)/1000,0)</f>
        <v>122</v>
      </c>
      <c r="M132">
        <f ca="1">ROUND(SQRT((VLOOKUP($A132,városok!$A$2:$C$346,2,0)-VLOOKUP(M$1,városok!$A$2:$C$346,2,0))^2+(VLOOKUP($A132,városok!$A$2:$C$346,3,0)-VLOOKUP(M$1,városok!$A$2:$C$346,3,0))^2)/1000,0)</f>
        <v>101</v>
      </c>
      <c r="N132">
        <f ca="1">ROUND(SQRT((VLOOKUP($A132,városok!$A$2:$C$346,2,0)-VLOOKUP(N$1,városok!$A$2:$C$346,2,0))^2+(VLOOKUP($A132,városok!$A$2:$C$346,3,0)-VLOOKUP(N$1,városok!$A$2:$C$346,3,0))^2)/1000,0)</f>
        <v>136</v>
      </c>
      <c r="O132">
        <f ca="1">ROUND(SQRT((VLOOKUP($A132,városok!$A$2:$C$346,2,0)-VLOOKUP(O$1,városok!$A$2:$C$346,2,0))^2+(VLOOKUP($A132,városok!$A$2:$C$346,3,0)-VLOOKUP(O$1,városok!$A$2:$C$346,3,0))^2)/1000,0)</f>
        <v>116</v>
      </c>
      <c r="P132">
        <f ca="1">ROUND(SQRT((VLOOKUP($A132,városok!$A$2:$C$346,2,0)-VLOOKUP(P$1,városok!$A$2:$C$346,2,0))^2+(VLOOKUP($A132,városok!$A$2:$C$346,3,0)-VLOOKUP(P$1,városok!$A$2:$C$346,3,0))^2)/1000,0)</f>
        <v>117</v>
      </c>
      <c r="Q132">
        <f ca="1">ROUND(SQRT((VLOOKUP($A132,városok!$A$2:$C$346,2,0)-VLOOKUP(Q$1,városok!$A$2:$C$346,2,0))^2+(VLOOKUP($A132,városok!$A$2:$C$346,3,0)-VLOOKUP(Q$1,városok!$A$2:$C$346,3,0))^2)/1000,0)</f>
        <v>140</v>
      </c>
      <c r="R132">
        <f ca="1">ROUND(SQRT((VLOOKUP($A132,városok!$A$2:$C$346,2,0)-VLOOKUP(R$1,városok!$A$2:$C$346,2,0))^2+(VLOOKUP($A132,városok!$A$2:$C$346,3,0)-VLOOKUP(R$1,városok!$A$2:$C$346,3,0))^2)/1000,0)</f>
        <v>151</v>
      </c>
      <c r="S132">
        <f ca="1">ROUND(SQRT((VLOOKUP($A132,városok!$A$2:$C$346,2,0)-VLOOKUP(S$1,városok!$A$2:$C$346,2,0))^2+(VLOOKUP($A132,városok!$A$2:$C$346,3,0)-VLOOKUP(S$1,városok!$A$2:$C$346,3,0))^2)/1000,0)</f>
        <v>163</v>
      </c>
      <c r="T132">
        <f ca="1">ROUND(SQRT((VLOOKUP($A132,városok!$A$2:$C$346,2,0)-VLOOKUP(T$1,városok!$A$2:$C$346,2,0))^2+(VLOOKUP($A132,városok!$A$2:$C$346,3,0)-VLOOKUP(T$1,városok!$A$2:$C$346,3,0))^2)/1000,0)</f>
        <v>221</v>
      </c>
      <c r="U132">
        <f ca="1">ROUND(SQRT((VLOOKUP($A132,városok!$A$2:$C$346,2,0)-VLOOKUP(U$1,városok!$A$2:$C$346,2,0))^2+(VLOOKUP($A132,városok!$A$2:$C$346,3,0)-VLOOKUP(U$1,városok!$A$2:$C$346,3,0))^2)/1000,0)</f>
        <v>204</v>
      </c>
      <c r="V132">
        <f ca="1">ROUND(SQRT((VLOOKUP($A132,városok!$A$2:$C$346,2,0)-VLOOKUP(V$1,városok!$A$2:$C$346,2,0))^2+(VLOOKUP($A132,városok!$A$2:$C$346,3,0)-VLOOKUP(V$1,városok!$A$2:$C$346,3,0))^2)/1000,0)</f>
        <v>249</v>
      </c>
      <c r="W132">
        <f ca="1">ROUND(SQRT((VLOOKUP($A132,városok!$A$2:$C$346,2,0)-VLOOKUP(W$1,városok!$A$2:$C$346,2,0))^2+(VLOOKUP($A132,városok!$A$2:$C$346,3,0)-VLOOKUP(W$1,városok!$A$2:$C$346,3,0))^2)/1000,0)</f>
        <v>229</v>
      </c>
      <c r="X132">
        <f ca="1">ROUND(SQRT((VLOOKUP($A132,városok!$A$2:$C$346,2,0)-VLOOKUP(X$1,városok!$A$2:$C$346,2,0))^2+(VLOOKUP($A132,városok!$A$2:$C$346,3,0)-VLOOKUP(X$1,városok!$A$2:$C$346,3,0))^2)/1000,0)</f>
        <v>244</v>
      </c>
      <c r="Y132">
        <f ca="1">ROUND(SQRT((VLOOKUP($A132,városok!$A$2:$C$346,2,0)-VLOOKUP(Y$1,városok!$A$2:$C$346,2,0))^2+(VLOOKUP($A132,városok!$A$2:$C$346,3,0)-VLOOKUP(Y$1,városok!$A$2:$C$346,3,0))^2)/1000,0)</f>
        <v>298</v>
      </c>
      <c r="Z132">
        <f ca="1">ROUND(SQRT((VLOOKUP($A132,városok!$A$2:$C$346,2,0)-VLOOKUP(Z$1,városok!$A$2:$C$346,2,0))^2+(VLOOKUP($A132,városok!$A$2:$C$346,3,0)-VLOOKUP(Z$1,városok!$A$2:$C$346,3,0))^2)/1000,0)</f>
        <v>317</v>
      </c>
      <c r="AA132">
        <f ca="1">ROUND(SQRT((VLOOKUP($A132,városok!$A$2:$C$346,2,0)-VLOOKUP(AA$1,városok!$A$2:$C$346,2,0))^2+(VLOOKUP($A132,városok!$A$2:$C$346,3,0)-VLOOKUP(AA$1,városok!$A$2:$C$346,3,0))^2)/1000,0)</f>
        <v>377</v>
      </c>
      <c r="AB132">
        <f ca="1">ROUND(SQRT((VLOOKUP($A132,városok!$A$2:$C$346,2,0)-VLOOKUP(AB$1,városok!$A$2:$C$346,2,0))^2+(VLOOKUP($A132,városok!$A$2:$C$346,3,0)-VLOOKUP(AB$1,városok!$A$2:$C$346,3,0))^2)/1000,0)</f>
        <v>20</v>
      </c>
      <c r="AC132">
        <f ca="1">ROUND(SQRT((VLOOKUP($A132,városok!$A$2:$C$346,2,0)-VLOOKUP(AC$1,városok!$A$2:$C$346,2,0))^2+(VLOOKUP($A132,városok!$A$2:$C$346,3,0)-VLOOKUP(AC$1,városok!$A$2:$C$346,3,0))^2)/1000,0)</f>
        <v>16</v>
      </c>
      <c r="AD132">
        <f ca="1">ROUND(SQRT((VLOOKUP($A132,városok!$A$2:$C$346,2,0)-VLOOKUP(AD$1,városok!$A$2:$C$346,2,0))^2+(VLOOKUP($A132,városok!$A$2:$C$346,3,0)-VLOOKUP(AD$1,városok!$A$2:$C$346,3,0))^2)/1000,0)</f>
        <v>31</v>
      </c>
      <c r="AE132">
        <f ca="1">ROUND(SQRT((VLOOKUP($A132,városok!$A$2:$C$346,2,0)-VLOOKUP(AE$1,városok!$A$2:$C$346,2,0))^2+(VLOOKUP($A132,városok!$A$2:$C$346,3,0)-VLOOKUP(AE$1,városok!$A$2:$C$346,3,0))^2)/1000,0)</f>
        <v>31</v>
      </c>
      <c r="AF132">
        <f ca="1">ROUND(SQRT((VLOOKUP($A132,városok!$A$2:$C$346,2,0)-VLOOKUP(AF$1,városok!$A$2:$C$346,2,0))^2+(VLOOKUP($A132,városok!$A$2:$C$346,3,0)-VLOOKUP(AF$1,városok!$A$2:$C$346,3,0))^2)/1000,0)</f>
        <v>108</v>
      </c>
      <c r="AG132">
        <f ca="1">ROUND(SQRT((VLOOKUP($A132,városok!$A$2:$C$346,2,0)-VLOOKUP(AG$1,városok!$A$2:$C$346,2,0))^2+(VLOOKUP($A132,városok!$A$2:$C$346,3,0)-VLOOKUP(AG$1,városok!$A$2:$C$346,3,0))^2)/1000,0)</f>
        <v>132</v>
      </c>
      <c r="AH132">
        <f ca="1">ROUND(SQRT((VLOOKUP($A132,városok!$A$2:$C$346,2,0)-VLOOKUP(AH$1,városok!$A$2:$C$346,2,0))^2+(VLOOKUP($A132,városok!$A$2:$C$346,3,0)-VLOOKUP(AH$1,városok!$A$2:$C$346,3,0))^2)/1000,0)</f>
        <v>146</v>
      </c>
      <c r="AI132">
        <f ca="1">ROUND(SQRT((VLOOKUP($A132,városok!$A$2:$C$346,2,0)-VLOOKUP(AI$1,városok!$A$2:$C$346,2,0))^2+(VLOOKUP($A132,városok!$A$2:$C$346,3,0)-VLOOKUP(AI$1,városok!$A$2:$C$346,3,0))^2)/1000,0)</f>
        <v>133</v>
      </c>
      <c r="AJ132">
        <f ca="1">ROUND(SQRT((VLOOKUP($A132,városok!$A$2:$C$346,2,0)-VLOOKUP(AJ$1,városok!$A$2:$C$346,2,0))^2+(VLOOKUP($A132,városok!$A$2:$C$346,3,0)-VLOOKUP(AJ$1,városok!$A$2:$C$346,3,0))^2)/1000,0)</f>
        <v>124</v>
      </c>
      <c r="AK132">
        <f ca="1">ROUND(SQRT((VLOOKUP($A132,városok!$A$2:$C$346,2,0)-VLOOKUP(AK$1,városok!$A$2:$C$346,2,0))^2+(VLOOKUP($A132,városok!$A$2:$C$346,3,0)-VLOOKUP(AK$1,városok!$A$2:$C$346,3,0))^2)/1000,0)</f>
        <v>45</v>
      </c>
      <c r="AL132">
        <f ca="1">ROUND(SQRT((VLOOKUP($A132,városok!$A$2:$C$346,2,0)-VLOOKUP(AL$1,városok!$A$2:$C$346,2,0))^2+(VLOOKUP($A132,városok!$A$2:$C$346,3,0)-VLOOKUP(AL$1,városok!$A$2:$C$346,3,0))^2)/1000,0)</f>
        <v>70</v>
      </c>
      <c r="AM132">
        <f ca="1">ROUND(SQRT((VLOOKUP($A132,városok!$A$2:$C$346,2,0)-VLOOKUP(AM$1,városok!$A$2:$C$346,2,0))^2+(VLOOKUP($A132,városok!$A$2:$C$346,3,0)-VLOOKUP(AM$1,városok!$A$2:$C$346,3,0))^2)/1000,0)</f>
        <v>106</v>
      </c>
      <c r="AN132">
        <f ca="1">ROUND(SQRT((VLOOKUP($A132,városok!$A$2:$C$346,2,0)-VLOOKUP(AN$1,városok!$A$2:$C$346,2,0))^2+(VLOOKUP($A132,városok!$A$2:$C$346,3,0)-VLOOKUP(AN$1,városok!$A$2:$C$346,3,0))^2)/1000,0)</f>
        <v>217</v>
      </c>
      <c r="AO132">
        <f ca="1">ROUND(SQRT((VLOOKUP($A132,városok!$A$2:$C$346,2,0)-VLOOKUP(AO$1,városok!$A$2:$C$346,2,0))^2+(VLOOKUP($A132,városok!$A$2:$C$346,3,0)-VLOOKUP(AO$1,városok!$A$2:$C$346,3,0))^2)/1000,0)</f>
        <v>262</v>
      </c>
      <c r="AP132">
        <f ca="1">ROUND(SQRT((VLOOKUP($A132,városok!$A$2:$C$346,2,0)-VLOOKUP(AP$1,városok!$A$2:$C$346,2,0))^2+(VLOOKUP($A132,városok!$A$2:$C$346,3,0)-VLOOKUP(AP$1,városok!$A$2:$C$346,3,0))^2)/1000,0)</f>
        <v>245</v>
      </c>
      <c r="AQ132">
        <f ca="1">ROUND(SQRT((VLOOKUP($A132,városok!$A$2:$C$346,2,0)-VLOOKUP(AQ$1,városok!$A$2:$C$346,2,0))^2+(VLOOKUP($A132,városok!$A$2:$C$346,3,0)-VLOOKUP(AQ$1,városok!$A$2:$C$346,3,0))^2)/1000,0)</f>
        <v>239</v>
      </c>
      <c r="AR132">
        <f ca="1">ROUND(SQRT((VLOOKUP($A132,városok!$A$2:$C$346,2,0)-VLOOKUP(AR$1,városok!$A$2:$C$346,2,0))^2+(VLOOKUP($A132,városok!$A$2:$C$346,3,0)-VLOOKUP(AR$1,városok!$A$2:$C$346,3,0))^2)/1000,0)</f>
        <v>154</v>
      </c>
      <c r="AS132">
        <f ca="1">ROUND(SQRT((VLOOKUP($A132,városok!$A$2:$C$346,2,0)-VLOOKUP(AS$1,városok!$A$2:$C$346,2,0))^2+(VLOOKUP($A132,városok!$A$2:$C$346,3,0)-VLOOKUP(AS$1,városok!$A$2:$C$346,3,0))^2)/1000,0)</f>
        <v>156</v>
      </c>
      <c r="AT132">
        <f ca="1">ROUND(SQRT((VLOOKUP($A132,városok!$A$2:$C$346,2,0)-VLOOKUP(AT$1,városok!$A$2:$C$346,2,0))^2+(VLOOKUP($A132,városok!$A$2:$C$346,3,0)-VLOOKUP(AT$1,városok!$A$2:$C$346,3,0))^2)/1000,0)</f>
        <v>207</v>
      </c>
      <c r="AU132">
        <f ca="1">ROUND(SQRT((VLOOKUP($A132,városok!$A$2:$C$346,2,0)-VLOOKUP(AU$1,városok!$A$2:$C$346,2,0))^2+(VLOOKUP($A132,városok!$A$2:$C$346,3,0)-VLOOKUP(AU$1,városok!$A$2:$C$346,3,0))^2)/1000,0)</f>
        <v>196</v>
      </c>
      <c r="AV132">
        <f ca="1">ROUND(SQRT((VLOOKUP($A132,városok!$A$2:$C$346,2,0)-VLOOKUP(AV$1,városok!$A$2:$C$346,2,0))^2+(VLOOKUP($A132,városok!$A$2:$C$346,3,0)-VLOOKUP(AV$1,városok!$A$2:$C$346,3,0))^2)/1000,0)</f>
        <v>197</v>
      </c>
      <c r="AW132">
        <f ca="1">ROUND(SQRT((VLOOKUP($A132,városok!$A$2:$C$346,2,0)-VLOOKUP(AW$1,városok!$A$2:$C$346,2,0))^2+(VLOOKUP($A132,városok!$A$2:$C$346,3,0)-VLOOKUP(AW$1,városok!$A$2:$C$346,3,0))^2)/1000,0)</f>
        <v>200</v>
      </c>
      <c r="AX132">
        <f ca="1">ROUND(SQRT((VLOOKUP($A132,városok!$A$2:$C$346,2,0)-VLOOKUP(AX$1,városok!$A$2:$C$346,2,0))^2+(VLOOKUP($A132,városok!$A$2:$C$346,3,0)-VLOOKUP(AX$1,városok!$A$2:$C$346,3,0))^2)/1000,0)</f>
        <v>139</v>
      </c>
      <c r="AY132">
        <f ca="1">ROUND(SQRT((VLOOKUP($A132,városok!$A$2:$C$346,2,0)-VLOOKUP(AY$1,városok!$A$2:$C$346,2,0))^2+(VLOOKUP($A132,városok!$A$2:$C$346,3,0)-VLOOKUP(AY$1,városok!$A$2:$C$346,3,0))^2)/1000,0)</f>
        <v>192</v>
      </c>
      <c r="AZ132">
        <f ca="1">ROUND(SQRT((VLOOKUP($A132,városok!$A$2:$C$346,2,0)-VLOOKUP(AZ$1,városok!$A$2:$C$346,2,0))^2+(VLOOKUP($A132,városok!$A$2:$C$346,3,0)-VLOOKUP(AZ$1,városok!$A$2:$C$346,3,0))^2)/1000,0)</f>
        <v>201</v>
      </c>
      <c r="BA132">
        <f ca="1">ROUND(SQRT((VLOOKUP($A132,városok!$A$2:$C$346,2,0)-VLOOKUP(BA$1,városok!$A$2:$C$346,2,0))^2+(VLOOKUP($A132,városok!$A$2:$C$346,3,0)-VLOOKUP(BA$1,városok!$A$2:$C$346,3,0))^2)/1000,0)</f>
        <v>300</v>
      </c>
      <c r="BB132">
        <f ca="1">ROUND(SQRT((VLOOKUP($A132,városok!$A$2:$C$346,2,0)-VLOOKUP(BB$1,városok!$A$2:$C$346,2,0))^2+(VLOOKUP($A132,városok!$A$2:$C$346,3,0)-VLOOKUP(BB$1,városok!$A$2:$C$346,3,0))^2)/1000,0)</f>
        <v>290</v>
      </c>
      <c r="BC132">
        <f ca="1">ROUND(SQRT((VLOOKUP($A132,városok!$A$2:$C$346,2,0)-VLOOKUP(BC$1,városok!$A$2:$C$346,2,0))^2+(VLOOKUP($A132,városok!$A$2:$C$346,3,0)-VLOOKUP(BC$1,városok!$A$2:$C$346,3,0))^2)/1000,0)</f>
        <v>308</v>
      </c>
      <c r="BD132">
        <f ca="1">ROUND(SQRT((VLOOKUP($A132,városok!$A$2:$C$346,2,0)-VLOOKUP(BD$1,városok!$A$2:$C$346,2,0))^2+(VLOOKUP($A132,városok!$A$2:$C$346,3,0)-VLOOKUP(BD$1,városok!$A$2:$C$346,3,0))^2)/1000,0)</f>
        <v>270</v>
      </c>
      <c r="BE132">
        <f ca="1">ROUND(SQRT((VLOOKUP($A132,városok!$A$2:$C$346,2,0)-VLOOKUP(BE$1,városok!$A$2:$C$346,2,0))^2+(VLOOKUP($A132,városok!$A$2:$C$346,3,0)-VLOOKUP(BE$1,városok!$A$2:$C$346,3,0))^2)/1000,0)</f>
        <v>99</v>
      </c>
      <c r="BF132">
        <f ca="1">ROUND(SQRT((VLOOKUP($A132,városok!$A$2:$C$346,2,0)-VLOOKUP(BF$1,városok!$A$2:$C$346,2,0))^2+(VLOOKUP($A132,városok!$A$2:$C$346,3,0)-VLOOKUP(BF$1,városok!$A$2:$C$346,3,0))^2)/1000,0)</f>
        <v>104</v>
      </c>
      <c r="BG132">
        <f ca="1">ROUND(SQRT((VLOOKUP($A132,városok!$A$2:$C$346,2,0)-VLOOKUP(BG$1,városok!$A$2:$C$346,2,0))^2+(VLOOKUP($A132,városok!$A$2:$C$346,3,0)-VLOOKUP(BG$1,városok!$A$2:$C$346,3,0))^2)/1000,0)</f>
        <v>86</v>
      </c>
      <c r="BH132">
        <f ca="1">ROUND(SQRT((VLOOKUP($A132,városok!$A$2:$C$346,2,0)-VLOOKUP(BH$1,városok!$A$2:$C$346,2,0))^2+(VLOOKUP($A132,városok!$A$2:$C$346,3,0)-VLOOKUP(BH$1,városok!$A$2:$C$346,3,0))^2)/1000,0)</f>
        <v>86</v>
      </c>
      <c r="BI132">
        <f ca="1">ROUND(SQRT((VLOOKUP($A132,városok!$A$2:$C$346,2,0)-VLOOKUP(BI$1,városok!$A$2:$C$346,2,0))^2+(VLOOKUP($A132,városok!$A$2:$C$346,3,0)-VLOOKUP(BI$1,városok!$A$2:$C$346,3,0))^2)/1000,0)</f>
        <v>248</v>
      </c>
      <c r="BJ132">
        <f ca="1">ROUND(SQRT((VLOOKUP($A132,városok!$A$2:$C$346,2,0)-VLOOKUP(BJ$1,városok!$A$2:$C$346,2,0))^2+(VLOOKUP($A132,városok!$A$2:$C$346,3,0)-VLOOKUP(BJ$1,városok!$A$2:$C$346,3,0))^2)/1000,0)</f>
        <v>265</v>
      </c>
      <c r="BK132">
        <f ca="1">ROUND(SQRT((VLOOKUP($A132,városok!$A$2:$C$346,2,0)-VLOOKUP(BK$1,városok!$A$2:$C$346,2,0))^2+(VLOOKUP($A132,városok!$A$2:$C$346,3,0)-VLOOKUP(BK$1,városok!$A$2:$C$346,3,0))^2)/1000,0)</f>
        <v>245</v>
      </c>
      <c r="BL132">
        <f ca="1">ROUND(SQRT((VLOOKUP($A132,városok!$A$2:$C$346,2,0)-VLOOKUP(BL$1,városok!$A$2:$C$346,2,0))^2+(VLOOKUP($A132,városok!$A$2:$C$346,3,0)-VLOOKUP(BL$1,városok!$A$2:$C$346,3,0))^2)/1000,0)</f>
        <v>377</v>
      </c>
      <c r="BM132">
        <f ca="1">ROUND(SQRT((VLOOKUP($A132,városok!$A$2:$C$346,2,0)-VLOOKUP(BM$1,városok!$A$2:$C$346,2,0))^2+(VLOOKUP($A132,városok!$A$2:$C$346,3,0)-VLOOKUP(BM$1,városok!$A$2:$C$346,3,0))^2)/1000,0)</f>
        <v>350</v>
      </c>
      <c r="BN132">
        <f ca="1">ROUND(SQRT((VLOOKUP($A132,városok!$A$2:$C$346,2,0)-VLOOKUP(BN$1,városok!$A$2:$C$346,2,0))^2+(VLOOKUP($A132,városok!$A$2:$C$346,3,0)-VLOOKUP(BN$1,városok!$A$2:$C$346,3,0))^2)/1000,0)</f>
        <v>374</v>
      </c>
      <c r="BO132">
        <f ca="1">ROUND(SQRT((VLOOKUP($A132,városok!$A$2:$C$346,2,0)-VLOOKUP(BO$1,városok!$A$2:$C$346,2,0))^2+(VLOOKUP($A132,városok!$A$2:$C$346,3,0)-VLOOKUP(BO$1,városok!$A$2:$C$346,3,0))^2)/1000,0)</f>
        <v>271</v>
      </c>
      <c r="BP132">
        <f ca="1">ROUND(SQRT((VLOOKUP($A132,városok!$A$2:$C$346,2,0)-VLOOKUP(BP$1,városok!$A$2:$C$346,2,0))^2+(VLOOKUP($A132,városok!$A$2:$C$346,3,0)-VLOOKUP(BP$1,városok!$A$2:$C$346,3,0))^2)/1000,0)</f>
        <v>264</v>
      </c>
      <c r="BQ132">
        <f ca="1">ROUND(SQRT((VLOOKUP($A132,városok!$A$2:$C$346,2,0)-VLOOKUP(BQ$1,városok!$A$2:$C$346,2,0))^2+(VLOOKUP($A132,városok!$A$2:$C$346,3,0)-VLOOKUP(BQ$1,városok!$A$2:$C$346,3,0))^2)/1000,0)</f>
        <v>278</v>
      </c>
      <c r="BR132">
        <f ca="1">ROUND(SQRT((VLOOKUP($A132,városok!$A$2:$C$346,2,0)-VLOOKUP(BR$1,városok!$A$2:$C$346,2,0))^2+(VLOOKUP($A132,városok!$A$2:$C$346,3,0)-VLOOKUP(BR$1,városok!$A$2:$C$346,3,0))^2)/1000,0)</f>
        <v>333</v>
      </c>
      <c r="BS132">
        <f ca="1">ROUND(SQRT((VLOOKUP($A132,városok!$A$2:$C$346,2,0)-VLOOKUP(BS$1,városok!$A$2:$C$346,2,0))^2+(VLOOKUP($A132,városok!$A$2:$C$346,3,0)-VLOOKUP(BS$1,városok!$A$2:$C$346,3,0))^2)/1000,0)</f>
        <v>362</v>
      </c>
      <c r="BT132">
        <f ca="1">ROUND(SQRT((VLOOKUP($A132,városok!$A$2:$C$346,2,0)-VLOOKUP(BT$1,városok!$A$2:$C$346,2,0))^2+(VLOOKUP($A132,városok!$A$2:$C$346,3,0)-VLOOKUP(BT$1,városok!$A$2:$C$346,3,0))^2)/1000,0)</f>
        <v>363</v>
      </c>
    </row>
    <row r="133" spans="1:72" x14ac:dyDescent="0.2">
      <c r="A133" t="str">
        <f>városok!A133</f>
        <v>Hajdúböszörmény</v>
      </c>
      <c r="B133">
        <f ca="1">ROUND(SQRT((VLOOKUP($A133,városok!$A$2:$C$346,2,0)-VLOOKUP(B$1,városok!$A$2:$C$346,2,0))^2+(VLOOKUP($A133,városok!$A$2:$C$346,3,0)-VLOOKUP(B$1,városok!$A$2:$C$346,3,0))^2)/1000,0)</f>
        <v>255</v>
      </c>
      <c r="C133">
        <f ca="1">ROUND(SQRT((VLOOKUP($A133,városok!$A$2:$C$346,2,0)-VLOOKUP(C$1,városok!$A$2:$C$346,2,0))^2+(VLOOKUP($A133,városok!$A$2:$C$346,3,0)-VLOOKUP(C$1,városok!$A$2:$C$346,3,0))^2)/1000,0)</f>
        <v>230</v>
      </c>
      <c r="D133">
        <f ca="1">ROUND(SQRT((VLOOKUP($A133,városok!$A$2:$C$346,2,0)-VLOOKUP(D$1,városok!$A$2:$C$346,2,0))^2+(VLOOKUP($A133,városok!$A$2:$C$346,3,0)-VLOOKUP(D$1,városok!$A$2:$C$346,3,0))^2)/1000,0)</f>
        <v>161</v>
      </c>
      <c r="E133">
        <f ca="1">ROUND(SQRT((VLOOKUP($A133,városok!$A$2:$C$346,2,0)-VLOOKUP(E$1,városok!$A$2:$C$346,2,0))^2+(VLOOKUP($A133,városok!$A$2:$C$346,3,0)-VLOOKUP(E$1,városok!$A$2:$C$346,3,0))^2)/1000,0)</f>
        <v>297</v>
      </c>
      <c r="F133">
        <f ca="1">ROUND(SQRT((VLOOKUP($A133,városok!$A$2:$C$346,2,0)-VLOOKUP(F$1,városok!$A$2:$C$346,2,0))^2+(VLOOKUP($A133,városok!$A$2:$C$346,3,0)-VLOOKUP(F$1,városok!$A$2:$C$346,3,0))^2)/1000,0)</f>
        <v>285</v>
      </c>
      <c r="G133">
        <f ca="1">ROUND(SQRT((VLOOKUP($A133,városok!$A$2:$C$346,2,0)-VLOOKUP(G$1,városok!$A$2:$C$346,2,0))^2+(VLOOKUP($A133,városok!$A$2:$C$346,3,0)-VLOOKUP(G$1,városok!$A$2:$C$346,3,0))^2)/1000,0)</f>
        <v>305</v>
      </c>
      <c r="H133">
        <f ca="1">ROUND(SQRT((VLOOKUP($A133,városok!$A$2:$C$346,2,0)-VLOOKUP(H$1,városok!$A$2:$C$346,2,0))^2+(VLOOKUP($A133,városok!$A$2:$C$346,3,0)-VLOOKUP(H$1,városok!$A$2:$C$346,3,0))^2)/1000,0)</f>
        <v>336</v>
      </c>
      <c r="I133">
        <f ca="1">ROUND(SQRT((VLOOKUP($A133,városok!$A$2:$C$346,2,0)-VLOOKUP(I$1,városok!$A$2:$C$346,2,0))^2+(VLOOKUP($A133,városok!$A$2:$C$346,3,0)-VLOOKUP(I$1,városok!$A$2:$C$346,3,0))^2)/1000,0)</f>
        <v>115</v>
      </c>
      <c r="J133">
        <f ca="1">ROUND(SQRT((VLOOKUP($A133,városok!$A$2:$C$346,2,0)-VLOOKUP(J$1,városok!$A$2:$C$346,2,0))^2+(VLOOKUP($A133,városok!$A$2:$C$346,3,0)-VLOOKUP(J$1,városok!$A$2:$C$346,3,0))^2)/1000,0)</f>
        <v>115</v>
      </c>
      <c r="K133">
        <f ca="1">ROUND(SQRT((VLOOKUP($A133,városok!$A$2:$C$346,2,0)-VLOOKUP(K$1,városok!$A$2:$C$346,2,0))^2+(VLOOKUP($A133,városok!$A$2:$C$346,3,0)-VLOOKUP(K$1,városok!$A$2:$C$346,3,0))^2)/1000,0)</f>
        <v>139</v>
      </c>
      <c r="L133">
        <f ca="1">ROUND(SQRT((VLOOKUP($A133,városok!$A$2:$C$346,2,0)-VLOOKUP(L$1,városok!$A$2:$C$346,2,0))^2+(VLOOKUP($A133,városok!$A$2:$C$346,3,0)-VLOOKUP(L$1,városok!$A$2:$C$346,3,0))^2)/1000,0)</f>
        <v>92</v>
      </c>
      <c r="M133">
        <f ca="1">ROUND(SQRT((VLOOKUP($A133,városok!$A$2:$C$346,2,0)-VLOOKUP(M$1,városok!$A$2:$C$346,2,0))^2+(VLOOKUP($A133,városok!$A$2:$C$346,3,0)-VLOOKUP(M$1,városok!$A$2:$C$346,3,0))^2)/1000,0)</f>
        <v>72</v>
      </c>
      <c r="N133">
        <f ca="1">ROUND(SQRT((VLOOKUP($A133,városok!$A$2:$C$346,2,0)-VLOOKUP(N$1,városok!$A$2:$C$346,2,0))^2+(VLOOKUP($A133,városok!$A$2:$C$346,3,0)-VLOOKUP(N$1,városok!$A$2:$C$346,3,0))^2)/1000,0)</f>
        <v>110</v>
      </c>
      <c r="O133">
        <f ca="1">ROUND(SQRT((VLOOKUP($A133,városok!$A$2:$C$346,2,0)-VLOOKUP(O$1,városok!$A$2:$C$346,2,0))^2+(VLOOKUP($A133,városok!$A$2:$C$346,3,0)-VLOOKUP(O$1,városok!$A$2:$C$346,3,0))^2)/1000,0)</f>
        <v>81</v>
      </c>
      <c r="P133">
        <f ca="1">ROUND(SQRT((VLOOKUP($A133,városok!$A$2:$C$346,2,0)-VLOOKUP(P$1,városok!$A$2:$C$346,2,0))^2+(VLOOKUP($A133,városok!$A$2:$C$346,3,0)-VLOOKUP(P$1,városok!$A$2:$C$346,3,0))^2)/1000,0)</f>
        <v>82</v>
      </c>
      <c r="Q133">
        <f ca="1">ROUND(SQRT((VLOOKUP($A133,városok!$A$2:$C$346,2,0)-VLOOKUP(Q$1,városok!$A$2:$C$346,2,0))^2+(VLOOKUP($A133,városok!$A$2:$C$346,3,0)-VLOOKUP(Q$1,városok!$A$2:$C$346,3,0))^2)/1000,0)</f>
        <v>166</v>
      </c>
      <c r="R133">
        <f ca="1">ROUND(SQRT((VLOOKUP($A133,városok!$A$2:$C$346,2,0)-VLOOKUP(R$1,városok!$A$2:$C$346,2,0))^2+(VLOOKUP($A133,városok!$A$2:$C$346,3,0)-VLOOKUP(R$1,városok!$A$2:$C$346,3,0))^2)/1000,0)</f>
        <v>179</v>
      </c>
      <c r="S133">
        <f ca="1">ROUND(SQRT((VLOOKUP($A133,városok!$A$2:$C$346,2,0)-VLOOKUP(S$1,városok!$A$2:$C$346,2,0))^2+(VLOOKUP($A133,városok!$A$2:$C$346,3,0)-VLOOKUP(S$1,városok!$A$2:$C$346,3,0))^2)/1000,0)</f>
        <v>189</v>
      </c>
      <c r="T133">
        <f ca="1">ROUND(SQRT((VLOOKUP($A133,városok!$A$2:$C$346,2,0)-VLOOKUP(T$1,városok!$A$2:$C$346,2,0))^2+(VLOOKUP($A133,városok!$A$2:$C$346,3,0)-VLOOKUP(T$1,városok!$A$2:$C$346,3,0))^2)/1000,0)</f>
        <v>217</v>
      </c>
      <c r="U133">
        <f ca="1">ROUND(SQRT((VLOOKUP($A133,városok!$A$2:$C$346,2,0)-VLOOKUP(U$1,városok!$A$2:$C$346,2,0))^2+(VLOOKUP($A133,városok!$A$2:$C$346,3,0)-VLOOKUP(U$1,városok!$A$2:$C$346,3,0))^2)/1000,0)</f>
        <v>210</v>
      </c>
      <c r="V133">
        <f ca="1">ROUND(SQRT((VLOOKUP($A133,városok!$A$2:$C$346,2,0)-VLOOKUP(V$1,városok!$A$2:$C$346,2,0))^2+(VLOOKUP($A133,városok!$A$2:$C$346,3,0)-VLOOKUP(V$1,városok!$A$2:$C$346,3,0))^2)/1000,0)</f>
        <v>251</v>
      </c>
      <c r="W133">
        <f ca="1">ROUND(SQRT((VLOOKUP($A133,városok!$A$2:$C$346,2,0)-VLOOKUP(W$1,városok!$A$2:$C$346,2,0))^2+(VLOOKUP($A133,városok!$A$2:$C$346,3,0)-VLOOKUP(W$1,városok!$A$2:$C$346,3,0))^2)/1000,0)</f>
        <v>235</v>
      </c>
      <c r="X133">
        <f ca="1">ROUND(SQRT((VLOOKUP($A133,városok!$A$2:$C$346,2,0)-VLOOKUP(X$1,városok!$A$2:$C$346,2,0))^2+(VLOOKUP($A133,városok!$A$2:$C$346,3,0)-VLOOKUP(X$1,városok!$A$2:$C$346,3,0))^2)/1000,0)</f>
        <v>243</v>
      </c>
      <c r="Y133">
        <f ca="1">ROUND(SQRT((VLOOKUP($A133,városok!$A$2:$C$346,2,0)-VLOOKUP(Y$1,városok!$A$2:$C$346,2,0))^2+(VLOOKUP($A133,városok!$A$2:$C$346,3,0)-VLOOKUP(Y$1,városok!$A$2:$C$346,3,0))^2)/1000,0)</f>
        <v>291</v>
      </c>
      <c r="Z133">
        <f ca="1">ROUND(SQRT((VLOOKUP($A133,városok!$A$2:$C$346,2,0)-VLOOKUP(Z$1,városok!$A$2:$C$346,2,0))^2+(VLOOKUP($A133,városok!$A$2:$C$346,3,0)-VLOOKUP(Z$1,városok!$A$2:$C$346,3,0))^2)/1000,0)</f>
        <v>309</v>
      </c>
      <c r="AA133">
        <f ca="1">ROUND(SQRT((VLOOKUP($A133,városok!$A$2:$C$346,2,0)-VLOOKUP(AA$1,városok!$A$2:$C$346,2,0))^2+(VLOOKUP($A133,városok!$A$2:$C$346,3,0)-VLOOKUP(AA$1,városok!$A$2:$C$346,3,0))^2)/1000,0)</f>
        <v>370</v>
      </c>
      <c r="AB133">
        <f ca="1">ROUND(SQRT((VLOOKUP($A133,városok!$A$2:$C$346,2,0)-VLOOKUP(AB$1,városok!$A$2:$C$346,2,0))^2+(VLOOKUP($A133,városok!$A$2:$C$346,3,0)-VLOOKUP(AB$1,városok!$A$2:$C$346,3,0))^2)/1000,0)</f>
        <v>18</v>
      </c>
      <c r="AC133">
        <f ca="1">ROUND(SQRT((VLOOKUP($A133,városok!$A$2:$C$346,2,0)-VLOOKUP(AC$1,városok!$A$2:$C$346,2,0))^2+(VLOOKUP($A133,városok!$A$2:$C$346,3,0)-VLOOKUP(AC$1,városok!$A$2:$C$346,3,0))^2)/1000,0)</f>
        <v>27</v>
      </c>
      <c r="AD133">
        <f ca="1">ROUND(SQRT((VLOOKUP($A133,városok!$A$2:$C$346,2,0)-VLOOKUP(AD$1,városok!$A$2:$C$346,2,0))^2+(VLOOKUP($A133,városok!$A$2:$C$346,3,0)-VLOOKUP(AD$1,városok!$A$2:$C$346,3,0))^2)/1000,0)</f>
        <v>38</v>
      </c>
      <c r="AE133">
        <f ca="1">ROUND(SQRT((VLOOKUP($A133,városok!$A$2:$C$346,2,0)-VLOOKUP(AE$1,városok!$A$2:$C$346,2,0))^2+(VLOOKUP($A133,városok!$A$2:$C$346,3,0)-VLOOKUP(AE$1,városok!$A$2:$C$346,3,0))^2)/1000,0)</f>
        <v>50</v>
      </c>
      <c r="AF133">
        <f ca="1">ROUND(SQRT((VLOOKUP($A133,városok!$A$2:$C$346,2,0)-VLOOKUP(AF$1,városok!$A$2:$C$346,2,0))^2+(VLOOKUP($A133,városok!$A$2:$C$346,3,0)-VLOOKUP(AF$1,városok!$A$2:$C$346,3,0))^2)/1000,0)</f>
        <v>89</v>
      </c>
      <c r="AG133">
        <f ca="1">ROUND(SQRT((VLOOKUP($A133,városok!$A$2:$C$346,2,0)-VLOOKUP(AG$1,városok!$A$2:$C$346,2,0))^2+(VLOOKUP($A133,városok!$A$2:$C$346,3,0)-VLOOKUP(AG$1,városok!$A$2:$C$346,3,0))^2)/1000,0)</f>
        <v>119</v>
      </c>
      <c r="AH133">
        <f ca="1">ROUND(SQRT((VLOOKUP($A133,városok!$A$2:$C$346,2,0)-VLOOKUP(AH$1,városok!$A$2:$C$346,2,0))^2+(VLOOKUP($A133,városok!$A$2:$C$346,3,0)-VLOOKUP(AH$1,városok!$A$2:$C$346,3,0))^2)/1000,0)</f>
        <v>138</v>
      </c>
      <c r="AI133">
        <f ca="1">ROUND(SQRT((VLOOKUP($A133,városok!$A$2:$C$346,2,0)-VLOOKUP(AI$1,városok!$A$2:$C$346,2,0))^2+(VLOOKUP($A133,városok!$A$2:$C$346,3,0)-VLOOKUP(AI$1,városok!$A$2:$C$346,3,0))^2)/1000,0)</f>
        <v>113</v>
      </c>
      <c r="AJ133">
        <f ca="1">ROUND(SQRT((VLOOKUP($A133,városok!$A$2:$C$346,2,0)-VLOOKUP(AJ$1,városok!$A$2:$C$346,2,0))^2+(VLOOKUP($A133,városok!$A$2:$C$346,3,0)-VLOOKUP(AJ$1,városok!$A$2:$C$346,3,0))^2)/1000,0)</f>
        <v>115</v>
      </c>
      <c r="AK133">
        <f ca="1">ROUND(SQRT((VLOOKUP($A133,városok!$A$2:$C$346,2,0)-VLOOKUP(AK$1,városok!$A$2:$C$346,2,0))^2+(VLOOKUP($A133,városok!$A$2:$C$346,3,0)-VLOOKUP(AK$1,városok!$A$2:$C$346,3,0))^2)/1000,0)</f>
        <v>59</v>
      </c>
      <c r="AL133">
        <f ca="1">ROUND(SQRT((VLOOKUP($A133,városok!$A$2:$C$346,2,0)-VLOOKUP(AL$1,városok!$A$2:$C$346,2,0))^2+(VLOOKUP($A133,városok!$A$2:$C$346,3,0)-VLOOKUP(AL$1,városok!$A$2:$C$346,3,0))^2)/1000,0)</f>
        <v>74</v>
      </c>
      <c r="AM133">
        <f ca="1">ROUND(SQRT((VLOOKUP($A133,városok!$A$2:$C$346,2,0)-VLOOKUP(AM$1,városok!$A$2:$C$346,2,0))^2+(VLOOKUP($A133,városok!$A$2:$C$346,3,0)-VLOOKUP(AM$1,városok!$A$2:$C$346,3,0))^2)/1000,0)</f>
        <v>114</v>
      </c>
      <c r="AN133">
        <f ca="1">ROUND(SQRT((VLOOKUP($A133,városok!$A$2:$C$346,2,0)-VLOOKUP(AN$1,városok!$A$2:$C$346,2,0))^2+(VLOOKUP($A133,városok!$A$2:$C$346,3,0)-VLOOKUP(AN$1,városok!$A$2:$C$346,3,0))^2)/1000,0)</f>
        <v>208</v>
      </c>
      <c r="AO133">
        <f ca="1">ROUND(SQRT((VLOOKUP($A133,városok!$A$2:$C$346,2,0)-VLOOKUP(AO$1,városok!$A$2:$C$346,2,0))^2+(VLOOKUP($A133,városok!$A$2:$C$346,3,0)-VLOOKUP(AO$1,városok!$A$2:$C$346,3,0))^2)/1000,0)</f>
        <v>254</v>
      </c>
      <c r="AP133">
        <f ca="1">ROUND(SQRT((VLOOKUP($A133,városok!$A$2:$C$346,2,0)-VLOOKUP(AP$1,városok!$A$2:$C$346,2,0))^2+(VLOOKUP($A133,városok!$A$2:$C$346,3,0)-VLOOKUP(AP$1,városok!$A$2:$C$346,3,0))^2)/1000,0)</f>
        <v>239</v>
      </c>
      <c r="AQ133">
        <f ca="1">ROUND(SQRT((VLOOKUP($A133,városok!$A$2:$C$346,2,0)-VLOOKUP(AQ$1,városok!$A$2:$C$346,2,0))^2+(VLOOKUP($A133,városok!$A$2:$C$346,3,0)-VLOOKUP(AQ$1,városok!$A$2:$C$346,3,0))^2)/1000,0)</f>
        <v>233</v>
      </c>
      <c r="AR133">
        <f ca="1">ROUND(SQRT((VLOOKUP($A133,városok!$A$2:$C$346,2,0)-VLOOKUP(AR$1,városok!$A$2:$C$346,2,0))^2+(VLOOKUP($A133,városok!$A$2:$C$346,3,0)-VLOOKUP(AR$1,városok!$A$2:$C$346,3,0))^2)/1000,0)</f>
        <v>139</v>
      </c>
      <c r="AS133">
        <f ca="1">ROUND(SQRT((VLOOKUP($A133,városok!$A$2:$C$346,2,0)-VLOOKUP(AS$1,városok!$A$2:$C$346,2,0))^2+(VLOOKUP($A133,városok!$A$2:$C$346,3,0)-VLOOKUP(AS$1,városok!$A$2:$C$346,3,0))^2)/1000,0)</f>
        <v>136</v>
      </c>
      <c r="AT133">
        <f ca="1">ROUND(SQRT((VLOOKUP($A133,városok!$A$2:$C$346,2,0)-VLOOKUP(AT$1,városok!$A$2:$C$346,2,0))^2+(VLOOKUP($A133,városok!$A$2:$C$346,3,0)-VLOOKUP(AT$1,városok!$A$2:$C$346,3,0))^2)/1000,0)</f>
        <v>204</v>
      </c>
      <c r="AU133">
        <f ca="1">ROUND(SQRT((VLOOKUP($A133,városok!$A$2:$C$346,2,0)-VLOOKUP(AU$1,városok!$A$2:$C$346,2,0))^2+(VLOOKUP($A133,városok!$A$2:$C$346,3,0)-VLOOKUP(AU$1,városok!$A$2:$C$346,3,0))^2)/1000,0)</f>
        <v>193</v>
      </c>
      <c r="AV133">
        <f ca="1">ROUND(SQRT((VLOOKUP($A133,városok!$A$2:$C$346,2,0)-VLOOKUP(AV$1,városok!$A$2:$C$346,2,0))^2+(VLOOKUP($A133,városok!$A$2:$C$346,3,0)-VLOOKUP(AV$1,városok!$A$2:$C$346,3,0))^2)/1000,0)</f>
        <v>195</v>
      </c>
      <c r="AW133">
        <f ca="1">ROUND(SQRT((VLOOKUP($A133,városok!$A$2:$C$346,2,0)-VLOOKUP(AW$1,városok!$A$2:$C$346,2,0))^2+(VLOOKUP($A133,városok!$A$2:$C$346,3,0)-VLOOKUP(AW$1,városok!$A$2:$C$346,3,0))^2)/1000,0)</f>
        <v>198</v>
      </c>
      <c r="AX133">
        <f ca="1">ROUND(SQRT((VLOOKUP($A133,városok!$A$2:$C$346,2,0)-VLOOKUP(AX$1,városok!$A$2:$C$346,2,0))^2+(VLOOKUP($A133,városok!$A$2:$C$346,3,0)-VLOOKUP(AX$1,városok!$A$2:$C$346,3,0))^2)/1000,0)</f>
        <v>149</v>
      </c>
      <c r="AY133">
        <f ca="1">ROUND(SQRT((VLOOKUP($A133,városok!$A$2:$C$346,2,0)-VLOOKUP(AY$1,városok!$A$2:$C$346,2,0))^2+(VLOOKUP($A133,városok!$A$2:$C$346,3,0)-VLOOKUP(AY$1,városok!$A$2:$C$346,3,0))^2)/1000,0)</f>
        <v>184</v>
      </c>
      <c r="AZ133">
        <f ca="1">ROUND(SQRT((VLOOKUP($A133,városok!$A$2:$C$346,2,0)-VLOOKUP(AZ$1,városok!$A$2:$C$346,2,0))^2+(VLOOKUP($A133,városok!$A$2:$C$346,3,0)-VLOOKUP(AZ$1,városok!$A$2:$C$346,3,0))^2)/1000,0)</f>
        <v>191</v>
      </c>
      <c r="BA133">
        <f ca="1">ROUND(SQRT((VLOOKUP($A133,városok!$A$2:$C$346,2,0)-VLOOKUP(BA$1,városok!$A$2:$C$346,2,0))^2+(VLOOKUP($A133,városok!$A$2:$C$346,3,0)-VLOOKUP(BA$1,városok!$A$2:$C$346,3,0))^2)/1000,0)</f>
        <v>305</v>
      </c>
      <c r="BB133">
        <f ca="1">ROUND(SQRT((VLOOKUP($A133,városok!$A$2:$C$346,2,0)-VLOOKUP(BB$1,városok!$A$2:$C$346,2,0))^2+(VLOOKUP($A133,városok!$A$2:$C$346,3,0)-VLOOKUP(BB$1,városok!$A$2:$C$346,3,0))^2)/1000,0)</f>
        <v>298</v>
      </c>
      <c r="BC133">
        <f ca="1">ROUND(SQRT((VLOOKUP($A133,városok!$A$2:$C$346,2,0)-VLOOKUP(BC$1,városok!$A$2:$C$346,2,0))^2+(VLOOKUP($A133,városok!$A$2:$C$346,3,0)-VLOOKUP(BC$1,városok!$A$2:$C$346,3,0))^2)/1000,0)</f>
        <v>318</v>
      </c>
      <c r="BD133">
        <f ca="1">ROUND(SQRT((VLOOKUP($A133,városok!$A$2:$C$346,2,0)-VLOOKUP(BD$1,városok!$A$2:$C$346,2,0))^2+(VLOOKUP($A133,városok!$A$2:$C$346,3,0)-VLOOKUP(BD$1,városok!$A$2:$C$346,3,0))^2)/1000,0)</f>
        <v>274</v>
      </c>
      <c r="BE133">
        <f ca="1">ROUND(SQRT((VLOOKUP($A133,városok!$A$2:$C$346,2,0)-VLOOKUP(BE$1,városok!$A$2:$C$346,2,0))^2+(VLOOKUP($A133,városok!$A$2:$C$346,3,0)-VLOOKUP(BE$1,városok!$A$2:$C$346,3,0))^2)/1000,0)</f>
        <v>89</v>
      </c>
      <c r="BF133">
        <f ca="1">ROUND(SQRT((VLOOKUP($A133,városok!$A$2:$C$346,2,0)-VLOOKUP(BF$1,városok!$A$2:$C$346,2,0))^2+(VLOOKUP($A133,városok!$A$2:$C$346,3,0)-VLOOKUP(BF$1,városok!$A$2:$C$346,3,0))^2)/1000,0)</f>
        <v>75</v>
      </c>
      <c r="BG133">
        <f ca="1">ROUND(SQRT((VLOOKUP($A133,városok!$A$2:$C$346,2,0)-VLOOKUP(BG$1,városok!$A$2:$C$346,2,0))^2+(VLOOKUP($A133,városok!$A$2:$C$346,3,0)-VLOOKUP(BG$1,városok!$A$2:$C$346,3,0))^2)/1000,0)</f>
        <v>51</v>
      </c>
      <c r="BH133">
        <f ca="1">ROUND(SQRT((VLOOKUP($A133,városok!$A$2:$C$346,2,0)-VLOOKUP(BH$1,városok!$A$2:$C$346,2,0))^2+(VLOOKUP($A133,városok!$A$2:$C$346,3,0)-VLOOKUP(BH$1,városok!$A$2:$C$346,3,0))^2)/1000,0)</f>
        <v>51</v>
      </c>
      <c r="BI133">
        <f ca="1">ROUND(SQRT((VLOOKUP($A133,városok!$A$2:$C$346,2,0)-VLOOKUP(BI$1,városok!$A$2:$C$346,2,0))^2+(VLOOKUP($A133,városok!$A$2:$C$346,3,0)-VLOOKUP(BI$1,városok!$A$2:$C$346,3,0))^2)/1000,0)</f>
        <v>261</v>
      </c>
      <c r="BJ133">
        <f ca="1">ROUND(SQRT((VLOOKUP($A133,városok!$A$2:$C$346,2,0)-VLOOKUP(BJ$1,városok!$A$2:$C$346,2,0))^2+(VLOOKUP($A133,városok!$A$2:$C$346,3,0)-VLOOKUP(BJ$1,városok!$A$2:$C$346,3,0))^2)/1000,0)</f>
        <v>278</v>
      </c>
      <c r="BK133">
        <f ca="1">ROUND(SQRT((VLOOKUP($A133,városok!$A$2:$C$346,2,0)-VLOOKUP(BK$1,városok!$A$2:$C$346,2,0))^2+(VLOOKUP($A133,városok!$A$2:$C$346,3,0)-VLOOKUP(BK$1,városok!$A$2:$C$346,3,0))^2)/1000,0)</f>
        <v>259</v>
      </c>
      <c r="BL133">
        <f ca="1">ROUND(SQRT((VLOOKUP($A133,városok!$A$2:$C$346,2,0)-VLOOKUP(BL$1,városok!$A$2:$C$346,2,0))^2+(VLOOKUP($A133,városok!$A$2:$C$346,3,0)-VLOOKUP(BL$1,városok!$A$2:$C$346,3,0))^2)/1000,0)</f>
        <v>378</v>
      </c>
      <c r="BM133">
        <f ca="1">ROUND(SQRT((VLOOKUP($A133,városok!$A$2:$C$346,2,0)-VLOOKUP(BM$1,városok!$A$2:$C$346,2,0))^2+(VLOOKUP($A133,városok!$A$2:$C$346,3,0)-VLOOKUP(BM$1,városok!$A$2:$C$346,3,0))^2)/1000,0)</f>
        <v>348</v>
      </c>
      <c r="BN133">
        <f ca="1">ROUND(SQRT((VLOOKUP($A133,városok!$A$2:$C$346,2,0)-VLOOKUP(BN$1,városok!$A$2:$C$346,2,0))^2+(VLOOKUP($A133,városok!$A$2:$C$346,3,0)-VLOOKUP(BN$1,városok!$A$2:$C$346,3,0))^2)/1000,0)</f>
        <v>371</v>
      </c>
      <c r="BO133">
        <f ca="1">ROUND(SQRT((VLOOKUP($A133,városok!$A$2:$C$346,2,0)-VLOOKUP(BO$1,városok!$A$2:$C$346,2,0))^2+(VLOOKUP($A133,városok!$A$2:$C$346,3,0)-VLOOKUP(BO$1,városok!$A$2:$C$346,3,0))^2)/1000,0)</f>
        <v>273</v>
      </c>
      <c r="BP133">
        <f ca="1">ROUND(SQRT((VLOOKUP($A133,városok!$A$2:$C$346,2,0)-VLOOKUP(BP$1,városok!$A$2:$C$346,2,0))^2+(VLOOKUP($A133,városok!$A$2:$C$346,3,0)-VLOOKUP(BP$1,városok!$A$2:$C$346,3,0))^2)/1000,0)</f>
        <v>266</v>
      </c>
      <c r="BQ133">
        <f ca="1">ROUND(SQRT((VLOOKUP($A133,városok!$A$2:$C$346,2,0)-VLOOKUP(BQ$1,városok!$A$2:$C$346,2,0))^2+(VLOOKUP($A133,városok!$A$2:$C$346,3,0)-VLOOKUP(BQ$1,városok!$A$2:$C$346,3,0))^2)/1000,0)</f>
        <v>279</v>
      </c>
      <c r="BR133">
        <f ca="1">ROUND(SQRT((VLOOKUP($A133,városok!$A$2:$C$346,2,0)-VLOOKUP(BR$1,városok!$A$2:$C$346,2,0))^2+(VLOOKUP($A133,városok!$A$2:$C$346,3,0)-VLOOKUP(BR$1,városok!$A$2:$C$346,3,0))^2)/1000,0)</f>
        <v>337</v>
      </c>
      <c r="BS133">
        <f ca="1">ROUND(SQRT((VLOOKUP($A133,városok!$A$2:$C$346,2,0)-VLOOKUP(BS$1,városok!$A$2:$C$346,2,0))^2+(VLOOKUP($A133,városok!$A$2:$C$346,3,0)-VLOOKUP(BS$1,városok!$A$2:$C$346,3,0))^2)/1000,0)</f>
        <v>369</v>
      </c>
      <c r="BT133">
        <f ca="1">ROUND(SQRT((VLOOKUP($A133,városok!$A$2:$C$346,2,0)-VLOOKUP(BT$1,városok!$A$2:$C$346,2,0))^2+(VLOOKUP($A133,városok!$A$2:$C$346,3,0)-VLOOKUP(BT$1,városok!$A$2:$C$346,3,0))^2)/1000,0)</f>
        <v>365</v>
      </c>
    </row>
    <row r="134" spans="1:72" x14ac:dyDescent="0.2">
      <c r="A134" t="str">
        <f>városok!A134</f>
        <v>Hajdúdorog</v>
      </c>
      <c r="B134">
        <f ca="1">ROUND(SQRT((VLOOKUP($A134,városok!$A$2:$C$346,2,0)-VLOOKUP(B$1,városok!$A$2:$C$346,2,0))^2+(VLOOKUP($A134,városok!$A$2:$C$346,3,0)-VLOOKUP(B$1,városok!$A$2:$C$346,3,0))^2)/1000,0)</f>
        <v>265</v>
      </c>
      <c r="C134">
        <f ca="1">ROUND(SQRT((VLOOKUP($A134,városok!$A$2:$C$346,2,0)-VLOOKUP(C$1,városok!$A$2:$C$346,2,0))^2+(VLOOKUP($A134,városok!$A$2:$C$346,3,0)-VLOOKUP(C$1,városok!$A$2:$C$346,3,0))^2)/1000,0)</f>
        <v>239</v>
      </c>
      <c r="D134">
        <f ca="1">ROUND(SQRT((VLOOKUP($A134,városok!$A$2:$C$346,2,0)-VLOOKUP(D$1,városok!$A$2:$C$346,2,0))^2+(VLOOKUP($A134,városok!$A$2:$C$346,3,0)-VLOOKUP(D$1,városok!$A$2:$C$346,3,0))^2)/1000,0)</f>
        <v>170</v>
      </c>
      <c r="E134">
        <f ca="1">ROUND(SQRT((VLOOKUP($A134,városok!$A$2:$C$346,2,0)-VLOOKUP(E$1,városok!$A$2:$C$346,2,0))^2+(VLOOKUP($A134,városok!$A$2:$C$346,3,0)-VLOOKUP(E$1,városok!$A$2:$C$346,3,0))^2)/1000,0)</f>
        <v>305</v>
      </c>
      <c r="F134">
        <f ca="1">ROUND(SQRT((VLOOKUP($A134,városok!$A$2:$C$346,2,0)-VLOOKUP(F$1,városok!$A$2:$C$346,2,0))^2+(VLOOKUP($A134,városok!$A$2:$C$346,3,0)-VLOOKUP(F$1,városok!$A$2:$C$346,3,0))^2)/1000,0)</f>
        <v>295</v>
      </c>
      <c r="G134">
        <f ca="1">ROUND(SQRT((VLOOKUP($A134,városok!$A$2:$C$346,2,0)-VLOOKUP(G$1,városok!$A$2:$C$346,2,0))^2+(VLOOKUP($A134,városok!$A$2:$C$346,3,0)-VLOOKUP(G$1,városok!$A$2:$C$346,3,0))^2)/1000,0)</f>
        <v>314</v>
      </c>
      <c r="H134">
        <f ca="1">ROUND(SQRT((VLOOKUP($A134,városok!$A$2:$C$346,2,0)-VLOOKUP(H$1,városok!$A$2:$C$346,2,0))^2+(VLOOKUP($A134,városok!$A$2:$C$346,3,0)-VLOOKUP(H$1,városok!$A$2:$C$346,3,0))^2)/1000,0)</f>
        <v>343</v>
      </c>
      <c r="I134">
        <f ca="1">ROUND(SQRT((VLOOKUP($A134,városok!$A$2:$C$346,2,0)-VLOOKUP(I$1,városok!$A$2:$C$346,2,0))^2+(VLOOKUP($A134,városok!$A$2:$C$346,3,0)-VLOOKUP(I$1,városok!$A$2:$C$346,3,0))^2)/1000,0)</f>
        <v>131</v>
      </c>
      <c r="J134">
        <f ca="1">ROUND(SQRT((VLOOKUP($A134,városok!$A$2:$C$346,2,0)-VLOOKUP(J$1,városok!$A$2:$C$346,2,0))^2+(VLOOKUP($A134,városok!$A$2:$C$346,3,0)-VLOOKUP(J$1,városok!$A$2:$C$346,3,0))^2)/1000,0)</f>
        <v>131</v>
      </c>
      <c r="K134">
        <f ca="1">ROUND(SQRT((VLOOKUP($A134,városok!$A$2:$C$346,2,0)-VLOOKUP(K$1,városok!$A$2:$C$346,2,0))^2+(VLOOKUP($A134,városok!$A$2:$C$346,3,0)-VLOOKUP(K$1,városok!$A$2:$C$346,3,0))^2)/1000,0)</f>
        <v>153</v>
      </c>
      <c r="L134">
        <f ca="1">ROUND(SQRT((VLOOKUP($A134,városok!$A$2:$C$346,2,0)-VLOOKUP(L$1,városok!$A$2:$C$346,2,0))^2+(VLOOKUP($A134,városok!$A$2:$C$346,3,0)-VLOOKUP(L$1,városok!$A$2:$C$346,3,0))^2)/1000,0)</f>
        <v>81</v>
      </c>
      <c r="M134">
        <f ca="1">ROUND(SQRT((VLOOKUP($A134,városok!$A$2:$C$346,2,0)-VLOOKUP(M$1,városok!$A$2:$C$346,2,0))^2+(VLOOKUP($A134,városok!$A$2:$C$346,3,0)-VLOOKUP(M$1,városok!$A$2:$C$346,3,0))^2)/1000,0)</f>
        <v>61</v>
      </c>
      <c r="N134">
        <f ca="1">ROUND(SQRT((VLOOKUP($A134,városok!$A$2:$C$346,2,0)-VLOOKUP(N$1,városok!$A$2:$C$346,2,0))^2+(VLOOKUP($A134,városok!$A$2:$C$346,3,0)-VLOOKUP(N$1,városok!$A$2:$C$346,3,0))^2)/1000,0)</f>
        <v>100</v>
      </c>
      <c r="O134">
        <f ca="1">ROUND(SQRT((VLOOKUP($A134,városok!$A$2:$C$346,2,0)-VLOOKUP(O$1,városok!$A$2:$C$346,2,0))^2+(VLOOKUP($A134,városok!$A$2:$C$346,3,0)-VLOOKUP(O$1,városok!$A$2:$C$346,3,0))^2)/1000,0)</f>
        <v>65</v>
      </c>
      <c r="P134">
        <f ca="1">ROUND(SQRT((VLOOKUP($A134,városok!$A$2:$C$346,2,0)-VLOOKUP(P$1,városok!$A$2:$C$346,2,0))^2+(VLOOKUP($A134,városok!$A$2:$C$346,3,0)-VLOOKUP(P$1,városok!$A$2:$C$346,3,0))^2)/1000,0)</f>
        <v>66</v>
      </c>
      <c r="Q134">
        <f ca="1">ROUND(SQRT((VLOOKUP($A134,városok!$A$2:$C$346,2,0)-VLOOKUP(Q$1,városok!$A$2:$C$346,2,0))^2+(VLOOKUP($A134,városok!$A$2:$C$346,3,0)-VLOOKUP(Q$1,városok!$A$2:$C$346,3,0))^2)/1000,0)</f>
        <v>179</v>
      </c>
      <c r="R134">
        <f ca="1">ROUND(SQRT((VLOOKUP($A134,városok!$A$2:$C$346,2,0)-VLOOKUP(R$1,városok!$A$2:$C$346,2,0))^2+(VLOOKUP($A134,városok!$A$2:$C$346,3,0)-VLOOKUP(R$1,városok!$A$2:$C$346,3,0))^2)/1000,0)</f>
        <v>194</v>
      </c>
      <c r="S134">
        <f ca="1">ROUND(SQRT((VLOOKUP($A134,városok!$A$2:$C$346,2,0)-VLOOKUP(S$1,városok!$A$2:$C$346,2,0))^2+(VLOOKUP($A134,városok!$A$2:$C$346,3,0)-VLOOKUP(S$1,városok!$A$2:$C$346,3,0))^2)/1000,0)</f>
        <v>202</v>
      </c>
      <c r="T134">
        <f ca="1">ROUND(SQRT((VLOOKUP($A134,városok!$A$2:$C$346,2,0)-VLOOKUP(T$1,városok!$A$2:$C$346,2,0))^2+(VLOOKUP($A134,városok!$A$2:$C$346,3,0)-VLOOKUP(T$1,városok!$A$2:$C$346,3,0))^2)/1000,0)</f>
        <v>218</v>
      </c>
      <c r="U134">
        <f ca="1">ROUND(SQRT((VLOOKUP($A134,városok!$A$2:$C$346,2,0)-VLOOKUP(U$1,városok!$A$2:$C$346,2,0))^2+(VLOOKUP($A134,városok!$A$2:$C$346,3,0)-VLOOKUP(U$1,városok!$A$2:$C$346,3,0))^2)/1000,0)</f>
        <v>215</v>
      </c>
      <c r="V134">
        <f ca="1">ROUND(SQRT((VLOOKUP($A134,városok!$A$2:$C$346,2,0)-VLOOKUP(V$1,városok!$A$2:$C$346,2,0))^2+(VLOOKUP($A134,városok!$A$2:$C$346,3,0)-VLOOKUP(V$1,városok!$A$2:$C$346,3,0))^2)/1000,0)</f>
        <v>255</v>
      </c>
      <c r="W134">
        <f ca="1">ROUND(SQRT((VLOOKUP($A134,városok!$A$2:$C$346,2,0)-VLOOKUP(W$1,városok!$A$2:$C$346,2,0))^2+(VLOOKUP($A134,városok!$A$2:$C$346,3,0)-VLOOKUP(W$1,városok!$A$2:$C$346,3,0))^2)/1000,0)</f>
        <v>240</v>
      </c>
      <c r="X134">
        <f ca="1">ROUND(SQRT((VLOOKUP($A134,városok!$A$2:$C$346,2,0)-VLOOKUP(X$1,városok!$A$2:$C$346,2,0))^2+(VLOOKUP($A134,városok!$A$2:$C$346,3,0)-VLOOKUP(X$1,városok!$A$2:$C$346,3,0))^2)/1000,0)</f>
        <v>245</v>
      </c>
      <c r="Y134">
        <f ca="1">ROUND(SQRT((VLOOKUP($A134,városok!$A$2:$C$346,2,0)-VLOOKUP(Y$1,városok!$A$2:$C$346,2,0))^2+(VLOOKUP($A134,városok!$A$2:$C$346,3,0)-VLOOKUP(Y$1,városok!$A$2:$C$346,3,0))^2)/1000,0)</f>
        <v>290</v>
      </c>
      <c r="Z134">
        <f ca="1">ROUND(SQRT((VLOOKUP($A134,városok!$A$2:$C$346,2,0)-VLOOKUP(Z$1,városok!$A$2:$C$346,2,0))^2+(VLOOKUP($A134,városok!$A$2:$C$346,3,0)-VLOOKUP(Z$1,városok!$A$2:$C$346,3,0))^2)/1000,0)</f>
        <v>308</v>
      </c>
      <c r="AA134">
        <f ca="1">ROUND(SQRT((VLOOKUP($A134,városok!$A$2:$C$346,2,0)-VLOOKUP(AA$1,városok!$A$2:$C$346,2,0))^2+(VLOOKUP($A134,városok!$A$2:$C$346,3,0)-VLOOKUP(AA$1,városok!$A$2:$C$346,3,0))^2)/1000,0)</f>
        <v>369</v>
      </c>
      <c r="AB134">
        <f ca="1">ROUND(SQRT((VLOOKUP($A134,városok!$A$2:$C$346,2,0)-VLOOKUP(AB$1,városok!$A$2:$C$346,2,0))^2+(VLOOKUP($A134,városok!$A$2:$C$346,3,0)-VLOOKUP(AB$1,városok!$A$2:$C$346,3,0))^2)/1000,0)</f>
        <v>34</v>
      </c>
      <c r="AC134">
        <f ca="1">ROUND(SQRT((VLOOKUP($A134,városok!$A$2:$C$346,2,0)-VLOOKUP(AC$1,városok!$A$2:$C$346,2,0))^2+(VLOOKUP($A134,városok!$A$2:$C$346,3,0)-VLOOKUP(AC$1,városok!$A$2:$C$346,3,0))^2)/1000,0)</f>
        <v>42</v>
      </c>
      <c r="AD134">
        <f ca="1">ROUND(SQRT((VLOOKUP($A134,városok!$A$2:$C$346,2,0)-VLOOKUP(AD$1,városok!$A$2:$C$346,2,0))^2+(VLOOKUP($A134,városok!$A$2:$C$346,3,0)-VLOOKUP(AD$1,városok!$A$2:$C$346,3,0))^2)/1000,0)</f>
        <v>50</v>
      </c>
      <c r="AE134">
        <f ca="1">ROUND(SQRT((VLOOKUP($A134,városok!$A$2:$C$346,2,0)-VLOOKUP(AE$1,városok!$A$2:$C$346,2,0))^2+(VLOOKUP($A134,városok!$A$2:$C$346,3,0)-VLOOKUP(AE$1,városok!$A$2:$C$346,3,0))^2)/1000,0)</f>
        <v>64</v>
      </c>
      <c r="AF134">
        <f ca="1">ROUND(SQRT((VLOOKUP($A134,városok!$A$2:$C$346,2,0)-VLOOKUP(AF$1,városok!$A$2:$C$346,2,0))^2+(VLOOKUP($A134,városok!$A$2:$C$346,3,0)-VLOOKUP(AF$1,városok!$A$2:$C$346,3,0))^2)/1000,0)</f>
        <v>84</v>
      </c>
      <c r="AG134">
        <f ca="1">ROUND(SQRT((VLOOKUP($A134,városok!$A$2:$C$346,2,0)-VLOOKUP(AG$1,városok!$A$2:$C$346,2,0))^2+(VLOOKUP($A134,városok!$A$2:$C$346,3,0)-VLOOKUP(AG$1,városok!$A$2:$C$346,3,0))^2)/1000,0)</f>
        <v>118</v>
      </c>
      <c r="AH134">
        <f ca="1">ROUND(SQRT((VLOOKUP($A134,városok!$A$2:$C$346,2,0)-VLOOKUP(AH$1,városok!$A$2:$C$346,2,0))^2+(VLOOKUP($A134,városok!$A$2:$C$346,3,0)-VLOOKUP(AH$1,városok!$A$2:$C$346,3,0))^2)/1000,0)</f>
        <v>137</v>
      </c>
      <c r="AI134">
        <f ca="1">ROUND(SQRT((VLOOKUP($A134,városok!$A$2:$C$346,2,0)-VLOOKUP(AI$1,városok!$A$2:$C$346,2,0))^2+(VLOOKUP($A134,városok!$A$2:$C$346,3,0)-VLOOKUP(AI$1,városok!$A$2:$C$346,3,0))^2)/1000,0)</f>
        <v>107</v>
      </c>
      <c r="AJ134">
        <f ca="1">ROUND(SQRT((VLOOKUP($A134,városok!$A$2:$C$346,2,0)-VLOOKUP(AJ$1,városok!$A$2:$C$346,2,0))^2+(VLOOKUP($A134,városok!$A$2:$C$346,3,0)-VLOOKUP(AJ$1,városok!$A$2:$C$346,3,0))^2)/1000,0)</f>
        <v>116</v>
      </c>
      <c r="AK134">
        <f ca="1">ROUND(SQRT((VLOOKUP($A134,városok!$A$2:$C$346,2,0)-VLOOKUP(AK$1,városok!$A$2:$C$346,2,0))^2+(VLOOKUP($A134,városok!$A$2:$C$346,3,0)-VLOOKUP(AK$1,városok!$A$2:$C$346,3,0))^2)/1000,0)</f>
        <v>71</v>
      </c>
      <c r="AL134">
        <f ca="1">ROUND(SQRT((VLOOKUP($A134,városok!$A$2:$C$346,2,0)-VLOOKUP(AL$1,városok!$A$2:$C$346,2,0))^2+(VLOOKUP($A134,városok!$A$2:$C$346,3,0)-VLOOKUP(AL$1,városok!$A$2:$C$346,3,0))^2)/1000,0)</f>
        <v>82</v>
      </c>
      <c r="AM134">
        <f ca="1">ROUND(SQRT((VLOOKUP($A134,városok!$A$2:$C$346,2,0)-VLOOKUP(AM$1,városok!$A$2:$C$346,2,0))^2+(VLOOKUP($A134,városok!$A$2:$C$346,3,0)-VLOOKUP(AM$1,városok!$A$2:$C$346,3,0))^2)/1000,0)</f>
        <v>122</v>
      </c>
      <c r="AN134">
        <f ca="1">ROUND(SQRT((VLOOKUP($A134,városok!$A$2:$C$346,2,0)-VLOOKUP(AN$1,városok!$A$2:$C$346,2,0))^2+(VLOOKUP($A134,városok!$A$2:$C$346,3,0)-VLOOKUP(AN$1,városok!$A$2:$C$346,3,0))^2)/1000,0)</f>
        <v>206</v>
      </c>
      <c r="AO134">
        <f ca="1">ROUND(SQRT((VLOOKUP($A134,városok!$A$2:$C$346,2,0)-VLOOKUP(AO$1,városok!$A$2:$C$346,2,0))^2+(VLOOKUP($A134,városok!$A$2:$C$346,3,0)-VLOOKUP(AO$1,városok!$A$2:$C$346,3,0))^2)/1000,0)</f>
        <v>253</v>
      </c>
      <c r="AP134">
        <f ca="1">ROUND(SQRT((VLOOKUP($A134,városok!$A$2:$C$346,2,0)-VLOOKUP(AP$1,városok!$A$2:$C$346,2,0))^2+(VLOOKUP($A134,városok!$A$2:$C$346,3,0)-VLOOKUP(AP$1,városok!$A$2:$C$346,3,0))^2)/1000,0)</f>
        <v>238</v>
      </c>
      <c r="AQ134">
        <f ca="1">ROUND(SQRT((VLOOKUP($A134,városok!$A$2:$C$346,2,0)-VLOOKUP(AQ$1,városok!$A$2:$C$346,2,0))^2+(VLOOKUP($A134,városok!$A$2:$C$346,3,0)-VLOOKUP(AQ$1,városok!$A$2:$C$346,3,0))^2)/1000,0)</f>
        <v>233</v>
      </c>
      <c r="AR134">
        <f ca="1">ROUND(SQRT((VLOOKUP($A134,városok!$A$2:$C$346,2,0)-VLOOKUP(AR$1,városok!$A$2:$C$346,2,0))^2+(VLOOKUP($A134,városok!$A$2:$C$346,3,0)-VLOOKUP(AR$1,városok!$A$2:$C$346,3,0))^2)/1000,0)</f>
        <v>135</v>
      </c>
      <c r="AS134">
        <f ca="1">ROUND(SQRT((VLOOKUP($A134,városok!$A$2:$C$346,2,0)-VLOOKUP(AS$1,városok!$A$2:$C$346,2,0))^2+(VLOOKUP($A134,városok!$A$2:$C$346,3,0)-VLOOKUP(AS$1,városok!$A$2:$C$346,3,0))^2)/1000,0)</f>
        <v>130</v>
      </c>
      <c r="AT134">
        <f ca="1">ROUND(SQRT((VLOOKUP($A134,városok!$A$2:$C$346,2,0)-VLOOKUP(AT$1,városok!$A$2:$C$346,2,0))^2+(VLOOKUP($A134,városok!$A$2:$C$346,3,0)-VLOOKUP(AT$1,városok!$A$2:$C$346,3,0))^2)/1000,0)</f>
        <v>205</v>
      </c>
      <c r="AU134">
        <f ca="1">ROUND(SQRT((VLOOKUP($A134,városok!$A$2:$C$346,2,0)-VLOOKUP(AU$1,városok!$A$2:$C$346,2,0))^2+(VLOOKUP($A134,városok!$A$2:$C$346,3,0)-VLOOKUP(AU$1,városok!$A$2:$C$346,3,0))^2)/1000,0)</f>
        <v>194</v>
      </c>
      <c r="AV134">
        <f ca="1">ROUND(SQRT((VLOOKUP($A134,városok!$A$2:$C$346,2,0)-VLOOKUP(AV$1,városok!$A$2:$C$346,2,0))^2+(VLOOKUP($A134,városok!$A$2:$C$346,3,0)-VLOOKUP(AV$1,városok!$A$2:$C$346,3,0))^2)/1000,0)</f>
        <v>197</v>
      </c>
      <c r="AW134">
        <f ca="1">ROUND(SQRT((VLOOKUP($A134,városok!$A$2:$C$346,2,0)-VLOOKUP(AW$1,városok!$A$2:$C$346,2,0))^2+(VLOOKUP($A134,városok!$A$2:$C$346,3,0)-VLOOKUP(AW$1,városok!$A$2:$C$346,3,0))^2)/1000,0)</f>
        <v>200</v>
      </c>
      <c r="AX134">
        <f ca="1">ROUND(SQRT((VLOOKUP($A134,városok!$A$2:$C$346,2,0)-VLOOKUP(AX$1,városok!$A$2:$C$346,2,0))^2+(VLOOKUP($A134,városok!$A$2:$C$346,3,0)-VLOOKUP(AX$1,városok!$A$2:$C$346,3,0))^2)/1000,0)</f>
        <v>156</v>
      </c>
      <c r="AY134">
        <f ca="1">ROUND(SQRT((VLOOKUP($A134,városok!$A$2:$C$346,2,0)-VLOOKUP(AY$1,városok!$A$2:$C$346,2,0))^2+(VLOOKUP($A134,városok!$A$2:$C$346,3,0)-VLOOKUP(AY$1,városok!$A$2:$C$346,3,0))^2)/1000,0)</f>
        <v>183</v>
      </c>
      <c r="AZ134">
        <f ca="1">ROUND(SQRT((VLOOKUP($A134,városok!$A$2:$C$346,2,0)-VLOOKUP(AZ$1,városok!$A$2:$C$346,2,0))^2+(VLOOKUP($A134,városok!$A$2:$C$346,3,0)-VLOOKUP(AZ$1,városok!$A$2:$C$346,3,0))^2)/1000,0)</f>
        <v>189</v>
      </c>
      <c r="BA134">
        <f ca="1">ROUND(SQRT((VLOOKUP($A134,városok!$A$2:$C$346,2,0)-VLOOKUP(BA$1,városok!$A$2:$C$346,2,0))^2+(VLOOKUP($A134,városok!$A$2:$C$346,3,0)-VLOOKUP(BA$1,városok!$A$2:$C$346,3,0))^2)/1000,0)</f>
        <v>309</v>
      </c>
      <c r="BB134">
        <f ca="1">ROUND(SQRT((VLOOKUP($A134,városok!$A$2:$C$346,2,0)-VLOOKUP(BB$1,városok!$A$2:$C$346,2,0))^2+(VLOOKUP($A134,városok!$A$2:$C$346,3,0)-VLOOKUP(BB$1,városok!$A$2:$C$346,3,0))^2)/1000,0)</f>
        <v>304</v>
      </c>
      <c r="BC134">
        <f ca="1">ROUND(SQRT((VLOOKUP($A134,városok!$A$2:$C$346,2,0)-VLOOKUP(BC$1,városok!$A$2:$C$346,2,0))^2+(VLOOKUP($A134,városok!$A$2:$C$346,3,0)-VLOOKUP(BC$1,városok!$A$2:$C$346,3,0))^2)/1000,0)</f>
        <v>324</v>
      </c>
      <c r="BD134">
        <f ca="1">ROUND(SQRT((VLOOKUP($A134,városok!$A$2:$C$346,2,0)-VLOOKUP(BD$1,városok!$A$2:$C$346,2,0))^2+(VLOOKUP($A134,városok!$A$2:$C$346,3,0)-VLOOKUP(BD$1,városok!$A$2:$C$346,3,0))^2)/1000,0)</f>
        <v>278</v>
      </c>
      <c r="BE134">
        <f ca="1">ROUND(SQRT((VLOOKUP($A134,városok!$A$2:$C$346,2,0)-VLOOKUP(BE$1,városok!$A$2:$C$346,2,0))^2+(VLOOKUP($A134,városok!$A$2:$C$346,3,0)-VLOOKUP(BE$1,városok!$A$2:$C$346,3,0))^2)/1000,0)</f>
        <v>88</v>
      </c>
      <c r="BF134">
        <f ca="1">ROUND(SQRT((VLOOKUP($A134,városok!$A$2:$C$346,2,0)-VLOOKUP(BF$1,városok!$A$2:$C$346,2,0))^2+(VLOOKUP($A134,városok!$A$2:$C$346,3,0)-VLOOKUP(BF$1,városok!$A$2:$C$346,3,0))^2)/1000,0)</f>
        <v>63</v>
      </c>
      <c r="BG134">
        <f ca="1">ROUND(SQRT((VLOOKUP($A134,városok!$A$2:$C$346,2,0)-VLOOKUP(BG$1,városok!$A$2:$C$346,2,0))^2+(VLOOKUP($A134,városok!$A$2:$C$346,3,0)-VLOOKUP(BG$1,városok!$A$2:$C$346,3,0))^2)/1000,0)</f>
        <v>34</v>
      </c>
      <c r="BH134">
        <f ca="1">ROUND(SQRT((VLOOKUP($A134,városok!$A$2:$C$346,2,0)-VLOOKUP(BH$1,városok!$A$2:$C$346,2,0))^2+(VLOOKUP($A134,városok!$A$2:$C$346,3,0)-VLOOKUP(BH$1,városok!$A$2:$C$346,3,0))^2)/1000,0)</f>
        <v>34</v>
      </c>
      <c r="BI134">
        <f ca="1">ROUND(SQRT((VLOOKUP($A134,városok!$A$2:$C$346,2,0)-VLOOKUP(BI$1,városok!$A$2:$C$346,2,0))^2+(VLOOKUP($A134,városok!$A$2:$C$346,3,0)-VLOOKUP(BI$1,városok!$A$2:$C$346,3,0))^2)/1000,0)</f>
        <v>269</v>
      </c>
      <c r="BJ134">
        <f ca="1">ROUND(SQRT((VLOOKUP($A134,városok!$A$2:$C$346,2,0)-VLOOKUP(BJ$1,városok!$A$2:$C$346,2,0))^2+(VLOOKUP($A134,városok!$A$2:$C$346,3,0)-VLOOKUP(BJ$1,városok!$A$2:$C$346,3,0))^2)/1000,0)</f>
        <v>287</v>
      </c>
      <c r="BK134">
        <f ca="1">ROUND(SQRT((VLOOKUP($A134,városok!$A$2:$C$346,2,0)-VLOOKUP(BK$1,városok!$A$2:$C$346,2,0))^2+(VLOOKUP($A134,városok!$A$2:$C$346,3,0)-VLOOKUP(BK$1,városok!$A$2:$C$346,3,0))^2)/1000,0)</f>
        <v>267</v>
      </c>
      <c r="BL134">
        <f ca="1">ROUND(SQRT((VLOOKUP($A134,városok!$A$2:$C$346,2,0)-VLOOKUP(BL$1,városok!$A$2:$C$346,2,0))^2+(VLOOKUP($A134,városok!$A$2:$C$346,3,0)-VLOOKUP(BL$1,városok!$A$2:$C$346,3,0))^2)/1000,0)</f>
        <v>380</v>
      </c>
      <c r="BM134">
        <f ca="1">ROUND(SQRT((VLOOKUP($A134,városok!$A$2:$C$346,2,0)-VLOOKUP(BM$1,városok!$A$2:$C$346,2,0))^2+(VLOOKUP($A134,városok!$A$2:$C$346,3,0)-VLOOKUP(BM$1,városok!$A$2:$C$346,3,0))^2)/1000,0)</f>
        <v>349</v>
      </c>
      <c r="BN134">
        <f ca="1">ROUND(SQRT((VLOOKUP($A134,városok!$A$2:$C$346,2,0)-VLOOKUP(BN$1,városok!$A$2:$C$346,2,0))^2+(VLOOKUP($A134,városok!$A$2:$C$346,3,0)-VLOOKUP(BN$1,városok!$A$2:$C$346,3,0))^2)/1000,0)</f>
        <v>372</v>
      </c>
      <c r="BO134">
        <f ca="1">ROUND(SQRT((VLOOKUP($A134,városok!$A$2:$C$346,2,0)-VLOOKUP(BO$1,városok!$A$2:$C$346,2,0))^2+(VLOOKUP($A134,városok!$A$2:$C$346,3,0)-VLOOKUP(BO$1,városok!$A$2:$C$346,3,0))^2)/1000,0)</f>
        <v>277</v>
      </c>
      <c r="BP134">
        <f ca="1">ROUND(SQRT((VLOOKUP($A134,városok!$A$2:$C$346,2,0)-VLOOKUP(BP$1,városok!$A$2:$C$346,2,0))^2+(VLOOKUP($A134,városok!$A$2:$C$346,3,0)-VLOOKUP(BP$1,városok!$A$2:$C$346,3,0))^2)/1000,0)</f>
        <v>270</v>
      </c>
      <c r="BQ134">
        <f ca="1">ROUND(SQRT((VLOOKUP($A134,városok!$A$2:$C$346,2,0)-VLOOKUP(BQ$1,városok!$A$2:$C$346,2,0))^2+(VLOOKUP($A134,városok!$A$2:$C$346,3,0)-VLOOKUP(BQ$1,városok!$A$2:$C$346,3,0))^2)/1000,0)</f>
        <v>282</v>
      </c>
      <c r="BR134">
        <f ca="1">ROUND(SQRT((VLOOKUP($A134,városok!$A$2:$C$346,2,0)-VLOOKUP(BR$1,városok!$A$2:$C$346,2,0))^2+(VLOOKUP($A134,városok!$A$2:$C$346,3,0)-VLOOKUP(BR$1,városok!$A$2:$C$346,3,0))^2)/1000,0)</f>
        <v>341</v>
      </c>
      <c r="BS134">
        <f ca="1">ROUND(SQRT((VLOOKUP($A134,városok!$A$2:$C$346,2,0)-VLOOKUP(BS$1,városok!$A$2:$C$346,2,0))^2+(VLOOKUP($A134,városok!$A$2:$C$346,3,0)-VLOOKUP(BS$1,városok!$A$2:$C$346,3,0))^2)/1000,0)</f>
        <v>374</v>
      </c>
      <c r="BT134">
        <f ca="1">ROUND(SQRT((VLOOKUP($A134,városok!$A$2:$C$346,2,0)-VLOOKUP(BT$1,városok!$A$2:$C$346,2,0))^2+(VLOOKUP($A134,városok!$A$2:$C$346,3,0)-VLOOKUP(BT$1,városok!$A$2:$C$346,3,0))^2)/1000,0)</f>
        <v>368</v>
      </c>
    </row>
    <row r="135" spans="1:72" x14ac:dyDescent="0.2">
      <c r="A135" t="str">
        <f>városok!A135</f>
        <v>Hajdúhadház</v>
      </c>
      <c r="B135">
        <f ca="1">ROUND(SQRT((VLOOKUP($A135,városok!$A$2:$C$346,2,0)-VLOOKUP(B$1,városok!$A$2:$C$346,2,0))^2+(VLOOKUP($A135,városok!$A$2:$C$346,3,0)-VLOOKUP(B$1,városok!$A$2:$C$346,3,0))^2)/1000,0)</f>
        <v>265</v>
      </c>
      <c r="C135">
        <f ca="1">ROUND(SQRT((VLOOKUP($A135,városok!$A$2:$C$346,2,0)-VLOOKUP(C$1,városok!$A$2:$C$346,2,0))^2+(VLOOKUP($A135,városok!$A$2:$C$346,3,0)-VLOOKUP(C$1,városok!$A$2:$C$346,3,0))^2)/1000,0)</f>
        <v>241</v>
      </c>
      <c r="D135">
        <f ca="1">ROUND(SQRT((VLOOKUP($A135,városok!$A$2:$C$346,2,0)-VLOOKUP(D$1,városok!$A$2:$C$346,2,0))^2+(VLOOKUP($A135,városok!$A$2:$C$346,3,0)-VLOOKUP(D$1,városok!$A$2:$C$346,3,0))^2)/1000,0)</f>
        <v>172</v>
      </c>
      <c r="E135">
        <f ca="1">ROUND(SQRT((VLOOKUP($A135,városok!$A$2:$C$346,2,0)-VLOOKUP(E$1,városok!$A$2:$C$346,2,0))^2+(VLOOKUP($A135,városok!$A$2:$C$346,3,0)-VLOOKUP(E$1,városok!$A$2:$C$346,3,0))^2)/1000,0)</f>
        <v>308</v>
      </c>
      <c r="F135">
        <f ca="1">ROUND(SQRT((VLOOKUP($A135,városok!$A$2:$C$346,2,0)-VLOOKUP(F$1,városok!$A$2:$C$346,2,0))^2+(VLOOKUP($A135,városok!$A$2:$C$346,3,0)-VLOOKUP(F$1,városok!$A$2:$C$346,3,0))^2)/1000,0)</f>
        <v>295</v>
      </c>
      <c r="G135">
        <f ca="1">ROUND(SQRT((VLOOKUP($A135,városok!$A$2:$C$346,2,0)-VLOOKUP(G$1,városok!$A$2:$C$346,2,0))^2+(VLOOKUP($A135,városok!$A$2:$C$346,3,0)-VLOOKUP(G$1,városok!$A$2:$C$346,3,0))^2)/1000,0)</f>
        <v>316</v>
      </c>
      <c r="H135">
        <f ca="1">ROUND(SQRT((VLOOKUP($A135,városok!$A$2:$C$346,2,0)-VLOOKUP(H$1,városok!$A$2:$C$346,2,0))^2+(VLOOKUP($A135,városok!$A$2:$C$346,3,0)-VLOOKUP(H$1,városok!$A$2:$C$346,3,0))^2)/1000,0)</f>
        <v>346</v>
      </c>
      <c r="I135">
        <f ca="1">ROUND(SQRT((VLOOKUP($A135,városok!$A$2:$C$346,2,0)-VLOOKUP(I$1,városok!$A$2:$C$346,2,0))^2+(VLOOKUP($A135,városok!$A$2:$C$346,3,0)-VLOOKUP(I$1,városok!$A$2:$C$346,3,0))^2)/1000,0)</f>
        <v>120</v>
      </c>
      <c r="J135">
        <f ca="1">ROUND(SQRT((VLOOKUP($A135,városok!$A$2:$C$346,2,0)-VLOOKUP(J$1,városok!$A$2:$C$346,2,0))^2+(VLOOKUP($A135,városok!$A$2:$C$346,3,0)-VLOOKUP(J$1,városok!$A$2:$C$346,3,0))^2)/1000,0)</f>
        <v>119</v>
      </c>
      <c r="K135">
        <f ca="1">ROUND(SQRT((VLOOKUP($A135,városok!$A$2:$C$346,2,0)-VLOOKUP(K$1,városok!$A$2:$C$346,2,0))^2+(VLOOKUP($A135,városok!$A$2:$C$346,3,0)-VLOOKUP(K$1,városok!$A$2:$C$346,3,0))^2)/1000,0)</f>
        <v>146</v>
      </c>
      <c r="L135">
        <f ca="1">ROUND(SQRT((VLOOKUP($A135,városok!$A$2:$C$346,2,0)-VLOOKUP(L$1,városok!$A$2:$C$346,2,0))^2+(VLOOKUP($A135,városok!$A$2:$C$346,3,0)-VLOOKUP(L$1,városok!$A$2:$C$346,3,0))^2)/1000,0)</f>
        <v>100</v>
      </c>
      <c r="M135">
        <f ca="1">ROUND(SQRT((VLOOKUP($A135,városok!$A$2:$C$346,2,0)-VLOOKUP(M$1,városok!$A$2:$C$346,2,0))^2+(VLOOKUP($A135,városok!$A$2:$C$346,3,0)-VLOOKUP(M$1,városok!$A$2:$C$346,3,0))^2)/1000,0)</f>
        <v>80</v>
      </c>
      <c r="N135">
        <f ca="1">ROUND(SQRT((VLOOKUP($A135,városok!$A$2:$C$346,2,0)-VLOOKUP(N$1,városok!$A$2:$C$346,2,0))^2+(VLOOKUP($A135,városok!$A$2:$C$346,3,0)-VLOOKUP(N$1,városok!$A$2:$C$346,3,0))^2)/1000,0)</f>
        <v>119</v>
      </c>
      <c r="O135">
        <f ca="1">ROUND(SQRT((VLOOKUP($A135,városok!$A$2:$C$346,2,0)-VLOOKUP(O$1,városok!$A$2:$C$346,2,0))^2+(VLOOKUP($A135,városok!$A$2:$C$346,3,0)-VLOOKUP(O$1,városok!$A$2:$C$346,3,0))^2)/1000,0)</f>
        <v>79</v>
      </c>
      <c r="P135">
        <f ca="1">ROUND(SQRT((VLOOKUP($A135,városok!$A$2:$C$346,2,0)-VLOOKUP(P$1,városok!$A$2:$C$346,2,0))^2+(VLOOKUP($A135,városok!$A$2:$C$346,3,0)-VLOOKUP(P$1,városok!$A$2:$C$346,3,0))^2)/1000,0)</f>
        <v>80</v>
      </c>
      <c r="Q135">
        <f ca="1">ROUND(SQRT((VLOOKUP($A135,városok!$A$2:$C$346,2,0)-VLOOKUP(Q$1,városok!$A$2:$C$346,2,0))^2+(VLOOKUP($A135,városok!$A$2:$C$346,3,0)-VLOOKUP(Q$1,városok!$A$2:$C$346,3,0))^2)/1000,0)</f>
        <v>174</v>
      </c>
      <c r="R135">
        <f ca="1">ROUND(SQRT((VLOOKUP($A135,városok!$A$2:$C$346,2,0)-VLOOKUP(R$1,városok!$A$2:$C$346,2,0))^2+(VLOOKUP($A135,városok!$A$2:$C$346,3,0)-VLOOKUP(R$1,városok!$A$2:$C$346,3,0))^2)/1000,0)</f>
        <v>186</v>
      </c>
      <c r="S135">
        <f ca="1">ROUND(SQRT((VLOOKUP($A135,városok!$A$2:$C$346,2,0)-VLOOKUP(S$1,városok!$A$2:$C$346,2,0))^2+(VLOOKUP($A135,városok!$A$2:$C$346,3,0)-VLOOKUP(S$1,városok!$A$2:$C$346,3,0))^2)/1000,0)</f>
        <v>196</v>
      </c>
      <c r="T135">
        <f ca="1">ROUND(SQRT((VLOOKUP($A135,városok!$A$2:$C$346,2,0)-VLOOKUP(T$1,városok!$A$2:$C$346,2,0))^2+(VLOOKUP($A135,városok!$A$2:$C$346,3,0)-VLOOKUP(T$1,városok!$A$2:$C$346,3,0))^2)/1000,0)</f>
        <v>229</v>
      </c>
      <c r="U135">
        <f ca="1">ROUND(SQRT((VLOOKUP($A135,városok!$A$2:$C$346,2,0)-VLOOKUP(U$1,városok!$A$2:$C$346,2,0))^2+(VLOOKUP($A135,városok!$A$2:$C$346,3,0)-VLOOKUP(U$1,városok!$A$2:$C$346,3,0))^2)/1000,0)</f>
        <v>221</v>
      </c>
      <c r="V135">
        <f ca="1">ROUND(SQRT((VLOOKUP($A135,városok!$A$2:$C$346,2,0)-VLOOKUP(V$1,városok!$A$2:$C$346,2,0))^2+(VLOOKUP($A135,városok!$A$2:$C$346,3,0)-VLOOKUP(V$1,városok!$A$2:$C$346,3,0))^2)/1000,0)</f>
        <v>263</v>
      </c>
      <c r="W135">
        <f ca="1">ROUND(SQRT((VLOOKUP($A135,városok!$A$2:$C$346,2,0)-VLOOKUP(W$1,városok!$A$2:$C$346,2,0))^2+(VLOOKUP($A135,városok!$A$2:$C$346,3,0)-VLOOKUP(W$1,városok!$A$2:$C$346,3,0))^2)/1000,0)</f>
        <v>247</v>
      </c>
      <c r="X135">
        <f ca="1">ROUND(SQRT((VLOOKUP($A135,városok!$A$2:$C$346,2,0)-VLOOKUP(X$1,városok!$A$2:$C$346,2,0))^2+(VLOOKUP($A135,városok!$A$2:$C$346,3,0)-VLOOKUP(X$1,városok!$A$2:$C$346,3,0))^2)/1000,0)</f>
        <v>255</v>
      </c>
      <c r="Y135">
        <f ca="1">ROUND(SQRT((VLOOKUP($A135,városok!$A$2:$C$346,2,0)-VLOOKUP(Y$1,városok!$A$2:$C$346,2,0))^2+(VLOOKUP($A135,városok!$A$2:$C$346,3,0)-VLOOKUP(Y$1,városok!$A$2:$C$346,3,0))^2)/1000,0)</f>
        <v>303</v>
      </c>
      <c r="Z135">
        <f ca="1">ROUND(SQRT((VLOOKUP($A135,városok!$A$2:$C$346,2,0)-VLOOKUP(Z$1,városok!$A$2:$C$346,2,0))^2+(VLOOKUP($A135,városok!$A$2:$C$346,3,0)-VLOOKUP(Z$1,városok!$A$2:$C$346,3,0))^2)/1000,0)</f>
        <v>321</v>
      </c>
      <c r="AA135">
        <f ca="1">ROUND(SQRT((VLOOKUP($A135,városok!$A$2:$C$346,2,0)-VLOOKUP(AA$1,városok!$A$2:$C$346,2,0))^2+(VLOOKUP($A135,városok!$A$2:$C$346,3,0)-VLOOKUP(AA$1,városok!$A$2:$C$346,3,0))^2)/1000,0)</f>
        <v>381</v>
      </c>
      <c r="AB135">
        <f ca="1">ROUND(SQRT((VLOOKUP($A135,városok!$A$2:$C$346,2,0)-VLOOKUP(AB$1,városok!$A$2:$C$346,2,0))^2+(VLOOKUP($A135,városok!$A$2:$C$346,3,0)-VLOOKUP(AB$1,városok!$A$2:$C$346,3,0))^2)/1000,0)</f>
        <v>17</v>
      </c>
      <c r="AC135">
        <f ca="1">ROUND(SQRT((VLOOKUP($A135,városok!$A$2:$C$346,2,0)-VLOOKUP(AC$1,városok!$A$2:$C$346,2,0))^2+(VLOOKUP($A135,városok!$A$2:$C$346,3,0)-VLOOKUP(AC$1,városok!$A$2:$C$346,3,0))^2)/1000,0)</f>
        <v>33</v>
      </c>
      <c r="AD135">
        <f ca="1">ROUND(SQRT((VLOOKUP($A135,városok!$A$2:$C$346,2,0)-VLOOKUP(AD$1,városok!$A$2:$C$346,2,0))^2+(VLOOKUP($A135,városok!$A$2:$C$346,3,0)-VLOOKUP(AD$1,városok!$A$2:$C$346,3,0))^2)/1000,0)</f>
        <v>47</v>
      </c>
      <c r="AE135">
        <f ca="1">ROUND(SQRT((VLOOKUP($A135,városok!$A$2:$C$346,2,0)-VLOOKUP(AE$1,városok!$A$2:$C$346,2,0))^2+(VLOOKUP($A135,városok!$A$2:$C$346,3,0)-VLOOKUP(AE$1,városok!$A$2:$C$346,3,0))^2)/1000,0)</f>
        <v>58</v>
      </c>
      <c r="AF135">
        <f ca="1">ROUND(SQRT((VLOOKUP($A135,városok!$A$2:$C$346,2,0)-VLOOKUP(AF$1,városok!$A$2:$C$346,2,0))^2+(VLOOKUP($A135,városok!$A$2:$C$346,3,0)-VLOOKUP(AF$1,városok!$A$2:$C$346,3,0))^2)/1000,0)</f>
        <v>100</v>
      </c>
      <c r="AG135">
        <f ca="1">ROUND(SQRT((VLOOKUP($A135,városok!$A$2:$C$346,2,0)-VLOOKUP(AG$1,városok!$A$2:$C$346,2,0))^2+(VLOOKUP($A135,városok!$A$2:$C$346,3,0)-VLOOKUP(AG$1,városok!$A$2:$C$346,3,0))^2)/1000,0)</f>
        <v>131</v>
      </c>
      <c r="AH135">
        <f ca="1">ROUND(SQRT((VLOOKUP($A135,városok!$A$2:$C$346,2,0)-VLOOKUP(AH$1,városok!$A$2:$C$346,2,0))^2+(VLOOKUP($A135,városok!$A$2:$C$346,3,0)-VLOOKUP(AH$1,városok!$A$2:$C$346,3,0))^2)/1000,0)</f>
        <v>149</v>
      </c>
      <c r="AI135">
        <f ca="1">ROUND(SQRT((VLOOKUP($A135,városok!$A$2:$C$346,2,0)-VLOOKUP(AI$1,városok!$A$2:$C$346,2,0))^2+(VLOOKUP($A135,városok!$A$2:$C$346,3,0)-VLOOKUP(AI$1,városok!$A$2:$C$346,3,0))^2)/1000,0)</f>
        <v>123</v>
      </c>
      <c r="AJ135">
        <f ca="1">ROUND(SQRT((VLOOKUP($A135,városok!$A$2:$C$346,2,0)-VLOOKUP(AJ$1,városok!$A$2:$C$346,2,0))^2+(VLOOKUP($A135,városok!$A$2:$C$346,3,0)-VLOOKUP(AJ$1,városok!$A$2:$C$346,3,0))^2)/1000,0)</f>
        <v>127</v>
      </c>
      <c r="AK135">
        <f ca="1">ROUND(SQRT((VLOOKUP($A135,városok!$A$2:$C$346,2,0)-VLOOKUP(AK$1,városok!$A$2:$C$346,2,0))^2+(VLOOKUP($A135,városok!$A$2:$C$346,3,0)-VLOOKUP(AK$1,városok!$A$2:$C$346,3,0))^2)/1000,0)</f>
        <v>68</v>
      </c>
      <c r="AL135">
        <f ca="1">ROUND(SQRT((VLOOKUP($A135,városok!$A$2:$C$346,2,0)-VLOOKUP(AL$1,városok!$A$2:$C$346,2,0))^2+(VLOOKUP($A135,városok!$A$2:$C$346,3,0)-VLOOKUP(AL$1,városok!$A$2:$C$346,3,0))^2)/1000,0)</f>
        <v>86</v>
      </c>
      <c r="AM135">
        <f ca="1">ROUND(SQRT((VLOOKUP($A135,városok!$A$2:$C$346,2,0)-VLOOKUP(AM$1,városok!$A$2:$C$346,2,0))^2+(VLOOKUP($A135,városok!$A$2:$C$346,3,0)-VLOOKUP(AM$1,városok!$A$2:$C$346,3,0))^2)/1000,0)</f>
        <v>125</v>
      </c>
      <c r="AN135">
        <f ca="1">ROUND(SQRT((VLOOKUP($A135,városok!$A$2:$C$346,2,0)-VLOOKUP(AN$1,városok!$A$2:$C$346,2,0))^2+(VLOOKUP($A135,városok!$A$2:$C$346,3,0)-VLOOKUP(AN$1,városok!$A$2:$C$346,3,0))^2)/1000,0)</f>
        <v>219</v>
      </c>
      <c r="AO135">
        <f ca="1">ROUND(SQRT((VLOOKUP($A135,városok!$A$2:$C$346,2,0)-VLOOKUP(AO$1,városok!$A$2:$C$346,2,0))^2+(VLOOKUP($A135,városok!$A$2:$C$346,3,0)-VLOOKUP(AO$1,városok!$A$2:$C$346,3,0))^2)/1000,0)</f>
        <v>266</v>
      </c>
      <c r="AP135">
        <f ca="1">ROUND(SQRT((VLOOKUP($A135,városok!$A$2:$C$346,2,0)-VLOOKUP(AP$1,városok!$A$2:$C$346,2,0))^2+(VLOOKUP($A135,városok!$A$2:$C$346,3,0)-VLOOKUP(AP$1,városok!$A$2:$C$346,3,0))^2)/1000,0)</f>
        <v>250</v>
      </c>
      <c r="AQ135">
        <f ca="1">ROUND(SQRT((VLOOKUP($A135,városok!$A$2:$C$346,2,0)-VLOOKUP(AQ$1,városok!$A$2:$C$346,2,0))^2+(VLOOKUP($A135,városok!$A$2:$C$346,3,0)-VLOOKUP(AQ$1,városok!$A$2:$C$346,3,0))^2)/1000,0)</f>
        <v>245</v>
      </c>
      <c r="AR135">
        <f ca="1">ROUND(SQRT((VLOOKUP($A135,városok!$A$2:$C$346,2,0)-VLOOKUP(AR$1,városok!$A$2:$C$346,2,0))^2+(VLOOKUP($A135,városok!$A$2:$C$346,3,0)-VLOOKUP(AR$1,városok!$A$2:$C$346,3,0))^2)/1000,0)</f>
        <v>150</v>
      </c>
      <c r="AS135">
        <f ca="1">ROUND(SQRT((VLOOKUP($A135,városok!$A$2:$C$346,2,0)-VLOOKUP(AS$1,városok!$A$2:$C$346,2,0))^2+(VLOOKUP($A135,városok!$A$2:$C$346,3,0)-VLOOKUP(AS$1,városok!$A$2:$C$346,3,0))^2)/1000,0)</f>
        <v>147</v>
      </c>
      <c r="AT135">
        <f ca="1">ROUND(SQRT((VLOOKUP($A135,városok!$A$2:$C$346,2,0)-VLOOKUP(AT$1,városok!$A$2:$C$346,2,0))^2+(VLOOKUP($A135,városok!$A$2:$C$346,3,0)-VLOOKUP(AT$1,városok!$A$2:$C$346,3,0))^2)/1000,0)</f>
        <v>215</v>
      </c>
      <c r="AU135">
        <f ca="1">ROUND(SQRT((VLOOKUP($A135,városok!$A$2:$C$346,2,0)-VLOOKUP(AU$1,városok!$A$2:$C$346,2,0))^2+(VLOOKUP($A135,városok!$A$2:$C$346,3,0)-VLOOKUP(AU$1,városok!$A$2:$C$346,3,0))^2)/1000,0)</f>
        <v>205</v>
      </c>
      <c r="AV135">
        <f ca="1">ROUND(SQRT((VLOOKUP($A135,városok!$A$2:$C$346,2,0)-VLOOKUP(AV$1,városok!$A$2:$C$346,2,0))^2+(VLOOKUP($A135,városok!$A$2:$C$346,3,0)-VLOOKUP(AV$1,városok!$A$2:$C$346,3,0))^2)/1000,0)</f>
        <v>207</v>
      </c>
      <c r="AW135">
        <f ca="1">ROUND(SQRT((VLOOKUP($A135,városok!$A$2:$C$346,2,0)-VLOOKUP(AW$1,városok!$A$2:$C$346,2,0))^2+(VLOOKUP($A135,városok!$A$2:$C$346,3,0)-VLOOKUP(AW$1,városok!$A$2:$C$346,3,0))^2)/1000,0)</f>
        <v>210</v>
      </c>
      <c r="AX135">
        <f ca="1">ROUND(SQRT((VLOOKUP($A135,városok!$A$2:$C$346,2,0)-VLOOKUP(AX$1,városok!$A$2:$C$346,2,0))^2+(VLOOKUP($A135,városok!$A$2:$C$346,3,0)-VLOOKUP(AX$1,városok!$A$2:$C$346,3,0))^2)/1000,0)</f>
        <v>160</v>
      </c>
      <c r="AY135">
        <f ca="1">ROUND(SQRT((VLOOKUP($A135,városok!$A$2:$C$346,2,0)-VLOOKUP(AY$1,városok!$A$2:$C$346,2,0))^2+(VLOOKUP($A135,városok!$A$2:$C$346,3,0)-VLOOKUP(AY$1,városok!$A$2:$C$346,3,0))^2)/1000,0)</f>
        <v>195</v>
      </c>
      <c r="AZ135">
        <f ca="1">ROUND(SQRT((VLOOKUP($A135,városok!$A$2:$C$346,2,0)-VLOOKUP(AZ$1,városok!$A$2:$C$346,2,0))^2+(VLOOKUP($A135,városok!$A$2:$C$346,3,0)-VLOOKUP(AZ$1,városok!$A$2:$C$346,3,0))^2)/1000,0)</f>
        <v>202</v>
      </c>
      <c r="BA135">
        <f ca="1">ROUND(SQRT((VLOOKUP($A135,városok!$A$2:$C$346,2,0)-VLOOKUP(BA$1,városok!$A$2:$C$346,2,0))^2+(VLOOKUP($A135,városok!$A$2:$C$346,3,0)-VLOOKUP(BA$1,városok!$A$2:$C$346,3,0))^2)/1000,0)</f>
        <v>316</v>
      </c>
      <c r="BB135">
        <f ca="1">ROUND(SQRT((VLOOKUP($A135,városok!$A$2:$C$346,2,0)-VLOOKUP(BB$1,városok!$A$2:$C$346,2,0))^2+(VLOOKUP($A135,városok!$A$2:$C$346,3,0)-VLOOKUP(BB$1,városok!$A$2:$C$346,3,0))^2)/1000,0)</f>
        <v>310</v>
      </c>
      <c r="BC135">
        <f ca="1">ROUND(SQRT((VLOOKUP($A135,városok!$A$2:$C$346,2,0)-VLOOKUP(BC$1,városok!$A$2:$C$346,2,0))^2+(VLOOKUP($A135,városok!$A$2:$C$346,3,0)-VLOOKUP(BC$1,városok!$A$2:$C$346,3,0))^2)/1000,0)</f>
        <v>329</v>
      </c>
      <c r="BD135">
        <f ca="1">ROUND(SQRT((VLOOKUP($A135,városok!$A$2:$C$346,2,0)-VLOOKUP(BD$1,városok!$A$2:$C$346,2,0))^2+(VLOOKUP($A135,városok!$A$2:$C$346,3,0)-VLOOKUP(BD$1,városok!$A$2:$C$346,3,0))^2)/1000,0)</f>
        <v>285</v>
      </c>
      <c r="BE135">
        <f ca="1">ROUND(SQRT((VLOOKUP($A135,városok!$A$2:$C$346,2,0)-VLOOKUP(BE$1,városok!$A$2:$C$346,2,0))^2+(VLOOKUP($A135,városok!$A$2:$C$346,3,0)-VLOOKUP(BE$1,városok!$A$2:$C$346,3,0))^2)/1000,0)</f>
        <v>77</v>
      </c>
      <c r="BF135">
        <f ca="1">ROUND(SQRT((VLOOKUP($A135,városok!$A$2:$C$346,2,0)-VLOOKUP(BF$1,városok!$A$2:$C$346,2,0))^2+(VLOOKUP($A135,városok!$A$2:$C$346,3,0)-VLOOKUP(BF$1,városok!$A$2:$C$346,3,0))^2)/1000,0)</f>
        <v>68</v>
      </c>
      <c r="BG135">
        <f ca="1">ROUND(SQRT((VLOOKUP($A135,városok!$A$2:$C$346,2,0)-VLOOKUP(BG$1,városok!$A$2:$C$346,2,0))^2+(VLOOKUP($A135,városok!$A$2:$C$346,3,0)-VLOOKUP(BG$1,városok!$A$2:$C$346,3,0))^2)/1000,0)</f>
        <v>51</v>
      </c>
      <c r="BH135">
        <f ca="1">ROUND(SQRT((VLOOKUP($A135,városok!$A$2:$C$346,2,0)-VLOOKUP(BH$1,városok!$A$2:$C$346,2,0))^2+(VLOOKUP($A135,városok!$A$2:$C$346,3,0)-VLOOKUP(BH$1,városok!$A$2:$C$346,3,0))^2)/1000,0)</f>
        <v>51</v>
      </c>
      <c r="BI135">
        <f ca="1">ROUND(SQRT((VLOOKUP($A135,városok!$A$2:$C$346,2,0)-VLOOKUP(BI$1,városok!$A$2:$C$346,2,0))^2+(VLOOKUP($A135,városok!$A$2:$C$346,3,0)-VLOOKUP(BI$1,városok!$A$2:$C$346,3,0))^2)/1000,0)</f>
        <v>272</v>
      </c>
      <c r="BJ135">
        <f ca="1">ROUND(SQRT((VLOOKUP($A135,városok!$A$2:$C$346,2,0)-VLOOKUP(BJ$1,városok!$A$2:$C$346,2,0))^2+(VLOOKUP($A135,városok!$A$2:$C$346,3,0)-VLOOKUP(BJ$1,városok!$A$2:$C$346,3,0))^2)/1000,0)</f>
        <v>289</v>
      </c>
      <c r="BK135">
        <f ca="1">ROUND(SQRT((VLOOKUP($A135,városok!$A$2:$C$346,2,0)-VLOOKUP(BK$1,városok!$A$2:$C$346,2,0))^2+(VLOOKUP($A135,városok!$A$2:$C$346,3,0)-VLOOKUP(BK$1,városok!$A$2:$C$346,3,0))^2)/1000,0)</f>
        <v>269</v>
      </c>
      <c r="BL135">
        <f ca="1">ROUND(SQRT((VLOOKUP($A135,városok!$A$2:$C$346,2,0)-VLOOKUP(BL$1,városok!$A$2:$C$346,2,0))^2+(VLOOKUP($A135,városok!$A$2:$C$346,3,0)-VLOOKUP(BL$1,városok!$A$2:$C$346,3,0))^2)/1000,0)</f>
        <v>389</v>
      </c>
      <c r="BM135">
        <f ca="1">ROUND(SQRT((VLOOKUP($A135,városok!$A$2:$C$346,2,0)-VLOOKUP(BM$1,városok!$A$2:$C$346,2,0))^2+(VLOOKUP($A135,városok!$A$2:$C$346,3,0)-VLOOKUP(BM$1,városok!$A$2:$C$346,3,0))^2)/1000,0)</f>
        <v>360</v>
      </c>
      <c r="BN135">
        <f ca="1">ROUND(SQRT((VLOOKUP($A135,városok!$A$2:$C$346,2,0)-VLOOKUP(BN$1,városok!$A$2:$C$346,2,0))^2+(VLOOKUP($A135,városok!$A$2:$C$346,3,0)-VLOOKUP(BN$1,városok!$A$2:$C$346,3,0))^2)/1000,0)</f>
        <v>383</v>
      </c>
      <c r="BO135">
        <f ca="1">ROUND(SQRT((VLOOKUP($A135,városok!$A$2:$C$346,2,0)-VLOOKUP(BO$1,városok!$A$2:$C$346,2,0))^2+(VLOOKUP($A135,városok!$A$2:$C$346,3,0)-VLOOKUP(BO$1,városok!$A$2:$C$346,3,0))^2)/1000,0)</f>
        <v>285</v>
      </c>
      <c r="BP135">
        <f ca="1">ROUND(SQRT((VLOOKUP($A135,városok!$A$2:$C$346,2,0)-VLOOKUP(BP$1,városok!$A$2:$C$346,2,0))^2+(VLOOKUP($A135,városok!$A$2:$C$346,3,0)-VLOOKUP(BP$1,városok!$A$2:$C$346,3,0))^2)/1000,0)</f>
        <v>278</v>
      </c>
      <c r="BQ135">
        <f ca="1">ROUND(SQRT((VLOOKUP($A135,városok!$A$2:$C$346,2,0)-VLOOKUP(BQ$1,városok!$A$2:$C$346,2,0))^2+(VLOOKUP($A135,városok!$A$2:$C$346,3,0)-VLOOKUP(BQ$1,városok!$A$2:$C$346,3,0))^2)/1000,0)</f>
        <v>291</v>
      </c>
      <c r="BR135">
        <f ca="1">ROUND(SQRT((VLOOKUP($A135,városok!$A$2:$C$346,2,0)-VLOOKUP(BR$1,városok!$A$2:$C$346,2,0))^2+(VLOOKUP($A135,városok!$A$2:$C$346,3,0)-VLOOKUP(BR$1,városok!$A$2:$C$346,3,0))^2)/1000,0)</f>
        <v>349</v>
      </c>
      <c r="BS135">
        <f ca="1">ROUND(SQRT((VLOOKUP($A135,városok!$A$2:$C$346,2,0)-VLOOKUP(BS$1,városok!$A$2:$C$346,2,0))^2+(VLOOKUP($A135,városok!$A$2:$C$346,3,0)-VLOOKUP(BS$1,városok!$A$2:$C$346,3,0))^2)/1000,0)</f>
        <v>380</v>
      </c>
      <c r="BT135">
        <f ca="1">ROUND(SQRT((VLOOKUP($A135,városok!$A$2:$C$346,2,0)-VLOOKUP(BT$1,városok!$A$2:$C$346,2,0))^2+(VLOOKUP($A135,városok!$A$2:$C$346,3,0)-VLOOKUP(BT$1,városok!$A$2:$C$346,3,0))^2)/1000,0)</f>
        <v>377</v>
      </c>
    </row>
    <row r="136" spans="1:72" x14ac:dyDescent="0.2">
      <c r="A136" t="str">
        <f>városok!A136</f>
        <v>Hajdúnánás</v>
      </c>
      <c r="B136">
        <f ca="1">ROUND(SQRT((VLOOKUP($A136,városok!$A$2:$C$346,2,0)-VLOOKUP(B$1,városok!$A$2:$C$346,2,0))^2+(VLOOKUP($A136,városok!$A$2:$C$346,3,0)-VLOOKUP(B$1,városok!$A$2:$C$346,3,0))^2)/1000,0)</f>
        <v>263</v>
      </c>
      <c r="C136">
        <f ca="1">ROUND(SQRT((VLOOKUP($A136,városok!$A$2:$C$346,2,0)-VLOOKUP(C$1,városok!$A$2:$C$346,2,0))^2+(VLOOKUP($A136,városok!$A$2:$C$346,3,0)-VLOOKUP(C$1,városok!$A$2:$C$346,3,0))^2)/1000,0)</f>
        <v>236</v>
      </c>
      <c r="D136">
        <f ca="1">ROUND(SQRT((VLOOKUP($A136,városok!$A$2:$C$346,2,0)-VLOOKUP(D$1,városok!$A$2:$C$346,2,0))^2+(VLOOKUP($A136,városok!$A$2:$C$346,3,0)-VLOOKUP(D$1,városok!$A$2:$C$346,3,0))^2)/1000,0)</f>
        <v>167</v>
      </c>
      <c r="E136">
        <f ca="1">ROUND(SQRT((VLOOKUP($A136,városok!$A$2:$C$346,2,0)-VLOOKUP(E$1,városok!$A$2:$C$346,2,0))^2+(VLOOKUP($A136,városok!$A$2:$C$346,3,0)-VLOOKUP(E$1,városok!$A$2:$C$346,3,0))^2)/1000,0)</f>
        <v>303</v>
      </c>
      <c r="F136">
        <f ca="1">ROUND(SQRT((VLOOKUP($A136,városok!$A$2:$C$346,2,0)-VLOOKUP(F$1,városok!$A$2:$C$346,2,0))^2+(VLOOKUP($A136,városok!$A$2:$C$346,3,0)-VLOOKUP(F$1,városok!$A$2:$C$346,3,0))^2)/1000,0)</f>
        <v>293</v>
      </c>
      <c r="G136">
        <f ca="1">ROUND(SQRT((VLOOKUP($A136,városok!$A$2:$C$346,2,0)-VLOOKUP(G$1,városok!$A$2:$C$346,2,0))^2+(VLOOKUP($A136,városok!$A$2:$C$346,3,0)-VLOOKUP(G$1,városok!$A$2:$C$346,3,0))^2)/1000,0)</f>
        <v>312</v>
      </c>
      <c r="H136">
        <f ca="1">ROUND(SQRT((VLOOKUP($A136,városok!$A$2:$C$346,2,0)-VLOOKUP(H$1,városok!$A$2:$C$346,2,0))^2+(VLOOKUP($A136,városok!$A$2:$C$346,3,0)-VLOOKUP(H$1,városok!$A$2:$C$346,3,0))^2)/1000,0)</f>
        <v>341</v>
      </c>
      <c r="I136">
        <f ca="1">ROUND(SQRT((VLOOKUP($A136,városok!$A$2:$C$346,2,0)-VLOOKUP(I$1,városok!$A$2:$C$346,2,0))^2+(VLOOKUP($A136,városok!$A$2:$C$346,3,0)-VLOOKUP(I$1,városok!$A$2:$C$346,3,0))^2)/1000,0)</f>
        <v>133</v>
      </c>
      <c r="J136">
        <f ca="1">ROUND(SQRT((VLOOKUP($A136,városok!$A$2:$C$346,2,0)-VLOOKUP(J$1,városok!$A$2:$C$346,2,0))^2+(VLOOKUP($A136,városok!$A$2:$C$346,3,0)-VLOOKUP(J$1,városok!$A$2:$C$346,3,0))^2)/1000,0)</f>
        <v>134</v>
      </c>
      <c r="K136">
        <f ca="1">ROUND(SQRT((VLOOKUP($A136,városok!$A$2:$C$346,2,0)-VLOOKUP(K$1,városok!$A$2:$C$346,2,0))^2+(VLOOKUP($A136,városok!$A$2:$C$346,3,0)-VLOOKUP(K$1,városok!$A$2:$C$346,3,0))^2)/1000,0)</f>
        <v>154</v>
      </c>
      <c r="L136">
        <f ca="1">ROUND(SQRT((VLOOKUP($A136,városok!$A$2:$C$346,2,0)-VLOOKUP(L$1,városok!$A$2:$C$346,2,0))^2+(VLOOKUP($A136,városok!$A$2:$C$346,3,0)-VLOOKUP(L$1,városok!$A$2:$C$346,3,0))^2)/1000,0)</f>
        <v>74</v>
      </c>
      <c r="M136">
        <f ca="1">ROUND(SQRT((VLOOKUP($A136,városok!$A$2:$C$346,2,0)-VLOOKUP(M$1,városok!$A$2:$C$346,2,0))^2+(VLOOKUP($A136,városok!$A$2:$C$346,3,0)-VLOOKUP(M$1,városok!$A$2:$C$346,3,0))^2)/1000,0)</f>
        <v>55</v>
      </c>
      <c r="N136">
        <f ca="1">ROUND(SQRT((VLOOKUP($A136,városok!$A$2:$C$346,2,0)-VLOOKUP(N$1,városok!$A$2:$C$346,2,0))^2+(VLOOKUP($A136,városok!$A$2:$C$346,3,0)-VLOOKUP(N$1,városok!$A$2:$C$346,3,0))^2)/1000,0)</f>
        <v>94</v>
      </c>
      <c r="O136">
        <f ca="1">ROUND(SQRT((VLOOKUP($A136,városok!$A$2:$C$346,2,0)-VLOOKUP(O$1,városok!$A$2:$C$346,2,0))^2+(VLOOKUP($A136,városok!$A$2:$C$346,3,0)-VLOOKUP(O$1,városok!$A$2:$C$346,3,0))^2)/1000,0)</f>
        <v>63</v>
      </c>
      <c r="P136">
        <f ca="1">ROUND(SQRT((VLOOKUP($A136,városok!$A$2:$C$346,2,0)-VLOOKUP(P$1,városok!$A$2:$C$346,2,0))^2+(VLOOKUP($A136,városok!$A$2:$C$346,3,0)-VLOOKUP(P$1,városok!$A$2:$C$346,3,0))^2)/1000,0)</f>
        <v>64</v>
      </c>
      <c r="Q136">
        <f ca="1">ROUND(SQRT((VLOOKUP($A136,városok!$A$2:$C$346,2,0)-VLOOKUP(Q$1,városok!$A$2:$C$346,2,0))^2+(VLOOKUP($A136,városok!$A$2:$C$346,3,0)-VLOOKUP(Q$1,városok!$A$2:$C$346,3,0))^2)/1000,0)</f>
        <v>179</v>
      </c>
      <c r="R136">
        <f ca="1">ROUND(SQRT((VLOOKUP($A136,városok!$A$2:$C$346,2,0)-VLOOKUP(R$1,városok!$A$2:$C$346,2,0))^2+(VLOOKUP($A136,városok!$A$2:$C$346,3,0)-VLOOKUP(R$1,városok!$A$2:$C$346,3,0))^2)/1000,0)</f>
        <v>195</v>
      </c>
      <c r="S136">
        <f ca="1">ROUND(SQRT((VLOOKUP($A136,városok!$A$2:$C$346,2,0)-VLOOKUP(S$1,városok!$A$2:$C$346,2,0))^2+(VLOOKUP($A136,városok!$A$2:$C$346,3,0)-VLOOKUP(S$1,városok!$A$2:$C$346,3,0))^2)/1000,0)</f>
        <v>202</v>
      </c>
      <c r="T136">
        <f ca="1">ROUND(SQRT((VLOOKUP($A136,városok!$A$2:$C$346,2,0)-VLOOKUP(T$1,városok!$A$2:$C$346,2,0))^2+(VLOOKUP($A136,városok!$A$2:$C$346,3,0)-VLOOKUP(T$1,városok!$A$2:$C$346,3,0))^2)/1000,0)</f>
        <v>213</v>
      </c>
      <c r="U136">
        <f ca="1">ROUND(SQRT((VLOOKUP($A136,városok!$A$2:$C$346,2,0)-VLOOKUP(U$1,városok!$A$2:$C$346,2,0))^2+(VLOOKUP($A136,városok!$A$2:$C$346,3,0)-VLOOKUP(U$1,városok!$A$2:$C$346,3,0))^2)/1000,0)</f>
        <v>212</v>
      </c>
      <c r="V136">
        <f ca="1">ROUND(SQRT((VLOOKUP($A136,városok!$A$2:$C$346,2,0)-VLOOKUP(V$1,városok!$A$2:$C$346,2,0))^2+(VLOOKUP($A136,városok!$A$2:$C$346,3,0)-VLOOKUP(V$1,városok!$A$2:$C$346,3,0))^2)/1000,0)</f>
        <v>251</v>
      </c>
      <c r="W136">
        <f ca="1">ROUND(SQRT((VLOOKUP($A136,városok!$A$2:$C$346,2,0)-VLOOKUP(W$1,városok!$A$2:$C$346,2,0))^2+(VLOOKUP($A136,városok!$A$2:$C$346,3,0)-VLOOKUP(W$1,városok!$A$2:$C$346,3,0))^2)/1000,0)</f>
        <v>237</v>
      </c>
      <c r="X136">
        <f ca="1">ROUND(SQRT((VLOOKUP($A136,városok!$A$2:$C$346,2,0)-VLOOKUP(X$1,városok!$A$2:$C$346,2,0))^2+(VLOOKUP($A136,városok!$A$2:$C$346,3,0)-VLOOKUP(X$1,városok!$A$2:$C$346,3,0))^2)/1000,0)</f>
        <v>241</v>
      </c>
      <c r="Y136">
        <f ca="1">ROUND(SQRT((VLOOKUP($A136,városok!$A$2:$C$346,2,0)-VLOOKUP(Y$1,városok!$A$2:$C$346,2,0))^2+(VLOOKUP($A136,városok!$A$2:$C$346,3,0)-VLOOKUP(Y$1,városok!$A$2:$C$346,3,0))^2)/1000,0)</f>
        <v>285</v>
      </c>
      <c r="Z136">
        <f ca="1">ROUND(SQRT((VLOOKUP($A136,városok!$A$2:$C$346,2,0)-VLOOKUP(Z$1,városok!$A$2:$C$346,2,0))^2+(VLOOKUP($A136,városok!$A$2:$C$346,3,0)-VLOOKUP(Z$1,városok!$A$2:$C$346,3,0))^2)/1000,0)</f>
        <v>303</v>
      </c>
      <c r="AA136">
        <f ca="1">ROUND(SQRT((VLOOKUP($A136,városok!$A$2:$C$346,2,0)-VLOOKUP(AA$1,városok!$A$2:$C$346,2,0))^2+(VLOOKUP($A136,városok!$A$2:$C$346,3,0)-VLOOKUP(AA$1,városok!$A$2:$C$346,3,0))^2)/1000,0)</f>
        <v>363</v>
      </c>
      <c r="AB136">
        <f ca="1">ROUND(SQRT((VLOOKUP($A136,városok!$A$2:$C$346,2,0)-VLOOKUP(AB$1,városok!$A$2:$C$346,2,0))^2+(VLOOKUP($A136,városok!$A$2:$C$346,3,0)-VLOOKUP(AB$1,városok!$A$2:$C$346,3,0))^2)/1000,0)</f>
        <v>38</v>
      </c>
      <c r="AC136">
        <f ca="1">ROUND(SQRT((VLOOKUP($A136,városok!$A$2:$C$346,2,0)-VLOOKUP(AC$1,városok!$A$2:$C$346,2,0))^2+(VLOOKUP($A136,városok!$A$2:$C$346,3,0)-VLOOKUP(AC$1,városok!$A$2:$C$346,3,0))^2)/1000,0)</f>
        <v>45</v>
      </c>
      <c r="AD136">
        <f ca="1">ROUND(SQRT((VLOOKUP($A136,városok!$A$2:$C$346,2,0)-VLOOKUP(AD$1,városok!$A$2:$C$346,2,0))^2+(VLOOKUP($A136,városok!$A$2:$C$346,3,0)-VLOOKUP(AD$1,városok!$A$2:$C$346,3,0))^2)/1000,0)</f>
        <v>51</v>
      </c>
      <c r="AE136">
        <f ca="1">ROUND(SQRT((VLOOKUP($A136,városok!$A$2:$C$346,2,0)-VLOOKUP(AE$1,városok!$A$2:$C$346,2,0))^2+(VLOOKUP($A136,városok!$A$2:$C$346,3,0)-VLOOKUP(AE$1,városok!$A$2:$C$346,3,0))^2)/1000,0)</f>
        <v>65</v>
      </c>
      <c r="AF136">
        <f ca="1">ROUND(SQRT((VLOOKUP($A136,városok!$A$2:$C$346,2,0)-VLOOKUP(AF$1,városok!$A$2:$C$346,2,0))^2+(VLOOKUP($A136,városok!$A$2:$C$346,3,0)-VLOOKUP(AF$1,városok!$A$2:$C$346,3,0))^2)/1000,0)</f>
        <v>79</v>
      </c>
      <c r="AG136">
        <f ca="1">ROUND(SQRT((VLOOKUP($A136,városok!$A$2:$C$346,2,0)-VLOOKUP(AG$1,városok!$A$2:$C$346,2,0))^2+(VLOOKUP($A136,városok!$A$2:$C$346,3,0)-VLOOKUP(AG$1,városok!$A$2:$C$346,3,0))^2)/1000,0)</f>
        <v>113</v>
      </c>
      <c r="AH136">
        <f ca="1">ROUND(SQRT((VLOOKUP($A136,városok!$A$2:$C$346,2,0)-VLOOKUP(AH$1,városok!$A$2:$C$346,2,0))^2+(VLOOKUP($A136,városok!$A$2:$C$346,3,0)-VLOOKUP(AH$1,városok!$A$2:$C$346,3,0))^2)/1000,0)</f>
        <v>133</v>
      </c>
      <c r="AI136">
        <f ca="1">ROUND(SQRT((VLOOKUP($A136,városok!$A$2:$C$346,2,0)-VLOOKUP(AI$1,városok!$A$2:$C$346,2,0))^2+(VLOOKUP($A136,városok!$A$2:$C$346,3,0)-VLOOKUP(AI$1,városok!$A$2:$C$346,3,0))^2)/1000,0)</f>
        <v>101</v>
      </c>
      <c r="AJ136">
        <f ca="1">ROUND(SQRT((VLOOKUP($A136,városok!$A$2:$C$346,2,0)-VLOOKUP(AJ$1,városok!$A$2:$C$346,2,0))^2+(VLOOKUP($A136,városok!$A$2:$C$346,3,0)-VLOOKUP(AJ$1,városok!$A$2:$C$346,3,0))^2)/1000,0)</f>
        <v>111</v>
      </c>
      <c r="AK136">
        <f ca="1">ROUND(SQRT((VLOOKUP($A136,városok!$A$2:$C$346,2,0)-VLOOKUP(AK$1,városok!$A$2:$C$346,2,0))^2+(VLOOKUP($A136,városok!$A$2:$C$346,3,0)-VLOOKUP(AK$1,városok!$A$2:$C$346,3,0))^2)/1000,0)</f>
        <v>71</v>
      </c>
      <c r="AL136">
        <f ca="1">ROUND(SQRT((VLOOKUP($A136,városok!$A$2:$C$346,2,0)-VLOOKUP(AL$1,városok!$A$2:$C$346,2,0))^2+(VLOOKUP($A136,városok!$A$2:$C$346,3,0)-VLOOKUP(AL$1,városok!$A$2:$C$346,3,0))^2)/1000,0)</f>
        <v>80</v>
      </c>
      <c r="AM136">
        <f ca="1">ROUND(SQRT((VLOOKUP($A136,városok!$A$2:$C$346,2,0)-VLOOKUP(AM$1,városok!$A$2:$C$346,2,0))^2+(VLOOKUP($A136,városok!$A$2:$C$346,3,0)-VLOOKUP(AM$1,városok!$A$2:$C$346,3,0))^2)/1000,0)</f>
        <v>119</v>
      </c>
      <c r="AN136">
        <f ca="1">ROUND(SQRT((VLOOKUP($A136,városok!$A$2:$C$346,2,0)-VLOOKUP(AN$1,városok!$A$2:$C$346,2,0))^2+(VLOOKUP($A136,városok!$A$2:$C$346,3,0)-VLOOKUP(AN$1,városok!$A$2:$C$346,3,0))^2)/1000,0)</f>
        <v>201</v>
      </c>
      <c r="AO136">
        <f ca="1">ROUND(SQRT((VLOOKUP($A136,városok!$A$2:$C$346,2,0)-VLOOKUP(AO$1,városok!$A$2:$C$346,2,0))^2+(VLOOKUP($A136,városok!$A$2:$C$346,3,0)-VLOOKUP(AO$1,városok!$A$2:$C$346,3,0))^2)/1000,0)</f>
        <v>248</v>
      </c>
      <c r="AP136">
        <f ca="1">ROUND(SQRT((VLOOKUP($A136,városok!$A$2:$C$346,2,0)-VLOOKUP(AP$1,városok!$A$2:$C$346,2,0))^2+(VLOOKUP($A136,városok!$A$2:$C$346,3,0)-VLOOKUP(AP$1,városok!$A$2:$C$346,3,0))^2)/1000,0)</f>
        <v>233</v>
      </c>
      <c r="AQ136">
        <f ca="1">ROUND(SQRT((VLOOKUP($A136,városok!$A$2:$C$346,2,0)-VLOOKUP(AQ$1,városok!$A$2:$C$346,2,0))^2+(VLOOKUP($A136,városok!$A$2:$C$346,3,0)-VLOOKUP(AQ$1,városok!$A$2:$C$346,3,0))^2)/1000,0)</f>
        <v>228</v>
      </c>
      <c r="AR136">
        <f ca="1">ROUND(SQRT((VLOOKUP($A136,városok!$A$2:$C$346,2,0)-VLOOKUP(AR$1,városok!$A$2:$C$346,2,0))^2+(VLOOKUP($A136,városok!$A$2:$C$346,3,0)-VLOOKUP(AR$1,városok!$A$2:$C$346,3,0))^2)/1000,0)</f>
        <v>130</v>
      </c>
      <c r="AS136">
        <f ca="1">ROUND(SQRT((VLOOKUP($A136,városok!$A$2:$C$346,2,0)-VLOOKUP(AS$1,városok!$A$2:$C$346,2,0))^2+(VLOOKUP($A136,városok!$A$2:$C$346,3,0)-VLOOKUP(AS$1,városok!$A$2:$C$346,3,0))^2)/1000,0)</f>
        <v>124</v>
      </c>
      <c r="AT136">
        <f ca="1">ROUND(SQRT((VLOOKUP($A136,városok!$A$2:$C$346,2,0)-VLOOKUP(AT$1,városok!$A$2:$C$346,2,0))^2+(VLOOKUP($A136,városok!$A$2:$C$346,3,0)-VLOOKUP(AT$1,városok!$A$2:$C$346,3,0))^2)/1000,0)</f>
        <v>200</v>
      </c>
      <c r="AU136">
        <f ca="1">ROUND(SQRT((VLOOKUP($A136,városok!$A$2:$C$346,2,0)-VLOOKUP(AU$1,városok!$A$2:$C$346,2,0))^2+(VLOOKUP($A136,városok!$A$2:$C$346,3,0)-VLOOKUP(AU$1,városok!$A$2:$C$346,3,0))^2)/1000,0)</f>
        <v>190</v>
      </c>
      <c r="AV136">
        <f ca="1">ROUND(SQRT((VLOOKUP($A136,városok!$A$2:$C$346,2,0)-VLOOKUP(AV$1,városok!$A$2:$C$346,2,0))^2+(VLOOKUP($A136,városok!$A$2:$C$346,3,0)-VLOOKUP(AV$1,városok!$A$2:$C$346,3,0))^2)/1000,0)</f>
        <v>192</v>
      </c>
      <c r="AW136">
        <f ca="1">ROUND(SQRT((VLOOKUP($A136,városok!$A$2:$C$346,2,0)-VLOOKUP(AW$1,városok!$A$2:$C$346,2,0))^2+(VLOOKUP($A136,városok!$A$2:$C$346,3,0)-VLOOKUP(AW$1,városok!$A$2:$C$346,3,0))^2)/1000,0)</f>
        <v>196</v>
      </c>
      <c r="AX136">
        <f ca="1">ROUND(SQRT((VLOOKUP($A136,városok!$A$2:$C$346,2,0)-VLOOKUP(AX$1,városok!$A$2:$C$346,2,0))^2+(VLOOKUP($A136,városok!$A$2:$C$346,3,0)-VLOOKUP(AX$1,városok!$A$2:$C$346,3,0))^2)/1000,0)</f>
        <v>154</v>
      </c>
      <c r="AY136">
        <f ca="1">ROUND(SQRT((VLOOKUP($A136,városok!$A$2:$C$346,2,0)-VLOOKUP(AY$1,városok!$A$2:$C$346,2,0))^2+(VLOOKUP($A136,városok!$A$2:$C$346,3,0)-VLOOKUP(AY$1,városok!$A$2:$C$346,3,0))^2)/1000,0)</f>
        <v>178</v>
      </c>
      <c r="AZ136">
        <f ca="1">ROUND(SQRT((VLOOKUP($A136,városok!$A$2:$C$346,2,0)-VLOOKUP(AZ$1,városok!$A$2:$C$346,2,0))^2+(VLOOKUP($A136,városok!$A$2:$C$346,3,0)-VLOOKUP(AZ$1,városok!$A$2:$C$346,3,0))^2)/1000,0)</f>
        <v>184</v>
      </c>
      <c r="BA136">
        <f ca="1">ROUND(SQRT((VLOOKUP($A136,városok!$A$2:$C$346,2,0)-VLOOKUP(BA$1,városok!$A$2:$C$346,2,0))^2+(VLOOKUP($A136,városok!$A$2:$C$346,3,0)-VLOOKUP(BA$1,városok!$A$2:$C$346,3,0))^2)/1000,0)</f>
        <v>305</v>
      </c>
      <c r="BB136">
        <f ca="1">ROUND(SQRT((VLOOKUP($A136,városok!$A$2:$C$346,2,0)-VLOOKUP(BB$1,városok!$A$2:$C$346,2,0))^2+(VLOOKUP($A136,városok!$A$2:$C$346,3,0)-VLOOKUP(BB$1,városok!$A$2:$C$346,3,0))^2)/1000,0)</f>
        <v>301</v>
      </c>
      <c r="BC136">
        <f ca="1">ROUND(SQRT((VLOOKUP($A136,városok!$A$2:$C$346,2,0)-VLOOKUP(BC$1,városok!$A$2:$C$346,2,0))^2+(VLOOKUP($A136,városok!$A$2:$C$346,3,0)-VLOOKUP(BC$1,városok!$A$2:$C$346,3,0))^2)/1000,0)</f>
        <v>321</v>
      </c>
      <c r="BD136">
        <f ca="1">ROUND(SQRT((VLOOKUP($A136,városok!$A$2:$C$346,2,0)-VLOOKUP(BD$1,városok!$A$2:$C$346,2,0))^2+(VLOOKUP($A136,városok!$A$2:$C$346,3,0)-VLOOKUP(BD$1,városok!$A$2:$C$346,3,0))^2)/1000,0)</f>
        <v>274</v>
      </c>
      <c r="BE136">
        <f ca="1">ROUND(SQRT((VLOOKUP($A136,városok!$A$2:$C$346,2,0)-VLOOKUP(BE$1,városok!$A$2:$C$346,2,0))^2+(VLOOKUP($A136,városok!$A$2:$C$346,3,0)-VLOOKUP(BE$1,városok!$A$2:$C$346,3,0))^2)/1000,0)</f>
        <v>93</v>
      </c>
      <c r="BF136">
        <f ca="1">ROUND(SQRT((VLOOKUP($A136,városok!$A$2:$C$346,2,0)-VLOOKUP(BF$1,városok!$A$2:$C$346,2,0))^2+(VLOOKUP($A136,városok!$A$2:$C$346,3,0)-VLOOKUP(BF$1,városok!$A$2:$C$346,3,0))^2)/1000,0)</f>
        <v>64</v>
      </c>
      <c r="BG136">
        <f ca="1">ROUND(SQRT((VLOOKUP($A136,városok!$A$2:$C$346,2,0)-VLOOKUP(BG$1,városok!$A$2:$C$346,2,0))^2+(VLOOKUP($A136,városok!$A$2:$C$346,3,0)-VLOOKUP(BG$1,városok!$A$2:$C$346,3,0))^2)/1000,0)</f>
        <v>31</v>
      </c>
      <c r="BH136">
        <f ca="1">ROUND(SQRT((VLOOKUP($A136,városok!$A$2:$C$346,2,0)-VLOOKUP(BH$1,városok!$A$2:$C$346,2,0))^2+(VLOOKUP($A136,városok!$A$2:$C$346,3,0)-VLOOKUP(BH$1,városok!$A$2:$C$346,3,0))^2)/1000,0)</f>
        <v>31</v>
      </c>
      <c r="BI136">
        <f ca="1">ROUND(SQRT((VLOOKUP($A136,városok!$A$2:$C$346,2,0)-VLOOKUP(BI$1,városok!$A$2:$C$346,2,0))^2+(VLOOKUP($A136,városok!$A$2:$C$346,3,0)-VLOOKUP(BI$1,városok!$A$2:$C$346,3,0))^2)/1000,0)</f>
        <v>267</v>
      </c>
      <c r="BJ136">
        <f ca="1">ROUND(SQRT((VLOOKUP($A136,városok!$A$2:$C$346,2,0)-VLOOKUP(BJ$1,városok!$A$2:$C$346,2,0))^2+(VLOOKUP($A136,városok!$A$2:$C$346,3,0)-VLOOKUP(BJ$1,városok!$A$2:$C$346,3,0))^2)/1000,0)</f>
        <v>284</v>
      </c>
      <c r="BK136">
        <f ca="1">ROUND(SQRT((VLOOKUP($A136,városok!$A$2:$C$346,2,0)-VLOOKUP(BK$1,városok!$A$2:$C$346,2,0))^2+(VLOOKUP($A136,városok!$A$2:$C$346,3,0)-VLOOKUP(BK$1,városok!$A$2:$C$346,3,0))^2)/1000,0)</f>
        <v>265</v>
      </c>
      <c r="BL136">
        <f ca="1">ROUND(SQRT((VLOOKUP($A136,városok!$A$2:$C$346,2,0)-VLOOKUP(BL$1,városok!$A$2:$C$346,2,0))^2+(VLOOKUP($A136,városok!$A$2:$C$346,3,0)-VLOOKUP(BL$1,városok!$A$2:$C$346,3,0))^2)/1000,0)</f>
        <v>375</v>
      </c>
      <c r="BM136">
        <f ca="1">ROUND(SQRT((VLOOKUP($A136,városok!$A$2:$C$346,2,0)-VLOOKUP(BM$1,városok!$A$2:$C$346,2,0))^2+(VLOOKUP($A136,városok!$A$2:$C$346,3,0)-VLOOKUP(BM$1,városok!$A$2:$C$346,3,0))^2)/1000,0)</f>
        <v>344</v>
      </c>
      <c r="BN136">
        <f ca="1">ROUND(SQRT((VLOOKUP($A136,városok!$A$2:$C$346,2,0)-VLOOKUP(BN$1,városok!$A$2:$C$346,2,0))^2+(VLOOKUP($A136,városok!$A$2:$C$346,3,0)-VLOOKUP(BN$1,városok!$A$2:$C$346,3,0))^2)/1000,0)</f>
        <v>368</v>
      </c>
      <c r="BO136">
        <f ca="1">ROUND(SQRT((VLOOKUP($A136,városok!$A$2:$C$346,2,0)-VLOOKUP(BO$1,városok!$A$2:$C$346,2,0))^2+(VLOOKUP($A136,városok!$A$2:$C$346,3,0)-VLOOKUP(BO$1,városok!$A$2:$C$346,3,0))^2)/1000,0)</f>
        <v>273</v>
      </c>
      <c r="BP136">
        <f ca="1">ROUND(SQRT((VLOOKUP($A136,városok!$A$2:$C$346,2,0)-VLOOKUP(BP$1,városok!$A$2:$C$346,2,0))^2+(VLOOKUP($A136,városok!$A$2:$C$346,3,0)-VLOOKUP(BP$1,városok!$A$2:$C$346,3,0))^2)/1000,0)</f>
        <v>266</v>
      </c>
      <c r="BQ136">
        <f ca="1">ROUND(SQRT((VLOOKUP($A136,városok!$A$2:$C$346,2,0)-VLOOKUP(BQ$1,városok!$A$2:$C$346,2,0))^2+(VLOOKUP($A136,városok!$A$2:$C$346,3,0)-VLOOKUP(BQ$1,városok!$A$2:$C$346,3,0))^2)/1000,0)</f>
        <v>278</v>
      </c>
      <c r="BR136">
        <f ca="1">ROUND(SQRT((VLOOKUP($A136,városok!$A$2:$C$346,2,0)-VLOOKUP(BR$1,városok!$A$2:$C$346,2,0))^2+(VLOOKUP($A136,városok!$A$2:$C$346,3,0)-VLOOKUP(BR$1,városok!$A$2:$C$346,3,0))^2)/1000,0)</f>
        <v>337</v>
      </c>
      <c r="BS136">
        <f ca="1">ROUND(SQRT((VLOOKUP($A136,városok!$A$2:$C$346,2,0)-VLOOKUP(BS$1,városok!$A$2:$C$346,2,0))^2+(VLOOKUP($A136,városok!$A$2:$C$346,3,0)-VLOOKUP(BS$1,városok!$A$2:$C$346,3,0))^2)/1000,0)</f>
        <v>370</v>
      </c>
      <c r="BT136">
        <f ca="1">ROUND(SQRT((VLOOKUP($A136,városok!$A$2:$C$346,2,0)-VLOOKUP(BT$1,városok!$A$2:$C$346,2,0))^2+(VLOOKUP($A136,városok!$A$2:$C$346,3,0)-VLOOKUP(BT$1,városok!$A$2:$C$346,3,0))^2)/1000,0)</f>
        <v>364</v>
      </c>
    </row>
    <row r="137" spans="1:72" x14ac:dyDescent="0.2">
      <c r="A137" t="str">
        <f>városok!A137</f>
        <v>Hajdúsámson</v>
      </c>
      <c r="B137">
        <f ca="1">ROUND(SQRT((VLOOKUP($A137,városok!$A$2:$C$346,2,0)-VLOOKUP(B$1,városok!$A$2:$C$346,2,0))^2+(VLOOKUP($A137,városok!$A$2:$C$346,3,0)-VLOOKUP(B$1,városok!$A$2:$C$346,3,0))^2)/1000,0)</f>
        <v>265</v>
      </c>
      <c r="C137">
        <f ca="1">ROUND(SQRT((VLOOKUP($A137,városok!$A$2:$C$346,2,0)-VLOOKUP(C$1,városok!$A$2:$C$346,2,0))^2+(VLOOKUP($A137,városok!$A$2:$C$346,3,0)-VLOOKUP(C$1,városok!$A$2:$C$346,3,0))^2)/1000,0)</f>
        <v>243</v>
      </c>
      <c r="D137">
        <f ca="1">ROUND(SQRT((VLOOKUP($A137,városok!$A$2:$C$346,2,0)-VLOOKUP(D$1,városok!$A$2:$C$346,2,0))^2+(VLOOKUP($A137,városok!$A$2:$C$346,3,0)-VLOOKUP(D$1,városok!$A$2:$C$346,3,0))^2)/1000,0)</f>
        <v>175</v>
      </c>
      <c r="E137">
        <f ca="1">ROUND(SQRT((VLOOKUP($A137,városok!$A$2:$C$346,2,0)-VLOOKUP(E$1,városok!$A$2:$C$346,2,0))^2+(VLOOKUP($A137,városok!$A$2:$C$346,3,0)-VLOOKUP(E$1,városok!$A$2:$C$346,3,0))^2)/1000,0)</f>
        <v>309</v>
      </c>
      <c r="F137">
        <f ca="1">ROUND(SQRT((VLOOKUP($A137,városok!$A$2:$C$346,2,0)-VLOOKUP(F$1,városok!$A$2:$C$346,2,0))^2+(VLOOKUP($A137,városok!$A$2:$C$346,3,0)-VLOOKUP(F$1,városok!$A$2:$C$346,3,0))^2)/1000,0)</f>
        <v>295</v>
      </c>
      <c r="G137">
        <f ca="1">ROUND(SQRT((VLOOKUP($A137,városok!$A$2:$C$346,2,0)-VLOOKUP(G$1,városok!$A$2:$C$346,2,0))^2+(VLOOKUP($A137,városok!$A$2:$C$346,3,0)-VLOOKUP(G$1,városok!$A$2:$C$346,3,0))^2)/1000,0)</f>
        <v>317</v>
      </c>
      <c r="H137">
        <f ca="1">ROUND(SQRT((VLOOKUP($A137,városok!$A$2:$C$346,2,0)-VLOOKUP(H$1,városok!$A$2:$C$346,2,0))^2+(VLOOKUP($A137,városok!$A$2:$C$346,3,0)-VLOOKUP(H$1,városok!$A$2:$C$346,3,0))^2)/1000,0)</f>
        <v>348</v>
      </c>
      <c r="I137">
        <f ca="1">ROUND(SQRT((VLOOKUP($A137,városok!$A$2:$C$346,2,0)-VLOOKUP(I$1,városok!$A$2:$C$346,2,0))^2+(VLOOKUP($A137,városok!$A$2:$C$346,3,0)-VLOOKUP(I$1,városok!$A$2:$C$346,3,0))^2)/1000,0)</f>
        <v>115</v>
      </c>
      <c r="J137">
        <f ca="1">ROUND(SQRT((VLOOKUP($A137,városok!$A$2:$C$346,2,0)-VLOOKUP(J$1,városok!$A$2:$C$346,2,0))^2+(VLOOKUP($A137,városok!$A$2:$C$346,3,0)-VLOOKUP(J$1,városok!$A$2:$C$346,3,0))^2)/1000,0)</f>
        <v>113</v>
      </c>
      <c r="K137">
        <f ca="1">ROUND(SQRT((VLOOKUP($A137,városok!$A$2:$C$346,2,0)-VLOOKUP(K$1,városok!$A$2:$C$346,2,0))^2+(VLOOKUP($A137,városok!$A$2:$C$346,3,0)-VLOOKUP(K$1,városok!$A$2:$C$346,3,0))^2)/1000,0)</f>
        <v>142</v>
      </c>
      <c r="L137">
        <f ca="1">ROUND(SQRT((VLOOKUP($A137,városok!$A$2:$C$346,2,0)-VLOOKUP(L$1,városok!$A$2:$C$346,2,0))^2+(VLOOKUP($A137,városok!$A$2:$C$346,3,0)-VLOOKUP(L$1,városok!$A$2:$C$346,3,0))^2)/1000,0)</f>
        <v>111</v>
      </c>
      <c r="M137">
        <f ca="1">ROUND(SQRT((VLOOKUP($A137,városok!$A$2:$C$346,2,0)-VLOOKUP(M$1,városok!$A$2:$C$346,2,0))^2+(VLOOKUP($A137,városok!$A$2:$C$346,3,0)-VLOOKUP(M$1,városok!$A$2:$C$346,3,0))^2)/1000,0)</f>
        <v>91</v>
      </c>
      <c r="N137">
        <f ca="1">ROUND(SQRT((VLOOKUP($A137,városok!$A$2:$C$346,2,0)-VLOOKUP(N$1,városok!$A$2:$C$346,2,0))^2+(VLOOKUP($A137,városok!$A$2:$C$346,3,0)-VLOOKUP(N$1,városok!$A$2:$C$346,3,0))^2)/1000,0)</f>
        <v>130</v>
      </c>
      <c r="O137">
        <f ca="1">ROUND(SQRT((VLOOKUP($A137,városok!$A$2:$C$346,2,0)-VLOOKUP(O$1,városok!$A$2:$C$346,2,0))^2+(VLOOKUP($A137,városok!$A$2:$C$346,3,0)-VLOOKUP(O$1,városok!$A$2:$C$346,3,0))^2)/1000,0)</f>
        <v>89</v>
      </c>
      <c r="P137">
        <f ca="1">ROUND(SQRT((VLOOKUP($A137,városok!$A$2:$C$346,2,0)-VLOOKUP(P$1,városok!$A$2:$C$346,2,0))^2+(VLOOKUP($A137,városok!$A$2:$C$346,3,0)-VLOOKUP(P$1,városok!$A$2:$C$346,3,0))^2)/1000,0)</f>
        <v>89</v>
      </c>
      <c r="Q137">
        <f ca="1">ROUND(SQRT((VLOOKUP($A137,városok!$A$2:$C$346,2,0)-VLOOKUP(Q$1,városok!$A$2:$C$346,2,0))^2+(VLOOKUP($A137,városok!$A$2:$C$346,3,0)-VLOOKUP(Q$1,városok!$A$2:$C$346,3,0))^2)/1000,0)</f>
        <v>171</v>
      </c>
      <c r="R137">
        <f ca="1">ROUND(SQRT((VLOOKUP($A137,városok!$A$2:$C$346,2,0)-VLOOKUP(R$1,városok!$A$2:$C$346,2,0))^2+(VLOOKUP($A137,városok!$A$2:$C$346,3,0)-VLOOKUP(R$1,városok!$A$2:$C$346,3,0))^2)/1000,0)</f>
        <v>182</v>
      </c>
      <c r="S137">
        <f ca="1">ROUND(SQRT((VLOOKUP($A137,városok!$A$2:$C$346,2,0)-VLOOKUP(S$1,városok!$A$2:$C$346,2,0))^2+(VLOOKUP($A137,városok!$A$2:$C$346,3,0)-VLOOKUP(S$1,városok!$A$2:$C$346,3,0))^2)/1000,0)</f>
        <v>194</v>
      </c>
      <c r="T137">
        <f ca="1">ROUND(SQRT((VLOOKUP($A137,városok!$A$2:$C$346,2,0)-VLOOKUP(T$1,városok!$A$2:$C$346,2,0))^2+(VLOOKUP($A137,városok!$A$2:$C$346,3,0)-VLOOKUP(T$1,városok!$A$2:$C$346,3,0))^2)/1000,0)</f>
        <v>236</v>
      </c>
      <c r="U137">
        <f ca="1">ROUND(SQRT((VLOOKUP($A137,városok!$A$2:$C$346,2,0)-VLOOKUP(U$1,városok!$A$2:$C$346,2,0))^2+(VLOOKUP($A137,városok!$A$2:$C$346,3,0)-VLOOKUP(U$1,városok!$A$2:$C$346,3,0))^2)/1000,0)</f>
        <v>225</v>
      </c>
      <c r="V137">
        <f ca="1">ROUND(SQRT((VLOOKUP($A137,városok!$A$2:$C$346,2,0)-VLOOKUP(V$1,városok!$A$2:$C$346,2,0))^2+(VLOOKUP($A137,városok!$A$2:$C$346,3,0)-VLOOKUP(V$1,városok!$A$2:$C$346,3,0))^2)/1000,0)</f>
        <v>268</v>
      </c>
      <c r="W137">
        <f ca="1">ROUND(SQRT((VLOOKUP($A137,városok!$A$2:$C$346,2,0)-VLOOKUP(W$1,városok!$A$2:$C$346,2,0))^2+(VLOOKUP($A137,városok!$A$2:$C$346,3,0)-VLOOKUP(W$1,városok!$A$2:$C$346,3,0))^2)/1000,0)</f>
        <v>250</v>
      </c>
      <c r="X137">
        <f ca="1">ROUND(SQRT((VLOOKUP($A137,városok!$A$2:$C$346,2,0)-VLOOKUP(X$1,városok!$A$2:$C$346,2,0))^2+(VLOOKUP($A137,városok!$A$2:$C$346,3,0)-VLOOKUP(X$1,városok!$A$2:$C$346,3,0))^2)/1000,0)</f>
        <v>261</v>
      </c>
      <c r="Y137">
        <f ca="1">ROUND(SQRT((VLOOKUP($A137,városok!$A$2:$C$346,2,0)-VLOOKUP(Y$1,városok!$A$2:$C$346,2,0))^2+(VLOOKUP($A137,városok!$A$2:$C$346,3,0)-VLOOKUP(Y$1,városok!$A$2:$C$346,3,0))^2)/1000,0)</f>
        <v>310</v>
      </c>
      <c r="Z137">
        <f ca="1">ROUND(SQRT((VLOOKUP($A137,városok!$A$2:$C$346,2,0)-VLOOKUP(Z$1,városok!$A$2:$C$346,2,0))^2+(VLOOKUP($A137,városok!$A$2:$C$346,3,0)-VLOOKUP(Z$1,városok!$A$2:$C$346,3,0))^2)/1000,0)</f>
        <v>328</v>
      </c>
      <c r="AA137">
        <f ca="1">ROUND(SQRT((VLOOKUP($A137,városok!$A$2:$C$346,2,0)-VLOOKUP(AA$1,városok!$A$2:$C$346,2,0))^2+(VLOOKUP($A137,városok!$A$2:$C$346,3,0)-VLOOKUP(AA$1,városok!$A$2:$C$346,3,0))^2)/1000,0)</f>
        <v>389</v>
      </c>
      <c r="AB137">
        <f ca="1">ROUND(SQRT((VLOOKUP($A137,városok!$A$2:$C$346,2,0)-VLOOKUP(AB$1,városok!$A$2:$C$346,2,0))^2+(VLOOKUP($A137,városok!$A$2:$C$346,3,0)-VLOOKUP(AB$1,városok!$A$2:$C$346,3,0))^2)/1000,0)</f>
        <v>13</v>
      </c>
      <c r="AC137">
        <f ca="1">ROUND(SQRT((VLOOKUP($A137,városok!$A$2:$C$346,2,0)-VLOOKUP(AC$1,városok!$A$2:$C$346,2,0))^2+(VLOOKUP($A137,városok!$A$2:$C$346,3,0)-VLOOKUP(AC$1,városok!$A$2:$C$346,3,0))^2)/1000,0)</f>
        <v>33</v>
      </c>
      <c r="AD137">
        <f ca="1">ROUND(SQRT((VLOOKUP($A137,városok!$A$2:$C$346,2,0)-VLOOKUP(AD$1,városok!$A$2:$C$346,2,0))^2+(VLOOKUP($A137,városok!$A$2:$C$346,3,0)-VLOOKUP(AD$1,városok!$A$2:$C$346,3,0))^2)/1000,0)</f>
        <v>49</v>
      </c>
      <c r="AE137">
        <f ca="1">ROUND(SQRT((VLOOKUP($A137,városok!$A$2:$C$346,2,0)-VLOOKUP(AE$1,városok!$A$2:$C$346,2,0))^2+(VLOOKUP($A137,városok!$A$2:$C$346,3,0)-VLOOKUP(AE$1,városok!$A$2:$C$346,3,0))^2)/1000,0)</f>
        <v>57</v>
      </c>
      <c r="AF137">
        <f ca="1">ROUND(SQRT((VLOOKUP($A137,városok!$A$2:$C$346,2,0)-VLOOKUP(AF$1,városok!$A$2:$C$346,2,0))^2+(VLOOKUP($A137,városok!$A$2:$C$346,3,0)-VLOOKUP(AF$1,városok!$A$2:$C$346,3,0))^2)/1000,0)</f>
        <v>109</v>
      </c>
      <c r="AG137">
        <f ca="1">ROUND(SQRT((VLOOKUP($A137,városok!$A$2:$C$346,2,0)-VLOOKUP(AG$1,városok!$A$2:$C$346,2,0))^2+(VLOOKUP($A137,városok!$A$2:$C$346,3,0)-VLOOKUP(AG$1,városok!$A$2:$C$346,3,0))^2)/1000,0)</f>
        <v>139</v>
      </c>
      <c r="AH137">
        <f ca="1">ROUND(SQRT((VLOOKUP($A137,városok!$A$2:$C$346,2,0)-VLOOKUP(AH$1,városok!$A$2:$C$346,2,0))^2+(VLOOKUP($A137,városok!$A$2:$C$346,3,0)-VLOOKUP(AH$1,városok!$A$2:$C$346,3,0))^2)/1000,0)</f>
        <v>157</v>
      </c>
      <c r="AI137">
        <f ca="1">ROUND(SQRT((VLOOKUP($A137,városok!$A$2:$C$346,2,0)-VLOOKUP(AI$1,városok!$A$2:$C$346,2,0))^2+(VLOOKUP($A137,városok!$A$2:$C$346,3,0)-VLOOKUP(AI$1,városok!$A$2:$C$346,3,0))^2)/1000,0)</f>
        <v>133</v>
      </c>
      <c r="AJ137">
        <f ca="1">ROUND(SQRT((VLOOKUP($A137,városok!$A$2:$C$346,2,0)-VLOOKUP(AJ$1,városok!$A$2:$C$346,2,0))^2+(VLOOKUP($A137,városok!$A$2:$C$346,3,0)-VLOOKUP(AJ$1,városok!$A$2:$C$346,3,0))^2)/1000,0)</f>
        <v>134</v>
      </c>
      <c r="AK137">
        <f ca="1">ROUND(SQRT((VLOOKUP($A137,városok!$A$2:$C$346,2,0)-VLOOKUP(AK$1,városok!$A$2:$C$346,2,0))^2+(VLOOKUP($A137,városok!$A$2:$C$346,3,0)-VLOOKUP(AK$1,városok!$A$2:$C$346,3,0))^2)/1000,0)</f>
        <v>69</v>
      </c>
      <c r="AL137">
        <f ca="1">ROUND(SQRT((VLOOKUP($A137,városok!$A$2:$C$346,2,0)-VLOOKUP(AL$1,városok!$A$2:$C$346,2,0))^2+(VLOOKUP($A137,városok!$A$2:$C$346,3,0)-VLOOKUP(AL$1,városok!$A$2:$C$346,3,0))^2)/1000,0)</f>
        <v>89</v>
      </c>
      <c r="AM137">
        <f ca="1">ROUND(SQRT((VLOOKUP($A137,városok!$A$2:$C$346,2,0)-VLOOKUP(AM$1,városok!$A$2:$C$346,2,0))^2+(VLOOKUP($A137,városok!$A$2:$C$346,3,0)-VLOOKUP(AM$1,városok!$A$2:$C$346,3,0))^2)/1000,0)</f>
        <v>128</v>
      </c>
      <c r="AN137">
        <f ca="1">ROUND(SQRT((VLOOKUP($A137,városok!$A$2:$C$346,2,0)-VLOOKUP(AN$1,városok!$A$2:$C$346,2,0))^2+(VLOOKUP($A137,városok!$A$2:$C$346,3,0)-VLOOKUP(AN$1,városok!$A$2:$C$346,3,0))^2)/1000,0)</f>
        <v>227</v>
      </c>
      <c r="AO137">
        <f ca="1">ROUND(SQRT((VLOOKUP($A137,városok!$A$2:$C$346,2,0)-VLOOKUP(AO$1,városok!$A$2:$C$346,2,0))^2+(VLOOKUP($A137,városok!$A$2:$C$346,3,0)-VLOOKUP(AO$1,városok!$A$2:$C$346,3,0))^2)/1000,0)</f>
        <v>274</v>
      </c>
      <c r="AP137">
        <f ca="1">ROUND(SQRT((VLOOKUP($A137,városok!$A$2:$C$346,2,0)-VLOOKUP(AP$1,városok!$A$2:$C$346,2,0))^2+(VLOOKUP($A137,városok!$A$2:$C$346,3,0)-VLOOKUP(AP$1,városok!$A$2:$C$346,3,0))^2)/1000,0)</f>
        <v>258</v>
      </c>
      <c r="AQ137">
        <f ca="1">ROUND(SQRT((VLOOKUP($A137,városok!$A$2:$C$346,2,0)-VLOOKUP(AQ$1,városok!$A$2:$C$346,2,0))^2+(VLOOKUP($A137,városok!$A$2:$C$346,3,0)-VLOOKUP(AQ$1,városok!$A$2:$C$346,3,0))^2)/1000,0)</f>
        <v>252</v>
      </c>
      <c r="AR137">
        <f ca="1">ROUND(SQRT((VLOOKUP($A137,városok!$A$2:$C$346,2,0)-VLOOKUP(AR$1,városok!$A$2:$C$346,2,0))^2+(VLOOKUP($A137,városok!$A$2:$C$346,3,0)-VLOOKUP(AR$1,városok!$A$2:$C$346,3,0))^2)/1000,0)</f>
        <v>159</v>
      </c>
      <c r="AS137">
        <f ca="1">ROUND(SQRT((VLOOKUP($A137,városok!$A$2:$C$346,2,0)-VLOOKUP(AS$1,városok!$A$2:$C$346,2,0))^2+(VLOOKUP($A137,városok!$A$2:$C$346,3,0)-VLOOKUP(AS$1,városok!$A$2:$C$346,3,0))^2)/1000,0)</f>
        <v>156</v>
      </c>
      <c r="AT137">
        <f ca="1">ROUND(SQRT((VLOOKUP($A137,városok!$A$2:$C$346,2,0)-VLOOKUP(AT$1,városok!$A$2:$C$346,2,0))^2+(VLOOKUP($A137,városok!$A$2:$C$346,3,0)-VLOOKUP(AT$1,városok!$A$2:$C$346,3,0))^2)/1000,0)</f>
        <v>222</v>
      </c>
      <c r="AU137">
        <f ca="1">ROUND(SQRT((VLOOKUP($A137,városok!$A$2:$C$346,2,0)-VLOOKUP(AU$1,városok!$A$2:$C$346,2,0))^2+(VLOOKUP($A137,városok!$A$2:$C$346,3,0)-VLOOKUP(AU$1,városok!$A$2:$C$346,3,0))^2)/1000,0)</f>
        <v>211</v>
      </c>
      <c r="AV137">
        <f ca="1">ROUND(SQRT((VLOOKUP($A137,városok!$A$2:$C$346,2,0)-VLOOKUP(AV$1,városok!$A$2:$C$346,2,0))^2+(VLOOKUP($A137,városok!$A$2:$C$346,3,0)-VLOOKUP(AV$1,városok!$A$2:$C$346,3,0))^2)/1000,0)</f>
        <v>213</v>
      </c>
      <c r="AW137">
        <f ca="1">ROUND(SQRT((VLOOKUP($A137,városok!$A$2:$C$346,2,0)-VLOOKUP(AW$1,városok!$A$2:$C$346,2,0))^2+(VLOOKUP($A137,városok!$A$2:$C$346,3,0)-VLOOKUP(AW$1,városok!$A$2:$C$346,3,0))^2)/1000,0)</f>
        <v>216</v>
      </c>
      <c r="AX137">
        <f ca="1">ROUND(SQRT((VLOOKUP($A137,városok!$A$2:$C$346,2,0)-VLOOKUP(AX$1,városok!$A$2:$C$346,2,0))^2+(VLOOKUP($A137,városok!$A$2:$C$346,3,0)-VLOOKUP(AX$1,városok!$A$2:$C$346,3,0))^2)/1000,0)</f>
        <v>163</v>
      </c>
      <c r="AY137">
        <f ca="1">ROUND(SQRT((VLOOKUP($A137,városok!$A$2:$C$346,2,0)-VLOOKUP(AY$1,városok!$A$2:$C$346,2,0))^2+(VLOOKUP($A137,városok!$A$2:$C$346,3,0)-VLOOKUP(AY$1,városok!$A$2:$C$346,3,0))^2)/1000,0)</f>
        <v>203</v>
      </c>
      <c r="AZ137">
        <f ca="1">ROUND(SQRT((VLOOKUP($A137,városok!$A$2:$C$346,2,0)-VLOOKUP(AZ$1,városok!$A$2:$C$346,2,0))^2+(VLOOKUP($A137,városok!$A$2:$C$346,3,0)-VLOOKUP(AZ$1,városok!$A$2:$C$346,3,0))^2)/1000,0)</f>
        <v>210</v>
      </c>
      <c r="BA137">
        <f ca="1">ROUND(SQRT((VLOOKUP($A137,városok!$A$2:$C$346,2,0)-VLOOKUP(BA$1,városok!$A$2:$C$346,2,0))^2+(VLOOKUP($A137,városok!$A$2:$C$346,3,0)-VLOOKUP(BA$1,városok!$A$2:$C$346,3,0))^2)/1000,0)</f>
        <v>321</v>
      </c>
      <c r="BB137">
        <f ca="1">ROUND(SQRT((VLOOKUP($A137,városok!$A$2:$C$346,2,0)-VLOOKUP(BB$1,városok!$A$2:$C$346,2,0))^2+(VLOOKUP($A137,városok!$A$2:$C$346,3,0)-VLOOKUP(BB$1,városok!$A$2:$C$346,3,0))^2)/1000,0)</f>
        <v>313</v>
      </c>
      <c r="BC137">
        <f ca="1">ROUND(SQRT((VLOOKUP($A137,városok!$A$2:$C$346,2,0)-VLOOKUP(BC$1,városok!$A$2:$C$346,2,0))^2+(VLOOKUP($A137,városok!$A$2:$C$346,3,0)-VLOOKUP(BC$1,városok!$A$2:$C$346,3,0))^2)/1000,0)</f>
        <v>332</v>
      </c>
      <c r="BD137">
        <f ca="1">ROUND(SQRT((VLOOKUP($A137,városok!$A$2:$C$346,2,0)-VLOOKUP(BD$1,városok!$A$2:$C$346,2,0))^2+(VLOOKUP($A137,városok!$A$2:$C$346,3,0)-VLOOKUP(BD$1,városok!$A$2:$C$346,3,0))^2)/1000,0)</f>
        <v>290</v>
      </c>
      <c r="BE137">
        <f ca="1">ROUND(SQRT((VLOOKUP($A137,városok!$A$2:$C$346,2,0)-VLOOKUP(BE$1,városok!$A$2:$C$346,2,0))^2+(VLOOKUP($A137,városok!$A$2:$C$346,3,0)-VLOOKUP(BE$1,városok!$A$2:$C$346,3,0))^2)/1000,0)</f>
        <v>73</v>
      </c>
      <c r="BF137">
        <f ca="1">ROUND(SQRT((VLOOKUP($A137,városok!$A$2:$C$346,2,0)-VLOOKUP(BF$1,városok!$A$2:$C$346,2,0))^2+(VLOOKUP($A137,városok!$A$2:$C$346,3,0)-VLOOKUP(BF$1,városok!$A$2:$C$346,3,0))^2)/1000,0)</f>
        <v>73</v>
      </c>
      <c r="BG137">
        <f ca="1">ROUND(SQRT((VLOOKUP($A137,városok!$A$2:$C$346,2,0)-VLOOKUP(BG$1,városok!$A$2:$C$346,2,0))^2+(VLOOKUP($A137,városok!$A$2:$C$346,3,0)-VLOOKUP(BG$1,városok!$A$2:$C$346,3,0))^2)/1000,0)</f>
        <v>62</v>
      </c>
      <c r="BH137">
        <f ca="1">ROUND(SQRT((VLOOKUP($A137,városok!$A$2:$C$346,2,0)-VLOOKUP(BH$1,városok!$A$2:$C$346,2,0))^2+(VLOOKUP($A137,városok!$A$2:$C$346,3,0)-VLOOKUP(BH$1,városok!$A$2:$C$346,3,0))^2)/1000,0)</f>
        <v>62</v>
      </c>
      <c r="BI137">
        <f ca="1">ROUND(SQRT((VLOOKUP($A137,városok!$A$2:$C$346,2,0)-VLOOKUP(BI$1,városok!$A$2:$C$346,2,0))^2+(VLOOKUP($A137,városok!$A$2:$C$346,3,0)-VLOOKUP(BI$1,városok!$A$2:$C$346,3,0))^2)/1000,0)</f>
        <v>274</v>
      </c>
      <c r="BJ137">
        <f ca="1">ROUND(SQRT((VLOOKUP($A137,városok!$A$2:$C$346,2,0)-VLOOKUP(BJ$1,városok!$A$2:$C$346,2,0))^2+(VLOOKUP($A137,városok!$A$2:$C$346,3,0)-VLOOKUP(BJ$1,városok!$A$2:$C$346,3,0))^2)/1000,0)</f>
        <v>291</v>
      </c>
      <c r="BK137">
        <f ca="1">ROUND(SQRT((VLOOKUP($A137,városok!$A$2:$C$346,2,0)-VLOOKUP(BK$1,városok!$A$2:$C$346,2,0))^2+(VLOOKUP($A137,városok!$A$2:$C$346,3,0)-VLOOKUP(BK$1,városok!$A$2:$C$346,3,0))^2)/1000,0)</f>
        <v>271</v>
      </c>
      <c r="BL137">
        <f ca="1">ROUND(SQRT((VLOOKUP($A137,városok!$A$2:$C$346,2,0)-VLOOKUP(BL$1,városok!$A$2:$C$346,2,0))^2+(VLOOKUP($A137,városok!$A$2:$C$346,3,0)-VLOOKUP(BL$1,városok!$A$2:$C$346,3,0))^2)/1000,0)</f>
        <v>395</v>
      </c>
      <c r="BM137">
        <f ca="1">ROUND(SQRT((VLOOKUP($A137,városok!$A$2:$C$346,2,0)-VLOOKUP(BM$1,városok!$A$2:$C$346,2,0))^2+(VLOOKUP($A137,városok!$A$2:$C$346,3,0)-VLOOKUP(BM$1,városok!$A$2:$C$346,3,0))^2)/1000,0)</f>
        <v>366</v>
      </c>
      <c r="BN137">
        <f ca="1">ROUND(SQRT((VLOOKUP($A137,városok!$A$2:$C$346,2,0)-VLOOKUP(BN$1,városok!$A$2:$C$346,2,0))^2+(VLOOKUP($A137,városok!$A$2:$C$346,3,0)-VLOOKUP(BN$1,városok!$A$2:$C$346,3,0))^2)/1000,0)</f>
        <v>390</v>
      </c>
      <c r="BO137">
        <f ca="1">ROUND(SQRT((VLOOKUP($A137,városok!$A$2:$C$346,2,0)-VLOOKUP(BO$1,városok!$A$2:$C$346,2,0))^2+(VLOOKUP($A137,városok!$A$2:$C$346,3,0)-VLOOKUP(BO$1,városok!$A$2:$C$346,3,0))^2)/1000,0)</f>
        <v>290</v>
      </c>
      <c r="BP137">
        <f ca="1">ROUND(SQRT((VLOOKUP($A137,városok!$A$2:$C$346,2,0)-VLOOKUP(BP$1,városok!$A$2:$C$346,2,0))^2+(VLOOKUP($A137,városok!$A$2:$C$346,3,0)-VLOOKUP(BP$1,városok!$A$2:$C$346,3,0))^2)/1000,0)</f>
        <v>283</v>
      </c>
      <c r="BQ137">
        <f ca="1">ROUND(SQRT((VLOOKUP($A137,városok!$A$2:$C$346,2,0)-VLOOKUP(BQ$1,városok!$A$2:$C$346,2,0))^2+(VLOOKUP($A137,városok!$A$2:$C$346,3,0)-VLOOKUP(BQ$1,városok!$A$2:$C$346,3,0))^2)/1000,0)</f>
        <v>296</v>
      </c>
      <c r="BR137">
        <f ca="1">ROUND(SQRT((VLOOKUP($A137,városok!$A$2:$C$346,2,0)-VLOOKUP(BR$1,városok!$A$2:$C$346,2,0))^2+(VLOOKUP($A137,városok!$A$2:$C$346,3,0)-VLOOKUP(BR$1,városok!$A$2:$C$346,3,0))^2)/1000,0)</f>
        <v>354</v>
      </c>
      <c r="BS137">
        <f ca="1">ROUND(SQRT((VLOOKUP($A137,városok!$A$2:$C$346,2,0)-VLOOKUP(BS$1,városok!$A$2:$C$346,2,0))^2+(VLOOKUP($A137,városok!$A$2:$C$346,3,0)-VLOOKUP(BS$1,városok!$A$2:$C$346,3,0))^2)/1000,0)</f>
        <v>384</v>
      </c>
      <c r="BT137">
        <f ca="1">ROUND(SQRT((VLOOKUP($A137,városok!$A$2:$C$346,2,0)-VLOOKUP(BT$1,városok!$A$2:$C$346,2,0))^2+(VLOOKUP($A137,városok!$A$2:$C$346,3,0)-VLOOKUP(BT$1,városok!$A$2:$C$346,3,0))^2)/1000,0)</f>
        <v>382</v>
      </c>
    </row>
    <row r="138" spans="1:72" x14ac:dyDescent="0.2">
      <c r="A138" t="str">
        <f>városok!A138</f>
        <v>Hajdúszoboszló</v>
      </c>
      <c r="B138">
        <f ca="1">ROUND(SQRT((VLOOKUP($A138,városok!$A$2:$C$346,2,0)-VLOOKUP(B$1,városok!$A$2:$C$346,2,0))^2+(VLOOKUP($A138,városok!$A$2:$C$346,3,0)-VLOOKUP(B$1,városok!$A$2:$C$346,3,0))^2)/1000,0)</f>
        <v>233</v>
      </c>
      <c r="C138">
        <f ca="1">ROUND(SQRT((VLOOKUP($A138,városok!$A$2:$C$346,2,0)-VLOOKUP(C$1,városok!$A$2:$C$346,2,0))^2+(VLOOKUP($A138,városok!$A$2:$C$346,3,0)-VLOOKUP(C$1,városok!$A$2:$C$346,3,0))^2)/1000,0)</f>
        <v>210</v>
      </c>
      <c r="D138">
        <f ca="1">ROUND(SQRT((VLOOKUP($A138,városok!$A$2:$C$346,2,0)-VLOOKUP(D$1,városok!$A$2:$C$346,2,0))^2+(VLOOKUP($A138,városok!$A$2:$C$346,3,0)-VLOOKUP(D$1,városok!$A$2:$C$346,3,0))^2)/1000,0)</f>
        <v>142</v>
      </c>
      <c r="E138">
        <f ca="1">ROUND(SQRT((VLOOKUP($A138,városok!$A$2:$C$346,2,0)-VLOOKUP(E$1,városok!$A$2:$C$346,2,0))^2+(VLOOKUP($A138,városok!$A$2:$C$346,3,0)-VLOOKUP(E$1,városok!$A$2:$C$346,3,0))^2)/1000,0)</f>
        <v>277</v>
      </c>
      <c r="F138">
        <f ca="1">ROUND(SQRT((VLOOKUP($A138,városok!$A$2:$C$346,2,0)-VLOOKUP(F$1,városok!$A$2:$C$346,2,0))^2+(VLOOKUP($A138,városok!$A$2:$C$346,3,0)-VLOOKUP(F$1,városok!$A$2:$C$346,3,0))^2)/1000,0)</f>
        <v>263</v>
      </c>
      <c r="G138">
        <f ca="1">ROUND(SQRT((VLOOKUP($A138,városok!$A$2:$C$346,2,0)-VLOOKUP(G$1,városok!$A$2:$C$346,2,0))^2+(VLOOKUP($A138,városok!$A$2:$C$346,3,0)-VLOOKUP(G$1,városok!$A$2:$C$346,3,0))^2)/1000,0)</f>
        <v>284</v>
      </c>
      <c r="H138">
        <f ca="1">ROUND(SQRT((VLOOKUP($A138,városok!$A$2:$C$346,2,0)-VLOOKUP(H$1,városok!$A$2:$C$346,2,0))^2+(VLOOKUP($A138,városok!$A$2:$C$346,3,0)-VLOOKUP(H$1,városok!$A$2:$C$346,3,0))^2)/1000,0)</f>
        <v>316</v>
      </c>
      <c r="I138">
        <f ca="1">ROUND(SQRT((VLOOKUP($A138,városok!$A$2:$C$346,2,0)-VLOOKUP(I$1,városok!$A$2:$C$346,2,0))^2+(VLOOKUP($A138,városok!$A$2:$C$346,3,0)-VLOOKUP(I$1,városok!$A$2:$C$346,3,0))^2)/1000,0)</f>
        <v>89</v>
      </c>
      <c r="J138">
        <f ca="1">ROUND(SQRT((VLOOKUP($A138,városok!$A$2:$C$346,2,0)-VLOOKUP(J$1,városok!$A$2:$C$346,2,0))^2+(VLOOKUP($A138,városok!$A$2:$C$346,3,0)-VLOOKUP(J$1,városok!$A$2:$C$346,3,0))^2)/1000,0)</f>
        <v>89</v>
      </c>
      <c r="K138">
        <f ca="1">ROUND(SQRT((VLOOKUP($A138,városok!$A$2:$C$346,2,0)-VLOOKUP(K$1,városok!$A$2:$C$346,2,0))^2+(VLOOKUP($A138,városok!$A$2:$C$346,3,0)-VLOOKUP(K$1,városok!$A$2:$C$346,3,0))^2)/1000,0)</f>
        <v>112</v>
      </c>
      <c r="L138">
        <f ca="1">ROUND(SQRT((VLOOKUP($A138,városok!$A$2:$C$346,2,0)-VLOOKUP(L$1,városok!$A$2:$C$346,2,0))^2+(VLOOKUP($A138,városok!$A$2:$C$346,3,0)-VLOOKUP(L$1,városok!$A$2:$C$346,3,0))^2)/1000,0)</f>
        <v>107</v>
      </c>
      <c r="M138">
        <f ca="1">ROUND(SQRT((VLOOKUP($A138,városok!$A$2:$C$346,2,0)-VLOOKUP(M$1,városok!$A$2:$C$346,2,0))^2+(VLOOKUP($A138,városok!$A$2:$C$346,3,0)-VLOOKUP(M$1,városok!$A$2:$C$346,3,0))^2)/1000,0)</f>
        <v>86</v>
      </c>
      <c r="N138">
        <f ca="1">ROUND(SQRT((VLOOKUP($A138,városok!$A$2:$C$346,2,0)-VLOOKUP(N$1,városok!$A$2:$C$346,2,0))^2+(VLOOKUP($A138,városok!$A$2:$C$346,3,0)-VLOOKUP(N$1,városok!$A$2:$C$346,3,0))^2)/1000,0)</f>
        <v>120</v>
      </c>
      <c r="O138">
        <f ca="1">ROUND(SQRT((VLOOKUP($A138,városok!$A$2:$C$346,2,0)-VLOOKUP(O$1,városok!$A$2:$C$346,2,0))^2+(VLOOKUP($A138,városok!$A$2:$C$346,3,0)-VLOOKUP(O$1,városok!$A$2:$C$346,3,0))^2)/1000,0)</f>
        <v>108</v>
      </c>
      <c r="P138">
        <f ca="1">ROUND(SQRT((VLOOKUP($A138,városok!$A$2:$C$346,2,0)-VLOOKUP(P$1,városok!$A$2:$C$346,2,0))^2+(VLOOKUP($A138,városok!$A$2:$C$346,3,0)-VLOOKUP(P$1,városok!$A$2:$C$346,3,0))^2)/1000,0)</f>
        <v>108</v>
      </c>
      <c r="Q138">
        <f ca="1">ROUND(SQRT((VLOOKUP($A138,városok!$A$2:$C$346,2,0)-VLOOKUP(Q$1,városok!$A$2:$C$346,2,0))^2+(VLOOKUP($A138,városok!$A$2:$C$346,3,0)-VLOOKUP(Q$1,városok!$A$2:$C$346,3,0))^2)/1000,0)</f>
        <v>140</v>
      </c>
      <c r="R138">
        <f ca="1">ROUND(SQRT((VLOOKUP($A138,városok!$A$2:$C$346,2,0)-VLOOKUP(R$1,városok!$A$2:$C$346,2,0))^2+(VLOOKUP($A138,városok!$A$2:$C$346,3,0)-VLOOKUP(R$1,városok!$A$2:$C$346,3,0))^2)/1000,0)</f>
        <v>153</v>
      </c>
      <c r="S138">
        <f ca="1">ROUND(SQRT((VLOOKUP($A138,városok!$A$2:$C$346,2,0)-VLOOKUP(S$1,városok!$A$2:$C$346,2,0))^2+(VLOOKUP($A138,városok!$A$2:$C$346,3,0)-VLOOKUP(S$1,városok!$A$2:$C$346,3,0))^2)/1000,0)</f>
        <v>163</v>
      </c>
      <c r="T138">
        <f ca="1">ROUND(SQRT((VLOOKUP($A138,városok!$A$2:$C$346,2,0)-VLOOKUP(T$1,városok!$A$2:$C$346,2,0))^2+(VLOOKUP($A138,városok!$A$2:$C$346,3,0)-VLOOKUP(T$1,városok!$A$2:$C$346,3,0))^2)/1000,0)</f>
        <v>208</v>
      </c>
      <c r="U138">
        <f ca="1">ROUND(SQRT((VLOOKUP($A138,városok!$A$2:$C$346,2,0)-VLOOKUP(U$1,városok!$A$2:$C$346,2,0))^2+(VLOOKUP($A138,városok!$A$2:$C$346,3,0)-VLOOKUP(U$1,városok!$A$2:$C$346,3,0))^2)/1000,0)</f>
        <v>194</v>
      </c>
      <c r="V138">
        <f ca="1">ROUND(SQRT((VLOOKUP($A138,városok!$A$2:$C$346,2,0)-VLOOKUP(V$1,városok!$A$2:$C$346,2,0))^2+(VLOOKUP($A138,városok!$A$2:$C$346,3,0)-VLOOKUP(V$1,városok!$A$2:$C$346,3,0))^2)/1000,0)</f>
        <v>238</v>
      </c>
      <c r="W138">
        <f ca="1">ROUND(SQRT((VLOOKUP($A138,városok!$A$2:$C$346,2,0)-VLOOKUP(W$1,városok!$A$2:$C$346,2,0))^2+(VLOOKUP($A138,városok!$A$2:$C$346,3,0)-VLOOKUP(W$1,városok!$A$2:$C$346,3,0))^2)/1000,0)</f>
        <v>219</v>
      </c>
      <c r="X138">
        <f ca="1">ROUND(SQRT((VLOOKUP($A138,városok!$A$2:$C$346,2,0)-VLOOKUP(X$1,városok!$A$2:$C$346,2,0))^2+(VLOOKUP($A138,városok!$A$2:$C$346,3,0)-VLOOKUP(X$1,városok!$A$2:$C$346,3,0))^2)/1000,0)</f>
        <v>232</v>
      </c>
      <c r="Y138">
        <f ca="1">ROUND(SQRT((VLOOKUP($A138,városok!$A$2:$C$346,2,0)-VLOOKUP(Y$1,városok!$A$2:$C$346,2,0))^2+(VLOOKUP($A138,városok!$A$2:$C$346,3,0)-VLOOKUP(Y$1,városok!$A$2:$C$346,3,0))^2)/1000,0)</f>
        <v>284</v>
      </c>
      <c r="Z138">
        <f ca="1">ROUND(SQRT((VLOOKUP($A138,városok!$A$2:$C$346,2,0)-VLOOKUP(Z$1,városok!$A$2:$C$346,2,0))^2+(VLOOKUP($A138,városok!$A$2:$C$346,3,0)-VLOOKUP(Z$1,városok!$A$2:$C$346,3,0))^2)/1000,0)</f>
        <v>303</v>
      </c>
      <c r="AA138">
        <f ca="1">ROUND(SQRT((VLOOKUP($A138,városok!$A$2:$C$346,2,0)-VLOOKUP(AA$1,városok!$A$2:$C$346,2,0))^2+(VLOOKUP($A138,városok!$A$2:$C$346,3,0)-VLOOKUP(AA$1,városok!$A$2:$C$346,3,0))^2)/1000,0)</f>
        <v>363</v>
      </c>
      <c r="AB138">
        <f ca="1">ROUND(SQRT((VLOOKUP($A138,városok!$A$2:$C$346,2,0)-VLOOKUP(AB$1,városok!$A$2:$C$346,2,0))^2+(VLOOKUP($A138,városok!$A$2:$C$346,3,0)-VLOOKUP(AB$1,városok!$A$2:$C$346,3,0))^2)/1000,0)</f>
        <v>20</v>
      </c>
      <c r="AC138">
        <f ca="1">ROUND(SQRT((VLOOKUP($A138,városok!$A$2:$C$346,2,0)-VLOOKUP(AC$1,városok!$A$2:$C$346,2,0))^2+(VLOOKUP($A138,városok!$A$2:$C$346,3,0)-VLOOKUP(AC$1,városok!$A$2:$C$346,3,0))^2)/1000,0)</f>
        <v>0</v>
      </c>
      <c r="AD138">
        <f ca="1">ROUND(SQRT((VLOOKUP($A138,városok!$A$2:$C$346,2,0)-VLOOKUP(AD$1,városok!$A$2:$C$346,2,0))^2+(VLOOKUP($A138,városok!$A$2:$C$346,3,0)-VLOOKUP(AD$1,városok!$A$2:$C$346,3,0))^2)/1000,0)</f>
        <v>18</v>
      </c>
      <c r="AE138">
        <f ca="1">ROUND(SQRT((VLOOKUP($A138,városok!$A$2:$C$346,2,0)-VLOOKUP(AE$1,városok!$A$2:$C$346,2,0))^2+(VLOOKUP($A138,városok!$A$2:$C$346,3,0)-VLOOKUP(AE$1,városok!$A$2:$C$346,3,0))^2)/1000,0)</f>
        <v>25</v>
      </c>
      <c r="AF138">
        <f ca="1">ROUND(SQRT((VLOOKUP($A138,városok!$A$2:$C$346,2,0)-VLOOKUP(AF$1,városok!$A$2:$C$346,2,0))^2+(VLOOKUP($A138,városok!$A$2:$C$346,3,0)-VLOOKUP(AF$1,városok!$A$2:$C$346,3,0))^2)/1000,0)</f>
        <v>92</v>
      </c>
      <c r="AG138">
        <f ca="1">ROUND(SQRT((VLOOKUP($A138,városok!$A$2:$C$346,2,0)-VLOOKUP(AG$1,városok!$A$2:$C$346,2,0))^2+(VLOOKUP($A138,városok!$A$2:$C$346,3,0)-VLOOKUP(AG$1,városok!$A$2:$C$346,3,0))^2)/1000,0)</f>
        <v>117</v>
      </c>
      <c r="AH138">
        <f ca="1">ROUND(SQRT((VLOOKUP($A138,városok!$A$2:$C$346,2,0)-VLOOKUP(AH$1,városok!$A$2:$C$346,2,0))^2+(VLOOKUP($A138,városok!$A$2:$C$346,3,0)-VLOOKUP(AH$1,városok!$A$2:$C$346,3,0))^2)/1000,0)</f>
        <v>132</v>
      </c>
      <c r="AI138">
        <f ca="1">ROUND(SQRT((VLOOKUP($A138,városok!$A$2:$C$346,2,0)-VLOOKUP(AI$1,városok!$A$2:$C$346,2,0))^2+(VLOOKUP($A138,városok!$A$2:$C$346,3,0)-VLOOKUP(AI$1,városok!$A$2:$C$346,3,0))^2)/1000,0)</f>
        <v>117</v>
      </c>
      <c r="AJ138">
        <f ca="1">ROUND(SQRT((VLOOKUP($A138,városok!$A$2:$C$346,2,0)-VLOOKUP(AJ$1,városok!$A$2:$C$346,2,0))^2+(VLOOKUP($A138,városok!$A$2:$C$346,3,0)-VLOOKUP(AJ$1,városok!$A$2:$C$346,3,0))^2)/1000,0)</f>
        <v>109</v>
      </c>
      <c r="AK138">
        <f ca="1">ROUND(SQRT((VLOOKUP($A138,városok!$A$2:$C$346,2,0)-VLOOKUP(AK$1,városok!$A$2:$C$346,2,0))^2+(VLOOKUP($A138,városok!$A$2:$C$346,3,0)-VLOOKUP(AK$1,városok!$A$2:$C$346,3,0))^2)/1000,0)</f>
        <v>37</v>
      </c>
      <c r="AL138">
        <f ca="1">ROUND(SQRT((VLOOKUP($A138,városok!$A$2:$C$346,2,0)-VLOOKUP(AL$1,városok!$A$2:$C$346,2,0))^2+(VLOOKUP($A138,városok!$A$2:$C$346,3,0)-VLOOKUP(AL$1,városok!$A$2:$C$346,3,0))^2)/1000,0)</f>
        <v>59</v>
      </c>
      <c r="AM138">
        <f ca="1">ROUND(SQRT((VLOOKUP($A138,városok!$A$2:$C$346,2,0)-VLOOKUP(AM$1,városok!$A$2:$C$346,2,0))^2+(VLOOKUP($A138,városok!$A$2:$C$346,3,0)-VLOOKUP(AM$1,városok!$A$2:$C$346,3,0))^2)/1000,0)</f>
        <v>96</v>
      </c>
      <c r="AN138">
        <f ca="1">ROUND(SQRT((VLOOKUP($A138,városok!$A$2:$C$346,2,0)-VLOOKUP(AN$1,városok!$A$2:$C$346,2,0))^2+(VLOOKUP($A138,városok!$A$2:$C$346,3,0)-VLOOKUP(AN$1,városok!$A$2:$C$346,3,0))^2)/1000,0)</f>
        <v>203</v>
      </c>
      <c r="AO138">
        <f ca="1">ROUND(SQRT((VLOOKUP($A138,városok!$A$2:$C$346,2,0)-VLOOKUP(AO$1,városok!$A$2:$C$346,2,0))^2+(VLOOKUP($A138,városok!$A$2:$C$346,3,0)-VLOOKUP(AO$1,városok!$A$2:$C$346,3,0))^2)/1000,0)</f>
        <v>248</v>
      </c>
      <c r="AP138">
        <f ca="1">ROUND(SQRT((VLOOKUP($A138,városok!$A$2:$C$346,2,0)-VLOOKUP(AP$1,városok!$A$2:$C$346,2,0))^2+(VLOOKUP($A138,városok!$A$2:$C$346,3,0)-VLOOKUP(AP$1,városok!$A$2:$C$346,3,0))^2)/1000,0)</f>
        <v>232</v>
      </c>
      <c r="AQ138">
        <f ca="1">ROUND(SQRT((VLOOKUP($A138,városok!$A$2:$C$346,2,0)-VLOOKUP(AQ$1,városok!$A$2:$C$346,2,0))^2+(VLOOKUP($A138,városok!$A$2:$C$346,3,0)-VLOOKUP(AQ$1,városok!$A$2:$C$346,3,0))^2)/1000,0)</f>
        <v>225</v>
      </c>
      <c r="AR138">
        <f ca="1">ROUND(SQRT((VLOOKUP($A138,városok!$A$2:$C$346,2,0)-VLOOKUP(AR$1,városok!$A$2:$C$346,2,0))^2+(VLOOKUP($A138,városok!$A$2:$C$346,3,0)-VLOOKUP(AR$1,városok!$A$2:$C$346,3,0))^2)/1000,0)</f>
        <v>138</v>
      </c>
      <c r="AS138">
        <f ca="1">ROUND(SQRT((VLOOKUP($A138,városok!$A$2:$C$346,2,0)-VLOOKUP(AS$1,városok!$A$2:$C$346,2,0))^2+(VLOOKUP($A138,városok!$A$2:$C$346,3,0)-VLOOKUP(AS$1,városok!$A$2:$C$346,3,0))^2)/1000,0)</f>
        <v>140</v>
      </c>
      <c r="AT138">
        <f ca="1">ROUND(SQRT((VLOOKUP($A138,városok!$A$2:$C$346,2,0)-VLOOKUP(AT$1,városok!$A$2:$C$346,2,0))^2+(VLOOKUP($A138,városok!$A$2:$C$346,3,0)-VLOOKUP(AT$1,városok!$A$2:$C$346,3,0))^2)/1000,0)</f>
        <v>194</v>
      </c>
      <c r="AU138">
        <f ca="1">ROUND(SQRT((VLOOKUP($A138,városok!$A$2:$C$346,2,0)-VLOOKUP(AU$1,városok!$A$2:$C$346,2,0))^2+(VLOOKUP($A138,városok!$A$2:$C$346,3,0)-VLOOKUP(AU$1,városok!$A$2:$C$346,3,0))^2)/1000,0)</f>
        <v>184</v>
      </c>
      <c r="AV138">
        <f ca="1">ROUND(SQRT((VLOOKUP($A138,városok!$A$2:$C$346,2,0)-VLOOKUP(AV$1,városok!$A$2:$C$346,2,0))^2+(VLOOKUP($A138,városok!$A$2:$C$346,3,0)-VLOOKUP(AV$1,városok!$A$2:$C$346,3,0))^2)/1000,0)</f>
        <v>185</v>
      </c>
      <c r="AW138">
        <f ca="1">ROUND(SQRT((VLOOKUP($A138,városok!$A$2:$C$346,2,0)-VLOOKUP(AW$1,városok!$A$2:$C$346,2,0))^2+(VLOOKUP($A138,városok!$A$2:$C$346,3,0)-VLOOKUP(AW$1,városok!$A$2:$C$346,3,0))^2)/1000,0)</f>
        <v>188</v>
      </c>
      <c r="AX138">
        <f ca="1">ROUND(SQRT((VLOOKUP($A138,városok!$A$2:$C$346,2,0)-VLOOKUP(AX$1,városok!$A$2:$C$346,2,0))^2+(VLOOKUP($A138,városok!$A$2:$C$346,3,0)-VLOOKUP(AX$1,városok!$A$2:$C$346,3,0))^2)/1000,0)</f>
        <v>131</v>
      </c>
      <c r="AY138">
        <f ca="1">ROUND(SQRT((VLOOKUP($A138,városok!$A$2:$C$346,2,0)-VLOOKUP(AY$1,városok!$A$2:$C$346,2,0))^2+(VLOOKUP($A138,városok!$A$2:$C$346,3,0)-VLOOKUP(AY$1,városok!$A$2:$C$346,3,0))^2)/1000,0)</f>
        <v>178</v>
      </c>
      <c r="AZ138">
        <f ca="1">ROUND(SQRT((VLOOKUP($A138,városok!$A$2:$C$346,2,0)-VLOOKUP(AZ$1,városok!$A$2:$C$346,2,0))^2+(VLOOKUP($A138,városok!$A$2:$C$346,3,0)-VLOOKUP(AZ$1,városok!$A$2:$C$346,3,0))^2)/1000,0)</f>
        <v>186</v>
      </c>
      <c r="BA138">
        <f ca="1">ROUND(SQRT((VLOOKUP($A138,városok!$A$2:$C$346,2,0)-VLOOKUP(BA$1,városok!$A$2:$C$346,2,0))^2+(VLOOKUP($A138,városok!$A$2:$C$346,3,0)-VLOOKUP(BA$1,városok!$A$2:$C$346,3,0))^2)/1000,0)</f>
        <v>290</v>
      </c>
      <c r="BB138">
        <f ca="1">ROUND(SQRT((VLOOKUP($A138,városok!$A$2:$C$346,2,0)-VLOOKUP(BB$1,városok!$A$2:$C$346,2,0))^2+(VLOOKUP($A138,városok!$A$2:$C$346,3,0)-VLOOKUP(BB$1,városok!$A$2:$C$346,3,0))^2)/1000,0)</f>
        <v>281</v>
      </c>
      <c r="BC138">
        <f ca="1">ROUND(SQRT((VLOOKUP($A138,városok!$A$2:$C$346,2,0)-VLOOKUP(BC$1,városok!$A$2:$C$346,2,0))^2+(VLOOKUP($A138,városok!$A$2:$C$346,3,0)-VLOOKUP(BC$1,városok!$A$2:$C$346,3,0))^2)/1000,0)</f>
        <v>300</v>
      </c>
      <c r="BD138">
        <f ca="1">ROUND(SQRT((VLOOKUP($A138,városok!$A$2:$C$346,2,0)-VLOOKUP(BD$1,városok!$A$2:$C$346,2,0))^2+(VLOOKUP($A138,városok!$A$2:$C$346,3,0)-VLOOKUP(BD$1,városok!$A$2:$C$346,3,0))^2)/1000,0)</f>
        <v>259</v>
      </c>
      <c r="BE138">
        <f ca="1">ROUND(SQRT((VLOOKUP($A138,városok!$A$2:$C$346,2,0)-VLOOKUP(BE$1,városok!$A$2:$C$346,2,0))^2+(VLOOKUP($A138,városok!$A$2:$C$346,3,0)-VLOOKUP(BE$1,városok!$A$2:$C$346,3,0))^2)/1000,0)</f>
        <v>105</v>
      </c>
      <c r="BF138">
        <f ca="1">ROUND(SQRT((VLOOKUP($A138,városok!$A$2:$C$346,2,0)-VLOOKUP(BF$1,városok!$A$2:$C$346,2,0))^2+(VLOOKUP($A138,városok!$A$2:$C$346,3,0)-VLOOKUP(BF$1,városok!$A$2:$C$346,3,0))^2)/1000,0)</f>
        <v>101</v>
      </c>
      <c r="BG138">
        <f ca="1">ROUND(SQRT((VLOOKUP($A138,városok!$A$2:$C$346,2,0)-VLOOKUP(BG$1,városok!$A$2:$C$346,2,0))^2+(VLOOKUP($A138,városok!$A$2:$C$346,3,0)-VLOOKUP(BG$1,városok!$A$2:$C$346,3,0))^2)/1000,0)</f>
        <v>76</v>
      </c>
      <c r="BH138">
        <f ca="1">ROUND(SQRT((VLOOKUP($A138,városok!$A$2:$C$346,2,0)-VLOOKUP(BH$1,városok!$A$2:$C$346,2,0))^2+(VLOOKUP($A138,városok!$A$2:$C$346,3,0)-VLOOKUP(BH$1,városok!$A$2:$C$346,3,0))^2)/1000,0)</f>
        <v>76</v>
      </c>
      <c r="BI138">
        <f ca="1">ROUND(SQRT((VLOOKUP($A138,városok!$A$2:$C$346,2,0)-VLOOKUP(BI$1,városok!$A$2:$C$346,2,0))^2+(VLOOKUP($A138,városok!$A$2:$C$346,3,0)-VLOOKUP(BI$1,városok!$A$2:$C$346,3,0))^2)/1000,0)</f>
        <v>241</v>
      </c>
      <c r="BJ138">
        <f ca="1">ROUND(SQRT((VLOOKUP($A138,városok!$A$2:$C$346,2,0)-VLOOKUP(BJ$1,városok!$A$2:$C$346,2,0))^2+(VLOOKUP($A138,városok!$A$2:$C$346,3,0)-VLOOKUP(BJ$1,városok!$A$2:$C$346,3,0))^2)/1000,0)</f>
        <v>258</v>
      </c>
      <c r="BK138">
        <f ca="1">ROUND(SQRT((VLOOKUP($A138,városok!$A$2:$C$346,2,0)-VLOOKUP(BK$1,városok!$A$2:$C$346,2,0))^2+(VLOOKUP($A138,városok!$A$2:$C$346,3,0)-VLOOKUP(BK$1,városok!$A$2:$C$346,3,0))^2)/1000,0)</f>
        <v>238</v>
      </c>
      <c r="BL138">
        <f ca="1">ROUND(SQRT((VLOOKUP($A138,városok!$A$2:$C$346,2,0)-VLOOKUP(BL$1,városok!$A$2:$C$346,2,0))^2+(VLOOKUP($A138,városok!$A$2:$C$346,3,0)-VLOOKUP(BL$1,városok!$A$2:$C$346,3,0))^2)/1000,0)</f>
        <v>366</v>
      </c>
      <c r="BM138">
        <f ca="1">ROUND(SQRT((VLOOKUP($A138,városok!$A$2:$C$346,2,0)-VLOOKUP(BM$1,városok!$A$2:$C$346,2,0))^2+(VLOOKUP($A138,városok!$A$2:$C$346,3,0)-VLOOKUP(BM$1,városok!$A$2:$C$346,3,0))^2)/1000,0)</f>
        <v>338</v>
      </c>
      <c r="BN138">
        <f ca="1">ROUND(SQRT((VLOOKUP($A138,városok!$A$2:$C$346,2,0)-VLOOKUP(BN$1,városok!$A$2:$C$346,2,0))^2+(VLOOKUP($A138,városok!$A$2:$C$346,3,0)-VLOOKUP(BN$1,városok!$A$2:$C$346,3,0))^2)/1000,0)</f>
        <v>361</v>
      </c>
      <c r="BO138">
        <f ca="1">ROUND(SQRT((VLOOKUP($A138,városok!$A$2:$C$346,2,0)-VLOOKUP(BO$1,városok!$A$2:$C$346,2,0))^2+(VLOOKUP($A138,városok!$A$2:$C$346,3,0)-VLOOKUP(BO$1,városok!$A$2:$C$346,3,0))^2)/1000,0)</f>
        <v>260</v>
      </c>
      <c r="BP138">
        <f ca="1">ROUND(SQRT((VLOOKUP($A138,városok!$A$2:$C$346,2,0)-VLOOKUP(BP$1,városok!$A$2:$C$346,2,0))^2+(VLOOKUP($A138,városok!$A$2:$C$346,3,0)-VLOOKUP(BP$1,városok!$A$2:$C$346,3,0))^2)/1000,0)</f>
        <v>253</v>
      </c>
      <c r="BQ138">
        <f ca="1">ROUND(SQRT((VLOOKUP($A138,városok!$A$2:$C$346,2,0)-VLOOKUP(BQ$1,városok!$A$2:$C$346,2,0))^2+(VLOOKUP($A138,városok!$A$2:$C$346,3,0)-VLOOKUP(BQ$1,városok!$A$2:$C$346,3,0))^2)/1000,0)</f>
        <v>267</v>
      </c>
      <c r="BR138">
        <f ca="1">ROUND(SQRT((VLOOKUP($A138,városok!$A$2:$C$346,2,0)-VLOOKUP(BR$1,városok!$A$2:$C$346,2,0))^2+(VLOOKUP($A138,városok!$A$2:$C$346,3,0)-VLOOKUP(BR$1,városok!$A$2:$C$346,3,0))^2)/1000,0)</f>
        <v>323</v>
      </c>
      <c r="BS138">
        <f ca="1">ROUND(SQRT((VLOOKUP($A138,városok!$A$2:$C$346,2,0)-VLOOKUP(BS$1,városok!$A$2:$C$346,2,0))^2+(VLOOKUP($A138,városok!$A$2:$C$346,3,0)-VLOOKUP(BS$1,városok!$A$2:$C$346,3,0))^2)/1000,0)</f>
        <v>353</v>
      </c>
      <c r="BT138">
        <f ca="1">ROUND(SQRT((VLOOKUP($A138,városok!$A$2:$C$346,2,0)-VLOOKUP(BT$1,városok!$A$2:$C$346,2,0))^2+(VLOOKUP($A138,városok!$A$2:$C$346,3,0)-VLOOKUP(BT$1,városok!$A$2:$C$346,3,0))^2)/1000,0)</f>
        <v>352</v>
      </c>
    </row>
    <row r="139" spans="1:72" x14ac:dyDescent="0.2">
      <c r="A139" t="str">
        <f>városok!A139</f>
        <v>Kaba</v>
      </c>
      <c r="B139">
        <f ca="1">ROUND(SQRT((VLOOKUP($A139,városok!$A$2:$C$346,2,0)-VLOOKUP(B$1,városok!$A$2:$C$346,2,0))^2+(VLOOKUP($A139,városok!$A$2:$C$346,3,0)-VLOOKUP(B$1,városok!$A$2:$C$346,3,0))^2)/1000,0)</f>
        <v>219</v>
      </c>
      <c r="C139">
        <f ca="1">ROUND(SQRT((VLOOKUP($A139,városok!$A$2:$C$346,2,0)-VLOOKUP(C$1,városok!$A$2:$C$346,2,0))^2+(VLOOKUP($A139,városok!$A$2:$C$346,3,0)-VLOOKUP(C$1,városok!$A$2:$C$346,3,0))^2)/1000,0)</f>
        <v>197</v>
      </c>
      <c r="D139">
        <f ca="1">ROUND(SQRT((VLOOKUP($A139,városok!$A$2:$C$346,2,0)-VLOOKUP(D$1,városok!$A$2:$C$346,2,0))^2+(VLOOKUP($A139,városok!$A$2:$C$346,3,0)-VLOOKUP(D$1,városok!$A$2:$C$346,3,0))^2)/1000,0)</f>
        <v>130</v>
      </c>
      <c r="E139">
        <f ca="1">ROUND(SQRT((VLOOKUP($A139,városok!$A$2:$C$346,2,0)-VLOOKUP(E$1,városok!$A$2:$C$346,2,0))^2+(VLOOKUP($A139,városok!$A$2:$C$346,3,0)-VLOOKUP(E$1,városok!$A$2:$C$346,3,0))^2)/1000,0)</f>
        <v>264</v>
      </c>
      <c r="F139">
        <f ca="1">ROUND(SQRT((VLOOKUP($A139,városok!$A$2:$C$346,2,0)-VLOOKUP(F$1,városok!$A$2:$C$346,2,0))^2+(VLOOKUP($A139,városok!$A$2:$C$346,3,0)-VLOOKUP(F$1,városok!$A$2:$C$346,3,0))^2)/1000,0)</f>
        <v>249</v>
      </c>
      <c r="G139">
        <f ca="1">ROUND(SQRT((VLOOKUP($A139,városok!$A$2:$C$346,2,0)-VLOOKUP(G$1,városok!$A$2:$C$346,2,0))^2+(VLOOKUP($A139,városok!$A$2:$C$346,3,0)-VLOOKUP(G$1,városok!$A$2:$C$346,3,0))^2)/1000,0)</f>
        <v>271</v>
      </c>
      <c r="H139">
        <f ca="1">ROUND(SQRT((VLOOKUP($A139,városok!$A$2:$C$346,2,0)-VLOOKUP(H$1,városok!$A$2:$C$346,2,0))^2+(VLOOKUP($A139,városok!$A$2:$C$346,3,0)-VLOOKUP(H$1,városok!$A$2:$C$346,3,0))^2)/1000,0)</f>
        <v>303</v>
      </c>
      <c r="I139">
        <f ca="1">ROUND(SQRT((VLOOKUP($A139,városok!$A$2:$C$346,2,0)-VLOOKUP(I$1,városok!$A$2:$C$346,2,0))^2+(VLOOKUP($A139,városok!$A$2:$C$346,3,0)-VLOOKUP(I$1,városok!$A$2:$C$346,3,0))^2)/1000,0)</f>
        <v>77</v>
      </c>
      <c r="J139">
        <f ca="1">ROUND(SQRT((VLOOKUP($A139,városok!$A$2:$C$346,2,0)-VLOOKUP(J$1,városok!$A$2:$C$346,2,0))^2+(VLOOKUP($A139,városok!$A$2:$C$346,3,0)-VLOOKUP(J$1,városok!$A$2:$C$346,3,0))^2)/1000,0)</f>
        <v>79</v>
      </c>
      <c r="K139">
        <f ca="1">ROUND(SQRT((VLOOKUP($A139,városok!$A$2:$C$346,2,0)-VLOOKUP(K$1,városok!$A$2:$C$346,2,0))^2+(VLOOKUP($A139,városok!$A$2:$C$346,3,0)-VLOOKUP(K$1,városok!$A$2:$C$346,3,0))^2)/1000,0)</f>
        <v>99</v>
      </c>
      <c r="L139">
        <f ca="1">ROUND(SQRT((VLOOKUP($A139,városok!$A$2:$C$346,2,0)-VLOOKUP(L$1,városok!$A$2:$C$346,2,0))^2+(VLOOKUP($A139,városok!$A$2:$C$346,3,0)-VLOOKUP(L$1,városok!$A$2:$C$346,3,0))^2)/1000,0)</f>
        <v>111</v>
      </c>
      <c r="M139">
        <f ca="1">ROUND(SQRT((VLOOKUP($A139,városok!$A$2:$C$346,2,0)-VLOOKUP(M$1,városok!$A$2:$C$346,2,0))^2+(VLOOKUP($A139,városok!$A$2:$C$346,3,0)-VLOOKUP(M$1,városok!$A$2:$C$346,3,0))^2)/1000,0)</f>
        <v>90</v>
      </c>
      <c r="N139">
        <f ca="1">ROUND(SQRT((VLOOKUP($A139,városok!$A$2:$C$346,2,0)-VLOOKUP(N$1,városok!$A$2:$C$346,2,0))^2+(VLOOKUP($A139,városok!$A$2:$C$346,3,0)-VLOOKUP(N$1,városok!$A$2:$C$346,3,0))^2)/1000,0)</f>
        <v>121</v>
      </c>
      <c r="O139">
        <f ca="1">ROUND(SQRT((VLOOKUP($A139,városok!$A$2:$C$346,2,0)-VLOOKUP(O$1,városok!$A$2:$C$346,2,0))^2+(VLOOKUP($A139,városok!$A$2:$C$346,3,0)-VLOOKUP(O$1,városok!$A$2:$C$346,3,0))^2)/1000,0)</f>
        <v>119</v>
      </c>
      <c r="P139">
        <f ca="1">ROUND(SQRT((VLOOKUP($A139,városok!$A$2:$C$346,2,0)-VLOOKUP(P$1,városok!$A$2:$C$346,2,0))^2+(VLOOKUP($A139,városok!$A$2:$C$346,3,0)-VLOOKUP(P$1,városok!$A$2:$C$346,3,0))^2)/1000,0)</f>
        <v>119</v>
      </c>
      <c r="Q139">
        <f ca="1">ROUND(SQRT((VLOOKUP($A139,városok!$A$2:$C$346,2,0)-VLOOKUP(Q$1,városok!$A$2:$C$346,2,0))^2+(VLOOKUP($A139,városok!$A$2:$C$346,3,0)-VLOOKUP(Q$1,városok!$A$2:$C$346,3,0))^2)/1000,0)</f>
        <v>127</v>
      </c>
      <c r="R139">
        <f ca="1">ROUND(SQRT((VLOOKUP($A139,városok!$A$2:$C$346,2,0)-VLOOKUP(R$1,városok!$A$2:$C$346,2,0))^2+(VLOOKUP($A139,városok!$A$2:$C$346,3,0)-VLOOKUP(R$1,városok!$A$2:$C$346,3,0))^2)/1000,0)</f>
        <v>140</v>
      </c>
      <c r="S139">
        <f ca="1">ROUND(SQRT((VLOOKUP($A139,városok!$A$2:$C$346,2,0)-VLOOKUP(S$1,városok!$A$2:$C$346,2,0))^2+(VLOOKUP($A139,városok!$A$2:$C$346,3,0)-VLOOKUP(S$1,városok!$A$2:$C$346,3,0))^2)/1000,0)</f>
        <v>150</v>
      </c>
      <c r="T139">
        <f ca="1">ROUND(SQRT((VLOOKUP($A139,városok!$A$2:$C$346,2,0)-VLOOKUP(T$1,városok!$A$2:$C$346,2,0))^2+(VLOOKUP($A139,városok!$A$2:$C$346,3,0)-VLOOKUP(T$1,városok!$A$2:$C$346,3,0))^2)/1000,0)</f>
        <v>199</v>
      </c>
      <c r="U139">
        <f ca="1">ROUND(SQRT((VLOOKUP($A139,városok!$A$2:$C$346,2,0)-VLOOKUP(U$1,városok!$A$2:$C$346,2,0))^2+(VLOOKUP($A139,városok!$A$2:$C$346,3,0)-VLOOKUP(U$1,városok!$A$2:$C$346,3,0))^2)/1000,0)</f>
        <v>182</v>
      </c>
      <c r="V139">
        <f ca="1">ROUND(SQRT((VLOOKUP($A139,városok!$A$2:$C$346,2,0)-VLOOKUP(V$1,városok!$A$2:$C$346,2,0))^2+(VLOOKUP($A139,városok!$A$2:$C$346,3,0)-VLOOKUP(V$1,városok!$A$2:$C$346,3,0))^2)/1000,0)</f>
        <v>227</v>
      </c>
      <c r="W139">
        <f ca="1">ROUND(SQRT((VLOOKUP($A139,városok!$A$2:$C$346,2,0)-VLOOKUP(W$1,városok!$A$2:$C$346,2,0))^2+(VLOOKUP($A139,városok!$A$2:$C$346,3,0)-VLOOKUP(W$1,városok!$A$2:$C$346,3,0))^2)/1000,0)</f>
        <v>208</v>
      </c>
      <c r="X139">
        <f ca="1">ROUND(SQRT((VLOOKUP($A139,városok!$A$2:$C$346,2,0)-VLOOKUP(X$1,városok!$A$2:$C$346,2,0))^2+(VLOOKUP($A139,városok!$A$2:$C$346,3,0)-VLOOKUP(X$1,városok!$A$2:$C$346,3,0))^2)/1000,0)</f>
        <v>223</v>
      </c>
      <c r="Y139">
        <f ca="1">ROUND(SQRT((VLOOKUP($A139,városok!$A$2:$C$346,2,0)-VLOOKUP(Y$1,városok!$A$2:$C$346,2,0))^2+(VLOOKUP($A139,városok!$A$2:$C$346,3,0)-VLOOKUP(Y$1,városok!$A$2:$C$346,3,0))^2)/1000,0)</f>
        <v>276</v>
      </c>
      <c r="Z139">
        <f ca="1">ROUND(SQRT((VLOOKUP($A139,városok!$A$2:$C$346,2,0)-VLOOKUP(Z$1,városok!$A$2:$C$346,2,0))^2+(VLOOKUP($A139,városok!$A$2:$C$346,3,0)-VLOOKUP(Z$1,városok!$A$2:$C$346,3,0))^2)/1000,0)</f>
        <v>295</v>
      </c>
      <c r="AA139">
        <f ca="1">ROUND(SQRT((VLOOKUP($A139,városok!$A$2:$C$346,2,0)-VLOOKUP(AA$1,városok!$A$2:$C$346,2,0))^2+(VLOOKUP($A139,városok!$A$2:$C$346,3,0)-VLOOKUP(AA$1,városok!$A$2:$C$346,3,0))^2)/1000,0)</f>
        <v>355</v>
      </c>
      <c r="AB139">
        <f ca="1">ROUND(SQRT((VLOOKUP($A139,városok!$A$2:$C$346,2,0)-VLOOKUP(AB$1,városok!$A$2:$C$346,2,0))^2+(VLOOKUP($A139,városok!$A$2:$C$346,3,0)-VLOOKUP(AB$1,városok!$A$2:$C$346,3,0))^2)/1000,0)</f>
        <v>33</v>
      </c>
      <c r="AC139">
        <f ca="1">ROUND(SQRT((VLOOKUP($A139,városok!$A$2:$C$346,2,0)-VLOOKUP(AC$1,városok!$A$2:$C$346,2,0))^2+(VLOOKUP($A139,városok!$A$2:$C$346,3,0)-VLOOKUP(AC$1,városok!$A$2:$C$346,3,0))^2)/1000,0)</f>
        <v>14</v>
      </c>
      <c r="AD139">
        <f ca="1">ROUND(SQRT((VLOOKUP($A139,városok!$A$2:$C$346,2,0)-VLOOKUP(AD$1,városok!$A$2:$C$346,2,0))^2+(VLOOKUP($A139,városok!$A$2:$C$346,3,0)-VLOOKUP(AD$1,városok!$A$2:$C$346,3,0))^2)/1000,0)</f>
        <v>11</v>
      </c>
      <c r="AE139">
        <f ca="1">ROUND(SQRT((VLOOKUP($A139,városok!$A$2:$C$346,2,0)-VLOOKUP(AE$1,városok!$A$2:$C$346,2,0))^2+(VLOOKUP($A139,városok!$A$2:$C$346,3,0)-VLOOKUP(AE$1,városok!$A$2:$C$346,3,0))^2)/1000,0)</f>
        <v>11</v>
      </c>
      <c r="AF139">
        <f ca="1">ROUND(SQRT((VLOOKUP($A139,városok!$A$2:$C$346,2,0)-VLOOKUP(AF$1,városok!$A$2:$C$346,2,0))^2+(VLOOKUP($A139,városok!$A$2:$C$346,3,0)-VLOOKUP(AF$1,városok!$A$2:$C$346,3,0))^2)/1000,0)</f>
        <v>90</v>
      </c>
      <c r="AG139">
        <f ca="1">ROUND(SQRT((VLOOKUP($A139,városok!$A$2:$C$346,2,0)-VLOOKUP(AG$1,városok!$A$2:$C$346,2,0))^2+(VLOOKUP($A139,városok!$A$2:$C$346,3,0)-VLOOKUP(AG$1,városok!$A$2:$C$346,3,0))^2)/1000,0)</f>
        <v>112</v>
      </c>
      <c r="AH139">
        <f ca="1">ROUND(SQRT((VLOOKUP($A139,városok!$A$2:$C$346,2,0)-VLOOKUP(AH$1,városok!$A$2:$C$346,2,0))^2+(VLOOKUP($A139,városok!$A$2:$C$346,3,0)-VLOOKUP(AH$1,városok!$A$2:$C$346,3,0))^2)/1000,0)</f>
        <v>125</v>
      </c>
      <c r="AI139">
        <f ca="1">ROUND(SQRT((VLOOKUP($A139,városok!$A$2:$C$346,2,0)-VLOOKUP(AI$1,városok!$A$2:$C$346,2,0))^2+(VLOOKUP($A139,városok!$A$2:$C$346,3,0)-VLOOKUP(AI$1,városok!$A$2:$C$346,3,0))^2)/1000,0)</f>
        <v>115</v>
      </c>
      <c r="AJ139">
        <f ca="1">ROUND(SQRT((VLOOKUP($A139,városok!$A$2:$C$346,2,0)-VLOOKUP(AJ$1,városok!$A$2:$C$346,2,0))^2+(VLOOKUP($A139,városok!$A$2:$C$346,3,0)-VLOOKUP(AJ$1,városok!$A$2:$C$346,3,0))^2)/1000,0)</f>
        <v>103</v>
      </c>
      <c r="AK139">
        <f ca="1">ROUND(SQRT((VLOOKUP($A139,városok!$A$2:$C$346,2,0)-VLOOKUP(AK$1,városok!$A$2:$C$346,2,0))^2+(VLOOKUP($A139,városok!$A$2:$C$346,3,0)-VLOOKUP(AK$1,városok!$A$2:$C$346,3,0))^2)/1000,0)</f>
        <v>24</v>
      </c>
      <c r="AL139">
        <f ca="1">ROUND(SQRT((VLOOKUP($A139,városok!$A$2:$C$346,2,0)-VLOOKUP(AL$1,városok!$A$2:$C$346,2,0))^2+(VLOOKUP($A139,városok!$A$2:$C$346,3,0)-VLOOKUP(AL$1,városok!$A$2:$C$346,3,0))^2)/1000,0)</f>
        <v>49</v>
      </c>
      <c r="AM139">
        <f ca="1">ROUND(SQRT((VLOOKUP($A139,városok!$A$2:$C$346,2,0)-VLOOKUP(AM$1,városok!$A$2:$C$346,2,0))^2+(VLOOKUP($A139,városok!$A$2:$C$346,3,0)-VLOOKUP(AM$1,városok!$A$2:$C$346,3,0))^2)/1000,0)</f>
        <v>85</v>
      </c>
      <c r="AN139">
        <f ca="1">ROUND(SQRT((VLOOKUP($A139,városok!$A$2:$C$346,2,0)-VLOOKUP(AN$1,városok!$A$2:$C$346,2,0))^2+(VLOOKUP($A139,városok!$A$2:$C$346,3,0)-VLOOKUP(AN$1,városok!$A$2:$C$346,3,0))^2)/1000,0)</f>
        <v>196</v>
      </c>
      <c r="AO139">
        <f ca="1">ROUND(SQRT((VLOOKUP($A139,városok!$A$2:$C$346,2,0)-VLOOKUP(AO$1,városok!$A$2:$C$346,2,0))^2+(VLOOKUP($A139,városok!$A$2:$C$346,3,0)-VLOOKUP(AO$1,városok!$A$2:$C$346,3,0))^2)/1000,0)</f>
        <v>241</v>
      </c>
      <c r="AP139">
        <f ca="1">ROUND(SQRT((VLOOKUP($A139,városok!$A$2:$C$346,2,0)-VLOOKUP(AP$1,városok!$A$2:$C$346,2,0))^2+(VLOOKUP($A139,városok!$A$2:$C$346,3,0)-VLOOKUP(AP$1,városok!$A$2:$C$346,3,0))^2)/1000,0)</f>
        <v>224</v>
      </c>
      <c r="AQ139">
        <f ca="1">ROUND(SQRT((VLOOKUP($A139,városok!$A$2:$C$346,2,0)-VLOOKUP(AQ$1,városok!$A$2:$C$346,2,0))^2+(VLOOKUP($A139,városok!$A$2:$C$346,3,0)-VLOOKUP(AQ$1,városok!$A$2:$C$346,3,0))^2)/1000,0)</f>
        <v>217</v>
      </c>
      <c r="AR139">
        <f ca="1">ROUND(SQRT((VLOOKUP($A139,városok!$A$2:$C$346,2,0)-VLOOKUP(AR$1,városok!$A$2:$C$346,2,0))^2+(VLOOKUP($A139,városok!$A$2:$C$346,3,0)-VLOOKUP(AR$1,városok!$A$2:$C$346,3,0))^2)/1000,0)</f>
        <v>134</v>
      </c>
      <c r="AS139">
        <f ca="1">ROUND(SQRT((VLOOKUP($A139,városok!$A$2:$C$346,2,0)-VLOOKUP(AS$1,városok!$A$2:$C$346,2,0))^2+(VLOOKUP($A139,városok!$A$2:$C$346,3,0)-VLOOKUP(AS$1,városok!$A$2:$C$346,3,0))^2)/1000,0)</f>
        <v>138</v>
      </c>
      <c r="AT139">
        <f ca="1">ROUND(SQRT((VLOOKUP($A139,városok!$A$2:$C$346,2,0)-VLOOKUP(AT$1,városok!$A$2:$C$346,2,0))^2+(VLOOKUP($A139,városok!$A$2:$C$346,3,0)-VLOOKUP(AT$1,városok!$A$2:$C$346,3,0))^2)/1000,0)</f>
        <v>185</v>
      </c>
      <c r="AU139">
        <f ca="1">ROUND(SQRT((VLOOKUP($A139,városok!$A$2:$C$346,2,0)-VLOOKUP(AU$1,városok!$A$2:$C$346,2,0))^2+(VLOOKUP($A139,városok!$A$2:$C$346,3,0)-VLOOKUP(AU$1,városok!$A$2:$C$346,3,0))^2)/1000,0)</f>
        <v>175</v>
      </c>
      <c r="AV139">
        <f ca="1">ROUND(SQRT((VLOOKUP($A139,városok!$A$2:$C$346,2,0)-VLOOKUP(AV$1,városok!$A$2:$C$346,2,0))^2+(VLOOKUP($A139,városok!$A$2:$C$346,3,0)-VLOOKUP(AV$1,városok!$A$2:$C$346,3,0))^2)/1000,0)</f>
        <v>175</v>
      </c>
      <c r="AW139">
        <f ca="1">ROUND(SQRT((VLOOKUP($A139,városok!$A$2:$C$346,2,0)-VLOOKUP(AW$1,városok!$A$2:$C$346,2,0))^2+(VLOOKUP($A139,városok!$A$2:$C$346,3,0)-VLOOKUP(AW$1,városok!$A$2:$C$346,3,0))^2)/1000,0)</f>
        <v>178</v>
      </c>
      <c r="AX139">
        <f ca="1">ROUND(SQRT((VLOOKUP($A139,városok!$A$2:$C$346,2,0)-VLOOKUP(AX$1,városok!$A$2:$C$346,2,0))^2+(VLOOKUP($A139,városok!$A$2:$C$346,3,0)-VLOOKUP(AX$1,városok!$A$2:$C$346,3,0))^2)/1000,0)</f>
        <v>119</v>
      </c>
      <c r="AY139">
        <f ca="1">ROUND(SQRT((VLOOKUP($A139,városok!$A$2:$C$346,2,0)-VLOOKUP(AY$1,városok!$A$2:$C$346,2,0))^2+(VLOOKUP($A139,városok!$A$2:$C$346,3,0)-VLOOKUP(AY$1,városok!$A$2:$C$346,3,0))^2)/1000,0)</f>
        <v>170</v>
      </c>
      <c r="AZ139">
        <f ca="1">ROUND(SQRT((VLOOKUP($A139,városok!$A$2:$C$346,2,0)-VLOOKUP(AZ$1,városok!$A$2:$C$346,2,0))^2+(VLOOKUP($A139,városok!$A$2:$C$346,3,0)-VLOOKUP(AZ$1,városok!$A$2:$C$346,3,0))^2)/1000,0)</f>
        <v>180</v>
      </c>
      <c r="BA139">
        <f ca="1">ROUND(SQRT((VLOOKUP($A139,városok!$A$2:$C$346,2,0)-VLOOKUP(BA$1,városok!$A$2:$C$346,2,0))^2+(VLOOKUP($A139,városok!$A$2:$C$346,3,0)-VLOOKUP(BA$1,városok!$A$2:$C$346,3,0))^2)/1000,0)</f>
        <v>278</v>
      </c>
      <c r="BB139">
        <f ca="1">ROUND(SQRT((VLOOKUP($A139,városok!$A$2:$C$346,2,0)-VLOOKUP(BB$1,városok!$A$2:$C$346,2,0))^2+(VLOOKUP($A139,városok!$A$2:$C$346,3,0)-VLOOKUP(BB$1,városok!$A$2:$C$346,3,0))^2)/1000,0)</f>
        <v>269</v>
      </c>
      <c r="BC139">
        <f ca="1">ROUND(SQRT((VLOOKUP($A139,városok!$A$2:$C$346,2,0)-VLOOKUP(BC$1,városok!$A$2:$C$346,2,0))^2+(VLOOKUP($A139,városok!$A$2:$C$346,3,0)-VLOOKUP(BC$1,városok!$A$2:$C$346,3,0))^2)/1000,0)</f>
        <v>287</v>
      </c>
      <c r="BD139">
        <f ca="1">ROUND(SQRT((VLOOKUP($A139,városok!$A$2:$C$346,2,0)-VLOOKUP(BD$1,városok!$A$2:$C$346,2,0))^2+(VLOOKUP($A139,városok!$A$2:$C$346,3,0)-VLOOKUP(BD$1,városok!$A$2:$C$346,3,0))^2)/1000,0)</f>
        <v>248</v>
      </c>
      <c r="BE139">
        <f ca="1">ROUND(SQRT((VLOOKUP($A139,városok!$A$2:$C$346,2,0)-VLOOKUP(BE$1,városok!$A$2:$C$346,2,0))^2+(VLOOKUP($A139,városok!$A$2:$C$346,3,0)-VLOOKUP(BE$1,városok!$A$2:$C$346,3,0))^2)/1000,0)</f>
        <v>118</v>
      </c>
      <c r="BF139">
        <f ca="1">ROUND(SQRT((VLOOKUP($A139,városok!$A$2:$C$346,2,0)-VLOOKUP(BF$1,városok!$A$2:$C$346,2,0))^2+(VLOOKUP($A139,városok!$A$2:$C$346,3,0)-VLOOKUP(BF$1,városok!$A$2:$C$346,3,0))^2)/1000,0)</f>
        <v>114</v>
      </c>
      <c r="BG139">
        <f ca="1">ROUND(SQRT((VLOOKUP($A139,városok!$A$2:$C$346,2,0)-VLOOKUP(BG$1,városok!$A$2:$C$346,2,0))^2+(VLOOKUP($A139,városok!$A$2:$C$346,3,0)-VLOOKUP(BG$1,városok!$A$2:$C$346,3,0))^2)/1000,0)</f>
        <v>87</v>
      </c>
      <c r="BH139">
        <f ca="1">ROUND(SQRT((VLOOKUP($A139,városok!$A$2:$C$346,2,0)-VLOOKUP(BH$1,városok!$A$2:$C$346,2,0))^2+(VLOOKUP($A139,városok!$A$2:$C$346,3,0)-VLOOKUP(BH$1,városok!$A$2:$C$346,3,0))^2)/1000,0)</f>
        <v>87</v>
      </c>
      <c r="BI139">
        <f ca="1">ROUND(SQRT((VLOOKUP($A139,városok!$A$2:$C$346,2,0)-VLOOKUP(BI$1,városok!$A$2:$C$346,2,0))^2+(VLOOKUP($A139,városok!$A$2:$C$346,3,0)-VLOOKUP(BI$1,városok!$A$2:$C$346,3,0))^2)/1000,0)</f>
        <v>228</v>
      </c>
      <c r="BJ139">
        <f ca="1">ROUND(SQRT((VLOOKUP($A139,városok!$A$2:$C$346,2,0)-VLOOKUP(BJ$1,városok!$A$2:$C$346,2,0))^2+(VLOOKUP($A139,városok!$A$2:$C$346,3,0)-VLOOKUP(BJ$1,városok!$A$2:$C$346,3,0))^2)/1000,0)</f>
        <v>245</v>
      </c>
      <c r="BK139">
        <f ca="1">ROUND(SQRT((VLOOKUP($A139,városok!$A$2:$C$346,2,0)-VLOOKUP(BK$1,városok!$A$2:$C$346,2,0))^2+(VLOOKUP($A139,városok!$A$2:$C$346,3,0)-VLOOKUP(BK$1,városok!$A$2:$C$346,3,0))^2)/1000,0)</f>
        <v>225</v>
      </c>
      <c r="BL139">
        <f ca="1">ROUND(SQRT((VLOOKUP($A139,városok!$A$2:$C$346,2,0)-VLOOKUP(BL$1,városok!$A$2:$C$346,2,0))^2+(VLOOKUP($A139,városok!$A$2:$C$346,3,0)-VLOOKUP(BL$1,városok!$A$2:$C$346,3,0))^2)/1000,0)</f>
        <v>356</v>
      </c>
      <c r="BM139">
        <f ca="1">ROUND(SQRT((VLOOKUP($A139,városok!$A$2:$C$346,2,0)-VLOOKUP(BM$1,városok!$A$2:$C$346,2,0))^2+(VLOOKUP($A139,városok!$A$2:$C$346,3,0)-VLOOKUP(BM$1,városok!$A$2:$C$346,3,0))^2)/1000,0)</f>
        <v>328</v>
      </c>
      <c r="BN139">
        <f ca="1">ROUND(SQRT((VLOOKUP($A139,városok!$A$2:$C$346,2,0)-VLOOKUP(BN$1,városok!$A$2:$C$346,2,0))^2+(VLOOKUP($A139,városok!$A$2:$C$346,3,0)-VLOOKUP(BN$1,városok!$A$2:$C$346,3,0))^2)/1000,0)</f>
        <v>352</v>
      </c>
      <c r="BO139">
        <f ca="1">ROUND(SQRT((VLOOKUP($A139,városok!$A$2:$C$346,2,0)-VLOOKUP(BO$1,városok!$A$2:$C$346,2,0))^2+(VLOOKUP($A139,városok!$A$2:$C$346,3,0)-VLOOKUP(BO$1,városok!$A$2:$C$346,3,0))^2)/1000,0)</f>
        <v>249</v>
      </c>
      <c r="BP139">
        <f ca="1">ROUND(SQRT((VLOOKUP($A139,városok!$A$2:$C$346,2,0)-VLOOKUP(BP$1,városok!$A$2:$C$346,2,0))^2+(VLOOKUP($A139,városok!$A$2:$C$346,3,0)-VLOOKUP(BP$1,városok!$A$2:$C$346,3,0))^2)/1000,0)</f>
        <v>242</v>
      </c>
      <c r="BQ139">
        <f ca="1">ROUND(SQRT((VLOOKUP($A139,városok!$A$2:$C$346,2,0)-VLOOKUP(BQ$1,városok!$A$2:$C$346,2,0))^2+(VLOOKUP($A139,városok!$A$2:$C$346,3,0)-VLOOKUP(BQ$1,városok!$A$2:$C$346,3,0))^2)/1000,0)</f>
        <v>256</v>
      </c>
      <c r="BR139">
        <f ca="1">ROUND(SQRT((VLOOKUP($A139,városok!$A$2:$C$346,2,0)-VLOOKUP(BR$1,városok!$A$2:$C$346,2,0))^2+(VLOOKUP($A139,városok!$A$2:$C$346,3,0)-VLOOKUP(BR$1,városok!$A$2:$C$346,3,0))^2)/1000,0)</f>
        <v>312</v>
      </c>
      <c r="BS139">
        <f ca="1">ROUND(SQRT((VLOOKUP($A139,városok!$A$2:$C$346,2,0)-VLOOKUP(BS$1,városok!$A$2:$C$346,2,0))^2+(VLOOKUP($A139,városok!$A$2:$C$346,3,0)-VLOOKUP(BS$1,városok!$A$2:$C$346,3,0))^2)/1000,0)</f>
        <v>341</v>
      </c>
      <c r="BT139">
        <f ca="1">ROUND(SQRT((VLOOKUP($A139,városok!$A$2:$C$346,2,0)-VLOOKUP(BT$1,városok!$A$2:$C$346,2,0))^2+(VLOOKUP($A139,városok!$A$2:$C$346,3,0)-VLOOKUP(BT$1,városok!$A$2:$C$346,3,0))^2)/1000,0)</f>
        <v>341</v>
      </c>
    </row>
    <row r="140" spans="1:72" x14ac:dyDescent="0.2">
      <c r="A140" t="str">
        <f>városok!A140</f>
        <v>Komádi</v>
      </c>
      <c r="B140">
        <f ca="1">ROUND(SQRT((VLOOKUP($A140,városok!$A$2:$C$346,2,0)-VLOOKUP(B$1,városok!$A$2:$C$346,2,0))^2+(VLOOKUP($A140,városok!$A$2:$C$346,3,0)-VLOOKUP(B$1,városok!$A$2:$C$346,3,0))^2)/1000,0)</f>
        <v>214</v>
      </c>
      <c r="C140">
        <f ca="1">ROUND(SQRT((VLOOKUP($A140,városok!$A$2:$C$346,2,0)-VLOOKUP(C$1,városok!$A$2:$C$346,2,0))^2+(VLOOKUP($A140,városok!$A$2:$C$346,3,0)-VLOOKUP(C$1,városok!$A$2:$C$346,3,0))^2)/1000,0)</f>
        <v>199</v>
      </c>
      <c r="D140">
        <f ca="1">ROUND(SQRT((VLOOKUP($A140,városok!$A$2:$C$346,2,0)-VLOOKUP(D$1,városok!$A$2:$C$346,2,0))^2+(VLOOKUP($A140,városok!$A$2:$C$346,3,0)-VLOOKUP(D$1,városok!$A$2:$C$346,3,0))^2)/1000,0)</f>
        <v>138</v>
      </c>
      <c r="E140">
        <f ca="1">ROUND(SQRT((VLOOKUP($A140,városok!$A$2:$C$346,2,0)-VLOOKUP(E$1,városok!$A$2:$C$346,2,0))^2+(VLOOKUP($A140,városok!$A$2:$C$346,3,0)-VLOOKUP(E$1,városok!$A$2:$C$346,3,0))^2)/1000,0)</f>
        <v>264</v>
      </c>
      <c r="F140">
        <f ca="1">ROUND(SQRT((VLOOKUP($A140,városok!$A$2:$C$346,2,0)-VLOOKUP(F$1,városok!$A$2:$C$346,2,0))^2+(VLOOKUP($A140,városok!$A$2:$C$346,3,0)-VLOOKUP(F$1,városok!$A$2:$C$346,3,0))^2)/1000,0)</f>
        <v>243</v>
      </c>
      <c r="G140">
        <f ca="1">ROUND(SQRT((VLOOKUP($A140,városok!$A$2:$C$346,2,0)-VLOOKUP(G$1,városok!$A$2:$C$346,2,0))^2+(VLOOKUP($A140,városok!$A$2:$C$346,3,0)-VLOOKUP(G$1,városok!$A$2:$C$346,3,0))^2)/1000,0)</f>
        <v>269</v>
      </c>
      <c r="H140">
        <f ca="1">ROUND(SQRT((VLOOKUP($A140,városok!$A$2:$C$346,2,0)-VLOOKUP(H$1,városok!$A$2:$C$346,2,0))^2+(VLOOKUP($A140,városok!$A$2:$C$346,3,0)-VLOOKUP(H$1,városok!$A$2:$C$346,3,0))^2)/1000,0)</f>
        <v>303</v>
      </c>
      <c r="I140">
        <f ca="1">ROUND(SQRT((VLOOKUP($A140,városok!$A$2:$C$346,2,0)-VLOOKUP(I$1,városok!$A$2:$C$346,2,0))^2+(VLOOKUP($A140,városok!$A$2:$C$346,3,0)-VLOOKUP(I$1,városok!$A$2:$C$346,3,0))^2)/1000,0)</f>
        <v>48</v>
      </c>
      <c r="J140">
        <f ca="1">ROUND(SQRT((VLOOKUP($A140,városok!$A$2:$C$346,2,0)-VLOOKUP(J$1,városok!$A$2:$C$346,2,0))^2+(VLOOKUP($A140,városok!$A$2:$C$346,3,0)-VLOOKUP(J$1,városok!$A$2:$C$346,3,0))^2)/1000,0)</f>
        <v>43</v>
      </c>
      <c r="K140">
        <f ca="1">ROUND(SQRT((VLOOKUP($A140,városok!$A$2:$C$346,2,0)-VLOOKUP(K$1,városok!$A$2:$C$346,2,0))^2+(VLOOKUP($A140,városok!$A$2:$C$346,3,0)-VLOOKUP(K$1,városok!$A$2:$C$346,3,0))^2)/1000,0)</f>
        <v>80</v>
      </c>
      <c r="L140">
        <f ca="1">ROUND(SQRT((VLOOKUP($A140,városok!$A$2:$C$346,2,0)-VLOOKUP(L$1,városok!$A$2:$C$346,2,0))^2+(VLOOKUP($A140,városok!$A$2:$C$346,3,0)-VLOOKUP(L$1,városok!$A$2:$C$346,3,0))^2)/1000,0)</f>
        <v>153</v>
      </c>
      <c r="M140">
        <f ca="1">ROUND(SQRT((VLOOKUP($A140,városok!$A$2:$C$346,2,0)-VLOOKUP(M$1,városok!$A$2:$C$346,2,0))^2+(VLOOKUP($A140,városok!$A$2:$C$346,3,0)-VLOOKUP(M$1,városok!$A$2:$C$346,3,0))^2)/1000,0)</f>
        <v>133</v>
      </c>
      <c r="N140">
        <f ca="1">ROUND(SQRT((VLOOKUP($A140,városok!$A$2:$C$346,2,0)-VLOOKUP(N$1,városok!$A$2:$C$346,2,0))^2+(VLOOKUP($A140,városok!$A$2:$C$346,3,0)-VLOOKUP(N$1,városok!$A$2:$C$346,3,0))^2)/1000,0)</f>
        <v>163</v>
      </c>
      <c r="O140">
        <f ca="1">ROUND(SQRT((VLOOKUP($A140,városok!$A$2:$C$346,2,0)-VLOOKUP(O$1,városok!$A$2:$C$346,2,0))^2+(VLOOKUP($A140,városok!$A$2:$C$346,3,0)-VLOOKUP(O$1,városok!$A$2:$C$346,3,0))^2)/1000,0)</f>
        <v>155</v>
      </c>
      <c r="P140">
        <f ca="1">ROUND(SQRT((VLOOKUP($A140,városok!$A$2:$C$346,2,0)-VLOOKUP(P$1,városok!$A$2:$C$346,2,0))^2+(VLOOKUP($A140,városok!$A$2:$C$346,3,0)-VLOOKUP(P$1,városok!$A$2:$C$346,3,0))^2)/1000,0)</f>
        <v>155</v>
      </c>
      <c r="Q140">
        <f ca="1">ROUND(SQRT((VLOOKUP($A140,városok!$A$2:$C$346,2,0)-VLOOKUP(Q$1,városok!$A$2:$C$346,2,0))^2+(VLOOKUP($A140,városok!$A$2:$C$346,3,0)-VLOOKUP(Q$1,városok!$A$2:$C$346,3,0))^2)/1000,0)</f>
        <v>111</v>
      </c>
      <c r="R140">
        <f ca="1">ROUND(SQRT((VLOOKUP($A140,városok!$A$2:$C$346,2,0)-VLOOKUP(R$1,városok!$A$2:$C$346,2,0))^2+(VLOOKUP($A140,városok!$A$2:$C$346,3,0)-VLOOKUP(R$1,városok!$A$2:$C$346,3,0))^2)/1000,0)</f>
        <v>117</v>
      </c>
      <c r="S140">
        <f ca="1">ROUND(SQRT((VLOOKUP($A140,városok!$A$2:$C$346,2,0)-VLOOKUP(S$1,városok!$A$2:$C$346,2,0))^2+(VLOOKUP($A140,városok!$A$2:$C$346,3,0)-VLOOKUP(S$1,városok!$A$2:$C$346,3,0))^2)/1000,0)</f>
        <v>132</v>
      </c>
      <c r="T140">
        <f ca="1">ROUND(SQRT((VLOOKUP($A140,városok!$A$2:$C$346,2,0)-VLOOKUP(T$1,városok!$A$2:$C$346,2,0))^2+(VLOOKUP($A140,városok!$A$2:$C$346,3,0)-VLOOKUP(T$1,városok!$A$2:$C$346,3,0))^2)/1000,0)</f>
        <v>223</v>
      </c>
      <c r="U140">
        <f ca="1">ROUND(SQRT((VLOOKUP($A140,városok!$A$2:$C$346,2,0)-VLOOKUP(U$1,városok!$A$2:$C$346,2,0))^2+(VLOOKUP($A140,városok!$A$2:$C$346,3,0)-VLOOKUP(U$1,városok!$A$2:$C$346,3,0))^2)/1000,0)</f>
        <v>195</v>
      </c>
      <c r="V140">
        <f ca="1">ROUND(SQRT((VLOOKUP($A140,városok!$A$2:$C$346,2,0)-VLOOKUP(V$1,városok!$A$2:$C$346,2,0))^2+(VLOOKUP($A140,városok!$A$2:$C$346,3,0)-VLOOKUP(V$1,városok!$A$2:$C$346,3,0))^2)/1000,0)</f>
        <v>242</v>
      </c>
      <c r="W140">
        <f ca="1">ROUND(SQRT((VLOOKUP($A140,városok!$A$2:$C$346,2,0)-VLOOKUP(W$1,városok!$A$2:$C$346,2,0))^2+(VLOOKUP($A140,városok!$A$2:$C$346,3,0)-VLOOKUP(W$1,városok!$A$2:$C$346,3,0))^2)/1000,0)</f>
        <v>219</v>
      </c>
      <c r="X140">
        <f ca="1">ROUND(SQRT((VLOOKUP($A140,városok!$A$2:$C$346,2,0)-VLOOKUP(X$1,városok!$A$2:$C$346,2,0))^2+(VLOOKUP($A140,városok!$A$2:$C$346,3,0)-VLOOKUP(X$1,városok!$A$2:$C$346,3,0))^2)/1000,0)</f>
        <v>242</v>
      </c>
      <c r="Y140">
        <f ca="1">ROUND(SQRT((VLOOKUP($A140,városok!$A$2:$C$346,2,0)-VLOOKUP(Y$1,városok!$A$2:$C$346,2,0))^2+(VLOOKUP($A140,városok!$A$2:$C$346,3,0)-VLOOKUP(Y$1,városok!$A$2:$C$346,3,0))^2)/1000,0)</f>
        <v>301</v>
      </c>
      <c r="Z140">
        <f ca="1">ROUND(SQRT((VLOOKUP($A140,városok!$A$2:$C$346,2,0)-VLOOKUP(Z$1,városok!$A$2:$C$346,2,0))^2+(VLOOKUP($A140,városok!$A$2:$C$346,3,0)-VLOOKUP(Z$1,városok!$A$2:$C$346,3,0))^2)/1000,0)</f>
        <v>320</v>
      </c>
      <c r="AA140">
        <f ca="1">ROUND(SQRT((VLOOKUP($A140,városok!$A$2:$C$346,2,0)-VLOOKUP(AA$1,városok!$A$2:$C$346,2,0))^2+(VLOOKUP($A140,városok!$A$2:$C$346,3,0)-VLOOKUP(AA$1,városok!$A$2:$C$346,3,0))^2)/1000,0)</f>
        <v>379</v>
      </c>
      <c r="AB140">
        <f ca="1">ROUND(SQRT((VLOOKUP($A140,városok!$A$2:$C$346,2,0)-VLOOKUP(AB$1,városok!$A$2:$C$346,2,0))^2+(VLOOKUP($A140,városok!$A$2:$C$346,3,0)-VLOOKUP(AB$1,városok!$A$2:$C$346,3,0))^2)/1000,0)</f>
        <v>59</v>
      </c>
      <c r="AC140">
        <f ca="1">ROUND(SQRT((VLOOKUP($A140,városok!$A$2:$C$346,2,0)-VLOOKUP(AC$1,városok!$A$2:$C$346,2,0))^2+(VLOOKUP($A140,városok!$A$2:$C$346,3,0)-VLOOKUP(AC$1,városok!$A$2:$C$346,3,0))^2)/1000,0)</f>
        <v>49</v>
      </c>
      <c r="AD140">
        <f ca="1">ROUND(SQRT((VLOOKUP($A140,városok!$A$2:$C$346,2,0)-VLOOKUP(AD$1,városok!$A$2:$C$346,2,0))^2+(VLOOKUP($A140,városok!$A$2:$C$346,3,0)-VLOOKUP(AD$1,városok!$A$2:$C$346,3,0))^2)/1000,0)</f>
        <v>53</v>
      </c>
      <c r="AE140">
        <f ca="1">ROUND(SQRT((VLOOKUP($A140,városok!$A$2:$C$346,2,0)-VLOOKUP(AE$1,városok!$A$2:$C$346,2,0))^2+(VLOOKUP($A140,városok!$A$2:$C$346,3,0)-VLOOKUP(AE$1,városok!$A$2:$C$346,3,0))^2)/1000,0)</f>
        <v>40</v>
      </c>
      <c r="AF140">
        <f ca="1">ROUND(SQRT((VLOOKUP($A140,városok!$A$2:$C$346,2,0)-VLOOKUP(AF$1,városok!$A$2:$C$346,2,0))^2+(VLOOKUP($A140,városok!$A$2:$C$346,3,0)-VLOOKUP(AF$1,városok!$A$2:$C$346,3,0))^2)/1000,0)</f>
        <v>131</v>
      </c>
      <c r="AG140">
        <f ca="1">ROUND(SQRT((VLOOKUP($A140,városok!$A$2:$C$346,2,0)-VLOOKUP(AG$1,városok!$A$2:$C$346,2,0))^2+(VLOOKUP($A140,városok!$A$2:$C$346,3,0)-VLOOKUP(AG$1,városok!$A$2:$C$346,3,0))^2)/1000,0)</f>
        <v>147</v>
      </c>
      <c r="AH140">
        <f ca="1">ROUND(SQRT((VLOOKUP($A140,városok!$A$2:$C$346,2,0)-VLOOKUP(AH$1,városok!$A$2:$C$346,2,0))^2+(VLOOKUP($A140,városok!$A$2:$C$346,3,0)-VLOOKUP(AH$1,városok!$A$2:$C$346,3,0))^2)/1000,0)</f>
        <v>156</v>
      </c>
      <c r="AI140">
        <f ca="1">ROUND(SQRT((VLOOKUP($A140,városok!$A$2:$C$346,2,0)-VLOOKUP(AI$1,városok!$A$2:$C$346,2,0))^2+(VLOOKUP($A140,városok!$A$2:$C$346,3,0)-VLOOKUP(AI$1,városok!$A$2:$C$346,3,0))^2)/1000,0)</f>
        <v>154</v>
      </c>
      <c r="AJ140">
        <f ca="1">ROUND(SQRT((VLOOKUP($A140,városok!$A$2:$C$346,2,0)-VLOOKUP(AJ$1,városok!$A$2:$C$346,2,0))^2+(VLOOKUP($A140,városok!$A$2:$C$346,3,0)-VLOOKUP(AJ$1,városok!$A$2:$C$346,3,0))^2)/1000,0)</f>
        <v>135</v>
      </c>
      <c r="AK140">
        <f ca="1">ROUND(SQRT((VLOOKUP($A140,városok!$A$2:$C$346,2,0)-VLOOKUP(AK$1,városok!$A$2:$C$346,2,0))^2+(VLOOKUP($A140,városok!$A$2:$C$346,3,0)-VLOOKUP(AK$1,városok!$A$2:$C$346,3,0))^2)/1000,0)</f>
        <v>50</v>
      </c>
      <c r="AL140">
        <f ca="1">ROUND(SQRT((VLOOKUP($A140,városok!$A$2:$C$346,2,0)-VLOOKUP(AL$1,városok!$A$2:$C$346,2,0))^2+(VLOOKUP($A140,városok!$A$2:$C$346,3,0)-VLOOKUP(AL$1,városok!$A$2:$C$346,3,0))^2)/1000,0)</f>
        <v>77</v>
      </c>
      <c r="AM140">
        <f ca="1">ROUND(SQRT((VLOOKUP($A140,városok!$A$2:$C$346,2,0)-VLOOKUP(AM$1,városok!$A$2:$C$346,2,0))^2+(VLOOKUP($A140,városok!$A$2:$C$346,3,0)-VLOOKUP(AM$1,városok!$A$2:$C$346,3,0))^2)/1000,0)</f>
        <v>101</v>
      </c>
      <c r="AN140">
        <f ca="1">ROUND(SQRT((VLOOKUP($A140,városok!$A$2:$C$346,2,0)-VLOOKUP(AN$1,városok!$A$2:$C$346,2,0))^2+(VLOOKUP($A140,városok!$A$2:$C$346,3,0)-VLOOKUP(AN$1,városok!$A$2:$C$346,3,0))^2)/1000,0)</f>
        <v>225</v>
      </c>
      <c r="AO140">
        <f ca="1">ROUND(SQRT((VLOOKUP($A140,városok!$A$2:$C$346,2,0)-VLOOKUP(AO$1,városok!$A$2:$C$346,2,0))^2+(VLOOKUP($A140,városok!$A$2:$C$346,3,0)-VLOOKUP(AO$1,városok!$A$2:$C$346,3,0))^2)/1000,0)</f>
        <v>267</v>
      </c>
      <c r="AP140">
        <f ca="1">ROUND(SQRT((VLOOKUP($A140,városok!$A$2:$C$346,2,0)-VLOOKUP(AP$1,városok!$A$2:$C$346,2,0))^2+(VLOOKUP($A140,városok!$A$2:$C$346,3,0)-VLOOKUP(AP$1,városok!$A$2:$C$346,3,0))^2)/1000,0)</f>
        <v>249</v>
      </c>
      <c r="AQ140">
        <f ca="1">ROUND(SQRT((VLOOKUP($A140,városok!$A$2:$C$346,2,0)-VLOOKUP(AQ$1,városok!$A$2:$C$346,2,0))^2+(VLOOKUP($A140,városok!$A$2:$C$346,3,0)-VLOOKUP(AQ$1,városok!$A$2:$C$346,3,0))^2)/1000,0)</f>
        <v>241</v>
      </c>
      <c r="AR140">
        <f ca="1">ROUND(SQRT((VLOOKUP($A140,városok!$A$2:$C$346,2,0)-VLOOKUP(AR$1,városok!$A$2:$C$346,2,0))^2+(VLOOKUP($A140,városok!$A$2:$C$346,3,0)-VLOOKUP(AR$1,városok!$A$2:$C$346,3,0))^2)/1000,0)</f>
        <v>170</v>
      </c>
      <c r="AS140">
        <f ca="1">ROUND(SQRT((VLOOKUP($A140,városok!$A$2:$C$346,2,0)-VLOOKUP(AS$1,városok!$A$2:$C$346,2,0))^2+(VLOOKUP($A140,városok!$A$2:$C$346,3,0)-VLOOKUP(AS$1,városok!$A$2:$C$346,3,0))^2)/1000,0)</f>
        <v>177</v>
      </c>
      <c r="AT140">
        <f ca="1">ROUND(SQRT((VLOOKUP($A140,városok!$A$2:$C$346,2,0)-VLOOKUP(AT$1,városok!$A$2:$C$346,2,0))^2+(VLOOKUP($A140,városok!$A$2:$C$346,3,0)-VLOOKUP(AT$1,városok!$A$2:$C$346,3,0))^2)/1000,0)</f>
        <v>209</v>
      </c>
      <c r="AU140">
        <f ca="1">ROUND(SQRT((VLOOKUP($A140,városok!$A$2:$C$346,2,0)-VLOOKUP(AU$1,városok!$A$2:$C$346,2,0))^2+(VLOOKUP($A140,városok!$A$2:$C$346,3,0)-VLOOKUP(AU$1,városok!$A$2:$C$346,3,0))^2)/1000,0)</f>
        <v>198</v>
      </c>
      <c r="AV140">
        <f ca="1">ROUND(SQRT((VLOOKUP($A140,városok!$A$2:$C$346,2,0)-VLOOKUP(AV$1,városok!$A$2:$C$346,2,0))^2+(VLOOKUP($A140,városok!$A$2:$C$346,3,0)-VLOOKUP(AV$1,városok!$A$2:$C$346,3,0))^2)/1000,0)</f>
        <v>198</v>
      </c>
      <c r="AW140">
        <f ca="1">ROUND(SQRT((VLOOKUP($A140,városok!$A$2:$C$346,2,0)-VLOOKUP(AW$1,városok!$A$2:$C$346,2,0))^2+(VLOOKUP($A140,városok!$A$2:$C$346,3,0)-VLOOKUP(AW$1,városok!$A$2:$C$346,3,0))^2)/1000,0)</f>
        <v>200</v>
      </c>
      <c r="AX140">
        <f ca="1">ROUND(SQRT((VLOOKUP($A140,városok!$A$2:$C$346,2,0)-VLOOKUP(AX$1,városok!$A$2:$C$346,2,0))^2+(VLOOKUP($A140,városok!$A$2:$C$346,3,0)-VLOOKUP(AX$1,városok!$A$2:$C$346,3,0))^2)/1000,0)</f>
        <v>130</v>
      </c>
      <c r="AY140">
        <f ca="1">ROUND(SQRT((VLOOKUP($A140,városok!$A$2:$C$346,2,0)-VLOOKUP(AY$1,városok!$A$2:$C$346,2,0))^2+(VLOOKUP($A140,városok!$A$2:$C$346,3,0)-VLOOKUP(AY$1,városok!$A$2:$C$346,3,0))^2)/1000,0)</f>
        <v>199</v>
      </c>
      <c r="AZ140">
        <f ca="1">ROUND(SQRT((VLOOKUP($A140,városok!$A$2:$C$346,2,0)-VLOOKUP(AZ$1,városok!$A$2:$C$346,2,0))^2+(VLOOKUP($A140,városok!$A$2:$C$346,3,0)-VLOOKUP(AZ$1,városok!$A$2:$C$346,3,0))^2)/1000,0)</f>
        <v>209</v>
      </c>
      <c r="BA140">
        <f ca="1">ROUND(SQRT((VLOOKUP($A140,városok!$A$2:$C$346,2,0)-VLOOKUP(BA$1,városok!$A$2:$C$346,2,0))^2+(VLOOKUP($A140,városok!$A$2:$C$346,3,0)-VLOOKUP(BA$1,városok!$A$2:$C$346,3,0))^2)/1000,0)</f>
        <v>290</v>
      </c>
      <c r="BB140">
        <f ca="1">ROUND(SQRT((VLOOKUP($A140,városok!$A$2:$C$346,2,0)-VLOOKUP(BB$1,városok!$A$2:$C$346,2,0))^2+(VLOOKUP($A140,városok!$A$2:$C$346,3,0)-VLOOKUP(BB$1,városok!$A$2:$C$346,3,0))^2)/1000,0)</f>
        <v>276</v>
      </c>
      <c r="BC140">
        <f ca="1">ROUND(SQRT((VLOOKUP($A140,városok!$A$2:$C$346,2,0)-VLOOKUP(BC$1,városok!$A$2:$C$346,2,0))^2+(VLOOKUP($A140,városok!$A$2:$C$346,3,0)-VLOOKUP(BC$1,városok!$A$2:$C$346,3,0))^2)/1000,0)</f>
        <v>292</v>
      </c>
      <c r="BD140">
        <f ca="1">ROUND(SQRT((VLOOKUP($A140,városok!$A$2:$C$346,2,0)-VLOOKUP(BD$1,városok!$A$2:$C$346,2,0))^2+(VLOOKUP($A140,városok!$A$2:$C$346,3,0)-VLOOKUP(BD$1,városok!$A$2:$C$346,3,0))^2)/1000,0)</f>
        <v>261</v>
      </c>
      <c r="BE140">
        <f ca="1">ROUND(SQRT((VLOOKUP($A140,városok!$A$2:$C$346,2,0)-VLOOKUP(BE$1,városok!$A$2:$C$346,2,0))^2+(VLOOKUP($A140,városok!$A$2:$C$346,3,0)-VLOOKUP(BE$1,városok!$A$2:$C$346,3,0))^2)/1000,0)</f>
        <v>128</v>
      </c>
      <c r="BF140">
        <f ca="1">ROUND(SQRT((VLOOKUP($A140,városok!$A$2:$C$346,2,0)-VLOOKUP(BF$1,városok!$A$2:$C$346,2,0))^2+(VLOOKUP($A140,városok!$A$2:$C$346,3,0)-VLOOKUP(BF$1,városok!$A$2:$C$346,3,0))^2)/1000,0)</f>
        <v>143</v>
      </c>
      <c r="BG140">
        <f ca="1">ROUND(SQRT((VLOOKUP($A140,városok!$A$2:$C$346,2,0)-VLOOKUP(BG$1,városok!$A$2:$C$346,2,0))^2+(VLOOKUP($A140,városok!$A$2:$C$346,3,0)-VLOOKUP(BG$1,városok!$A$2:$C$346,3,0))^2)/1000,0)</f>
        <v>125</v>
      </c>
      <c r="BH140">
        <f ca="1">ROUND(SQRT((VLOOKUP($A140,városok!$A$2:$C$346,2,0)-VLOOKUP(BH$1,városok!$A$2:$C$346,2,0))^2+(VLOOKUP($A140,városok!$A$2:$C$346,3,0)-VLOOKUP(BH$1,városok!$A$2:$C$346,3,0))^2)/1000,0)</f>
        <v>125</v>
      </c>
      <c r="BI140">
        <f ca="1">ROUND(SQRT((VLOOKUP($A140,városok!$A$2:$C$346,2,0)-VLOOKUP(BI$1,városok!$A$2:$C$346,2,0))^2+(VLOOKUP($A140,városok!$A$2:$C$346,3,0)-VLOOKUP(BI$1,városok!$A$2:$C$346,3,0))^2)/1000,0)</f>
        <v>230</v>
      </c>
      <c r="BJ140">
        <f ca="1">ROUND(SQRT((VLOOKUP($A140,városok!$A$2:$C$346,2,0)-VLOOKUP(BJ$1,városok!$A$2:$C$346,2,0))^2+(VLOOKUP($A140,városok!$A$2:$C$346,3,0)-VLOOKUP(BJ$1,városok!$A$2:$C$346,3,0))^2)/1000,0)</f>
        <v>246</v>
      </c>
      <c r="BK140">
        <f ca="1">ROUND(SQRT((VLOOKUP($A140,városok!$A$2:$C$346,2,0)-VLOOKUP(BK$1,városok!$A$2:$C$346,2,0))^2+(VLOOKUP($A140,városok!$A$2:$C$346,3,0)-VLOOKUP(BK$1,városok!$A$2:$C$346,3,0))^2)/1000,0)</f>
        <v>225</v>
      </c>
      <c r="BL140">
        <f ca="1">ROUND(SQRT((VLOOKUP($A140,városok!$A$2:$C$346,2,0)-VLOOKUP(BL$1,városok!$A$2:$C$346,2,0))^2+(VLOOKUP($A140,városok!$A$2:$C$346,3,0)-VLOOKUP(BL$1,városok!$A$2:$C$346,3,0))^2)/1000,0)</f>
        <v>372</v>
      </c>
      <c r="BM140">
        <f ca="1">ROUND(SQRT((VLOOKUP($A140,városok!$A$2:$C$346,2,0)-VLOOKUP(BM$1,városok!$A$2:$C$346,2,0))^2+(VLOOKUP($A140,városok!$A$2:$C$346,3,0)-VLOOKUP(BM$1,városok!$A$2:$C$346,3,0))^2)/1000,0)</f>
        <v>347</v>
      </c>
      <c r="BN140">
        <f ca="1">ROUND(SQRT((VLOOKUP($A140,városok!$A$2:$C$346,2,0)-VLOOKUP(BN$1,városok!$A$2:$C$346,2,0))^2+(VLOOKUP($A140,városok!$A$2:$C$346,3,0)-VLOOKUP(BN$1,városok!$A$2:$C$346,3,0))^2)/1000,0)</f>
        <v>370</v>
      </c>
      <c r="BO140">
        <f ca="1">ROUND(SQRT((VLOOKUP($A140,városok!$A$2:$C$346,2,0)-VLOOKUP(BO$1,városok!$A$2:$C$346,2,0))^2+(VLOOKUP($A140,városok!$A$2:$C$346,3,0)-VLOOKUP(BO$1,városok!$A$2:$C$346,3,0))^2)/1000,0)</f>
        <v>265</v>
      </c>
      <c r="BP140">
        <f ca="1">ROUND(SQRT((VLOOKUP($A140,városok!$A$2:$C$346,2,0)-VLOOKUP(BP$1,városok!$A$2:$C$346,2,0))^2+(VLOOKUP($A140,városok!$A$2:$C$346,3,0)-VLOOKUP(BP$1,városok!$A$2:$C$346,3,0))^2)/1000,0)</f>
        <v>257</v>
      </c>
      <c r="BQ140">
        <f ca="1">ROUND(SQRT((VLOOKUP($A140,városok!$A$2:$C$346,2,0)-VLOOKUP(BQ$1,városok!$A$2:$C$346,2,0))^2+(VLOOKUP($A140,városok!$A$2:$C$346,3,0)-VLOOKUP(BQ$1,városok!$A$2:$C$346,3,0))^2)/1000,0)</f>
        <v>272</v>
      </c>
      <c r="BR140">
        <f ca="1">ROUND(SQRT((VLOOKUP($A140,városok!$A$2:$C$346,2,0)-VLOOKUP(BR$1,városok!$A$2:$C$346,2,0))^2+(VLOOKUP($A140,városok!$A$2:$C$346,3,0)-VLOOKUP(BR$1,városok!$A$2:$C$346,3,0))^2)/1000,0)</f>
        <v>324</v>
      </c>
      <c r="BS140">
        <f ca="1">ROUND(SQRT((VLOOKUP($A140,városok!$A$2:$C$346,2,0)-VLOOKUP(BS$1,városok!$A$2:$C$346,2,0))^2+(VLOOKUP($A140,városok!$A$2:$C$346,3,0)-VLOOKUP(BS$1,városok!$A$2:$C$346,3,0))^2)/1000,0)</f>
        <v>349</v>
      </c>
      <c r="BT140">
        <f ca="1">ROUND(SQRT((VLOOKUP($A140,városok!$A$2:$C$346,2,0)-VLOOKUP(BT$1,városok!$A$2:$C$346,2,0))^2+(VLOOKUP($A140,városok!$A$2:$C$346,3,0)-VLOOKUP(BT$1,városok!$A$2:$C$346,3,0))^2)/1000,0)</f>
        <v>355</v>
      </c>
    </row>
    <row r="141" spans="1:72" x14ac:dyDescent="0.2">
      <c r="A141" t="str">
        <f>városok!A141</f>
        <v>Létavértes</v>
      </c>
      <c r="B141">
        <f ca="1">ROUND(SQRT((VLOOKUP($A141,városok!$A$2:$C$346,2,0)-VLOOKUP(B$1,városok!$A$2:$C$346,2,0))^2+(VLOOKUP($A141,városok!$A$2:$C$346,3,0)-VLOOKUP(B$1,városok!$A$2:$C$346,3,0))^2)/1000,0)</f>
        <v>260</v>
      </c>
      <c r="C141">
        <f ca="1">ROUND(SQRT((VLOOKUP($A141,városok!$A$2:$C$346,2,0)-VLOOKUP(C$1,városok!$A$2:$C$346,2,0))^2+(VLOOKUP($A141,városok!$A$2:$C$346,3,0)-VLOOKUP(C$1,városok!$A$2:$C$346,3,0))^2)/1000,0)</f>
        <v>240</v>
      </c>
      <c r="D141">
        <f ca="1">ROUND(SQRT((VLOOKUP($A141,városok!$A$2:$C$346,2,0)-VLOOKUP(D$1,városok!$A$2:$C$346,2,0))^2+(VLOOKUP($A141,városok!$A$2:$C$346,3,0)-VLOOKUP(D$1,városok!$A$2:$C$346,3,0))^2)/1000,0)</f>
        <v>174</v>
      </c>
      <c r="E141">
        <f ca="1">ROUND(SQRT((VLOOKUP($A141,városok!$A$2:$C$346,2,0)-VLOOKUP(E$1,városok!$A$2:$C$346,2,0))^2+(VLOOKUP($A141,városok!$A$2:$C$346,3,0)-VLOOKUP(E$1,városok!$A$2:$C$346,3,0))^2)/1000,0)</f>
        <v>306</v>
      </c>
      <c r="F141">
        <f ca="1">ROUND(SQRT((VLOOKUP($A141,városok!$A$2:$C$346,2,0)-VLOOKUP(F$1,városok!$A$2:$C$346,2,0))^2+(VLOOKUP($A141,városok!$A$2:$C$346,3,0)-VLOOKUP(F$1,városok!$A$2:$C$346,3,0))^2)/1000,0)</f>
        <v>289</v>
      </c>
      <c r="G141">
        <f ca="1">ROUND(SQRT((VLOOKUP($A141,városok!$A$2:$C$346,2,0)-VLOOKUP(G$1,városok!$A$2:$C$346,2,0))^2+(VLOOKUP($A141,városok!$A$2:$C$346,3,0)-VLOOKUP(G$1,városok!$A$2:$C$346,3,0))^2)/1000,0)</f>
        <v>313</v>
      </c>
      <c r="H141">
        <f ca="1">ROUND(SQRT((VLOOKUP($A141,városok!$A$2:$C$346,2,0)-VLOOKUP(H$1,városok!$A$2:$C$346,2,0))^2+(VLOOKUP($A141,városok!$A$2:$C$346,3,0)-VLOOKUP(H$1,városok!$A$2:$C$346,3,0))^2)/1000,0)</f>
        <v>345</v>
      </c>
      <c r="I141">
        <f ca="1">ROUND(SQRT((VLOOKUP($A141,városok!$A$2:$C$346,2,0)-VLOOKUP(I$1,városok!$A$2:$C$346,2,0))^2+(VLOOKUP($A141,városok!$A$2:$C$346,3,0)-VLOOKUP(I$1,városok!$A$2:$C$346,3,0))^2)/1000,0)</f>
        <v>99</v>
      </c>
      <c r="J141">
        <f ca="1">ROUND(SQRT((VLOOKUP($A141,városok!$A$2:$C$346,2,0)-VLOOKUP(J$1,városok!$A$2:$C$346,2,0))^2+(VLOOKUP($A141,városok!$A$2:$C$346,3,0)-VLOOKUP(J$1,városok!$A$2:$C$346,3,0))^2)/1000,0)</f>
        <v>94</v>
      </c>
      <c r="K141">
        <f ca="1">ROUND(SQRT((VLOOKUP($A141,városok!$A$2:$C$346,2,0)-VLOOKUP(K$1,városok!$A$2:$C$346,2,0))^2+(VLOOKUP($A141,városok!$A$2:$C$346,3,0)-VLOOKUP(K$1,városok!$A$2:$C$346,3,0))^2)/1000,0)</f>
        <v>130</v>
      </c>
      <c r="L141">
        <f ca="1">ROUND(SQRT((VLOOKUP($A141,városok!$A$2:$C$346,2,0)-VLOOKUP(L$1,városok!$A$2:$C$346,2,0))^2+(VLOOKUP($A141,városok!$A$2:$C$346,3,0)-VLOOKUP(L$1,városok!$A$2:$C$346,3,0))^2)/1000,0)</f>
        <v>134</v>
      </c>
      <c r="M141">
        <f ca="1">ROUND(SQRT((VLOOKUP($A141,városok!$A$2:$C$346,2,0)-VLOOKUP(M$1,városok!$A$2:$C$346,2,0))^2+(VLOOKUP($A141,városok!$A$2:$C$346,3,0)-VLOOKUP(M$1,városok!$A$2:$C$346,3,0))^2)/1000,0)</f>
        <v>114</v>
      </c>
      <c r="N141">
        <f ca="1">ROUND(SQRT((VLOOKUP($A141,városok!$A$2:$C$346,2,0)-VLOOKUP(N$1,városok!$A$2:$C$346,2,0))^2+(VLOOKUP($A141,városok!$A$2:$C$346,3,0)-VLOOKUP(N$1,városok!$A$2:$C$346,3,0))^2)/1000,0)</f>
        <v>151</v>
      </c>
      <c r="O141">
        <f ca="1">ROUND(SQRT((VLOOKUP($A141,városok!$A$2:$C$346,2,0)-VLOOKUP(O$1,városok!$A$2:$C$346,2,0))^2+(VLOOKUP($A141,városok!$A$2:$C$346,3,0)-VLOOKUP(O$1,városok!$A$2:$C$346,3,0))^2)/1000,0)</f>
        <v>114</v>
      </c>
      <c r="P141">
        <f ca="1">ROUND(SQRT((VLOOKUP($A141,városok!$A$2:$C$346,2,0)-VLOOKUP(P$1,városok!$A$2:$C$346,2,0))^2+(VLOOKUP($A141,városok!$A$2:$C$346,3,0)-VLOOKUP(P$1,városok!$A$2:$C$346,3,0))^2)/1000,0)</f>
        <v>114</v>
      </c>
      <c r="Q141">
        <f ca="1">ROUND(SQRT((VLOOKUP($A141,városok!$A$2:$C$346,2,0)-VLOOKUP(Q$1,városok!$A$2:$C$346,2,0))^2+(VLOOKUP($A141,városok!$A$2:$C$346,3,0)-VLOOKUP(Q$1,városok!$A$2:$C$346,3,0))^2)/1000,0)</f>
        <v>160</v>
      </c>
      <c r="R141">
        <f ca="1">ROUND(SQRT((VLOOKUP($A141,városok!$A$2:$C$346,2,0)-VLOOKUP(R$1,városok!$A$2:$C$346,2,0))^2+(VLOOKUP($A141,városok!$A$2:$C$346,3,0)-VLOOKUP(R$1,városok!$A$2:$C$346,3,0))^2)/1000,0)</f>
        <v>168</v>
      </c>
      <c r="S141">
        <f ca="1">ROUND(SQRT((VLOOKUP($A141,városok!$A$2:$C$346,2,0)-VLOOKUP(S$1,városok!$A$2:$C$346,2,0))^2+(VLOOKUP($A141,városok!$A$2:$C$346,3,0)-VLOOKUP(S$1,városok!$A$2:$C$346,3,0))^2)/1000,0)</f>
        <v>182</v>
      </c>
      <c r="T141">
        <f ca="1">ROUND(SQRT((VLOOKUP($A141,városok!$A$2:$C$346,2,0)-VLOOKUP(T$1,városok!$A$2:$C$346,2,0))^2+(VLOOKUP($A141,városok!$A$2:$C$346,3,0)-VLOOKUP(T$1,városok!$A$2:$C$346,3,0))^2)/1000,0)</f>
        <v>245</v>
      </c>
      <c r="U141">
        <f ca="1">ROUND(SQRT((VLOOKUP($A141,városok!$A$2:$C$346,2,0)-VLOOKUP(U$1,városok!$A$2:$C$346,2,0))^2+(VLOOKUP($A141,városok!$A$2:$C$346,3,0)-VLOOKUP(U$1,városok!$A$2:$C$346,3,0))^2)/1000,0)</f>
        <v>228</v>
      </c>
      <c r="V141">
        <f ca="1">ROUND(SQRT((VLOOKUP($A141,városok!$A$2:$C$346,2,0)-VLOOKUP(V$1,városok!$A$2:$C$346,2,0))^2+(VLOOKUP($A141,városok!$A$2:$C$346,3,0)-VLOOKUP(V$1,városok!$A$2:$C$346,3,0))^2)/1000,0)</f>
        <v>273</v>
      </c>
      <c r="W141">
        <f ca="1">ROUND(SQRT((VLOOKUP($A141,városok!$A$2:$C$346,2,0)-VLOOKUP(W$1,városok!$A$2:$C$346,2,0))^2+(VLOOKUP($A141,városok!$A$2:$C$346,3,0)-VLOOKUP(W$1,városok!$A$2:$C$346,3,0))^2)/1000,0)</f>
        <v>253</v>
      </c>
      <c r="X141">
        <f ca="1">ROUND(SQRT((VLOOKUP($A141,városok!$A$2:$C$346,2,0)-VLOOKUP(X$1,városok!$A$2:$C$346,2,0))^2+(VLOOKUP($A141,városok!$A$2:$C$346,3,0)-VLOOKUP(X$1,városok!$A$2:$C$346,3,0))^2)/1000,0)</f>
        <v>268</v>
      </c>
      <c r="Y141">
        <f ca="1">ROUND(SQRT((VLOOKUP($A141,városok!$A$2:$C$346,2,0)-VLOOKUP(Y$1,városok!$A$2:$C$346,2,0))^2+(VLOOKUP($A141,városok!$A$2:$C$346,3,0)-VLOOKUP(Y$1,városok!$A$2:$C$346,3,0))^2)/1000,0)</f>
        <v>321</v>
      </c>
      <c r="Z141">
        <f ca="1">ROUND(SQRT((VLOOKUP($A141,városok!$A$2:$C$346,2,0)-VLOOKUP(Z$1,városok!$A$2:$C$346,2,0))^2+(VLOOKUP($A141,városok!$A$2:$C$346,3,0)-VLOOKUP(Z$1,városok!$A$2:$C$346,3,0))^2)/1000,0)</f>
        <v>340</v>
      </c>
      <c r="AA141">
        <f ca="1">ROUND(SQRT((VLOOKUP($A141,városok!$A$2:$C$346,2,0)-VLOOKUP(AA$1,városok!$A$2:$C$346,2,0))^2+(VLOOKUP($A141,városok!$A$2:$C$346,3,0)-VLOOKUP(AA$1,városok!$A$2:$C$346,3,0))^2)/1000,0)</f>
        <v>400</v>
      </c>
      <c r="AB141">
        <f ca="1">ROUND(SQRT((VLOOKUP($A141,városok!$A$2:$C$346,2,0)-VLOOKUP(AB$1,városok!$A$2:$C$346,2,0))^2+(VLOOKUP($A141,városok!$A$2:$C$346,3,0)-VLOOKUP(AB$1,városok!$A$2:$C$346,3,0))^2)/1000,0)</f>
        <v>25</v>
      </c>
      <c r="AC141">
        <f ca="1">ROUND(SQRT((VLOOKUP($A141,városok!$A$2:$C$346,2,0)-VLOOKUP(AC$1,városok!$A$2:$C$346,2,0))^2+(VLOOKUP($A141,városok!$A$2:$C$346,3,0)-VLOOKUP(AC$1,városok!$A$2:$C$346,3,0))^2)/1000,0)</f>
        <v>37</v>
      </c>
      <c r="AD141">
        <f ca="1">ROUND(SQRT((VLOOKUP($A141,városok!$A$2:$C$346,2,0)-VLOOKUP(AD$1,városok!$A$2:$C$346,2,0))^2+(VLOOKUP($A141,városok!$A$2:$C$346,3,0)-VLOOKUP(AD$1,városok!$A$2:$C$346,3,0))^2)/1000,0)</f>
        <v>54</v>
      </c>
      <c r="AE141">
        <f ca="1">ROUND(SQRT((VLOOKUP($A141,városok!$A$2:$C$346,2,0)-VLOOKUP(AE$1,városok!$A$2:$C$346,2,0))^2+(VLOOKUP($A141,városok!$A$2:$C$346,3,0)-VLOOKUP(AE$1,városok!$A$2:$C$346,3,0))^2)/1000,0)</f>
        <v>55</v>
      </c>
      <c r="AF141">
        <f ca="1">ROUND(SQRT((VLOOKUP($A141,városok!$A$2:$C$346,2,0)-VLOOKUP(AF$1,városok!$A$2:$C$346,2,0))^2+(VLOOKUP($A141,városok!$A$2:$C$346,3,0)-VLOOKUP(AF$1,városok!$A$2:$C$346,3,0))^2)/1000,0)</f>
        <v>127</v>
      </c>
      <c r="AG141">
        <f ca="1">ROUND(SQRT((VLOOKUP($A141,városok!$A$2:$C$346,2,0)-VLOOKUP(AG$1,városok!$A$2:$C$346,2,0))^2+(VLOOKUP($A141,városok!$A$2:$C$346,3,0)-VLOOKUP(AG$1,városok!$A$2:$C$346,3,0))^2)/1000,0)</f>
        <v>153</v>
      </c>
      <c r="AH141">
        <f ca="1">ROUND(SQRT((VLOOKUP($A141,városok!$A$2:$C$346,2,0)-VLOOKUP(AH$1,városok!$A$2:$C$346,2,0))^2+(VLOOKUP($A141,városok!$A$2:$C$346,3,0)-VLOOKUP(AH$1,városok!$A$2:$C$346,3,0))^2)/1000,0)</f>
        <v>169</v>
      </c>
      <c r="AI141">
        <f ca="1">ROUND(SQRT((VLOOKUP($A141,városok!$A$2:$C$346,2,0)-VLOOKUP(AI$1,városok!$A$2:$C$346,2,0))^2+(VLOOKUP($A141,városok!$A$2:$C$346,3,0)-VLOOKUP(AI$1,városok!$A$2:$C$346,3,0))^2)/1000,0)</f>
        <v>151</v>
      </c>
      <c r="AJ141">
        <f ca="1">ROUND(SQRT((VLOOKUP($A141,városok!$A$2:$C$346,2,0)-VLOOKUP(AJ$1,városok!$A$2:$C$346,2,0))^2+(VLOOKUP($A141,városok!$A$2:$C$346,3,0)-VLOOKUP(AJ$1,városok!$A$2:$C$346,3,0))^2)/1000,0)</f>
        <v>146</v>
      </c>
      <c r="AK141">
        <f ca="1">ROUND(SQRT((VLOOKUP($A141,városok!$A$2:$C$346,2,0)-VLOOKUP(AK$1,városok!$A$2:$C$346,2,0))^2+(VLOOKUP($A141,városok!$A$2:$C$346,3,0)-VLOOKUP(AK$1,városok!$A$2:$C$346,3,0))^2)/1000,0)</f>
        <v>69</v>
      </c>
      <c r="AL141">
        <f ca="1">ROUND(SQRT((VLOOKUP($A141,városok!$A$2:$C$346,2,0)-VLOOKUP(AL$1,városok!$A$2:$C$346,2,0))^2+(VLOOKUP($A141,városok!$A$2:$C$346,3,0)-VLOOKUP(AL$1,városok!$A$2:$C$346,3,0))^2)/1000,0)</f>
        <v>94</v>
      </c>
      <c r="AM141">
        <f ca="1">ROUND(SQRT((VLOOKUP($A141,városok!$A$2:$C$346,2,0)-VLOOKUP(AM$1,városok!$A$2:$C$346,2,0))^2+(VLOOKUP($A141,városok!$A$2:$C$346,3,0)-VLOOKUP(AM$1,városok!$A$2:$C$346,3,0))^2)/1000,0)</f>
        <v>130</v>
      </c>
      <c r="AN141">
        <f ca="1">ROUND(SQRT((VLOOKUP($A141,városok!$A$2:$C$346,2,0)-VLOOKUP(AN$1,városok!$A$2:$C$346,2,0))^2+(VLOOKUP($A141,városok!$A$2:$C$346,3,0)-VLOOKUP(AN$1,városok!$A$2:$C$346,3,0))^2)/1000,0)</f>
        <v>240</v>
      </c>
      <c r="AO141">
        <f ca="1">ROUND(SQRT((VLOOKUP($A141,városok!$A$2:$C$346,2,0)-VLOOKUP(AO$1,városok!$A$2:$C$346,2,0))^2+(VLOOKUP($A141,városok!$A$2:$C$346,3,0)-VLOOKUP(AO$1,városok!$A$2:$C$346,3,0))^2)/1000,0)</f>
        <v>285</v>
      </c>
      <c r="AP141">
        <f ca="1">ROUND(SQRT((VLOOKUP($A141,városok!$A$2:$C$346,2,0)-VLOOKUP(AP$1,városok!$A$2:$C$346,2,0))^2+(VLOOKUP($A141,városok!$A$2:$C$346,3,0)-VLOOKUP(AP$1,városok!$A$2:$C$346,3,0))^2)/1000,0)</f>
        <v>269</v>
      </c>
      <c r="AQ141">
        <f ca="1">ROUND(SQRT((VLOOKUP($A141,városok!$A$2:$C$346,2,0)-VLOOKUP(AQ$1,városok!$A$2:$C$346,2,0))^2+(VLOOKUP($A141,városok!$A$2:$C$346,3,0)-VLOOKUP(AQ$1,városok!$A$2:$C$346,3,0))^2)/1000,0)</f>
        <v>262</v>
      </c>
      <c r="AR141">
        <f ca="1">ROUND(SQRT((VLOOKUP($A141,városok!$A$2:$C$346,2,0)-VLOOKUP(AR$1,városok!$A$2:$C$346,2,0))^2+(VLOOKUP($A141,városok!$A$2:$C$346,3,0)-VLOOKUP(AR$1,városok!$A$2:$C$346,3,0))^2)/1000,0)</f>
        <v>174</v>
      </c>
      <c r="AS141">
        <f ca="1">ROUND(SQRT((VLOOKUP($A141,városok!$A$2:$C$346,2,0)-VLOOKUP(AS$1,városok!$A$2:$C$346,2,0))^2+(VLOOKUP($A141,városok!$A$2:$C$346,3,0)-VLOOKUP(AS$1,városok!$A$2:$C$346,3,0))^2)/1000,0)</f>
        <v>175</v>
      </c>
      <c r="AT141">
        <f ca="1">ROUND(SQRT((VLOOKUP($A141,városok!$A$2:$C$346,2,0)-VLOOKUP(AT$1,városok!$A$2:$C$346,2,0))^2+(VLOOKUP($A141,városok!$A$2:$C$346,3,0)-VLOOKUP(AT$1,városok!$A$2:$C$346,3,0))^2)/1000,0)</f>
        <v>231</v>
      </c>
      <c r="AU141">
        <f ca="1">ROUND(SQRT((VLOOKUP($A141,városok!$A$2:$C$346,2,0)-VLOOKUP(AU$1,városok!$A$2:$C$346,2,0))^2+(VLOOKUP($A141,városok!$A$2:$C$346,3,0)-VLOOKUP(AU$1,városok!$A$2:$C$346,3,0))^2)/1000,0)</f>
        <v>220</v>
      </c>
      <c r="AV141">
        <f ca="1">ROUND(SQRT((VLOOKUP($A141,városok!$A$2:$C$346,2,0)-VLOOKUP(AV$1,városok!$A$2:$C$346,2,0))^2+(VLOOKUP($A141,városok!$A$2:$C$346,3,0)-VLOOKUP(AV$1,városok!$A$2:$C$346,3,0))^2)/1000,0)</f>
        <v>221</v>
      </c>
      <c r="AW141">
        <f ca="1">ROUND(SQRT((VLOOKUP($A141,városok!$A$2:$C$346,2,0)-VLOOKUP(AW$1,városok!$A$2:$C$346,2,0))^2+(VLOOKUP($A141,városok!$A$2:$C$346,3,0)-VLOOKUP(AW$1,városok!$A$2:$C$346,3,0))^2)/1000,0)</f>
        <v>224</v>
      </c>
      <c r="AX141">
        <f ca="1">ROUND(SQRT((VLOOKUP($A141,városok!$A$2:$C$346,2,0)-VLOOKUP(AX$1,városok!$A$2:$C$346,2,0))^2+(VLOOKUP($A141,városok!$A$2:$C$346,3,0)-VLOOKUP(AX$1,városok!$A$2:$C$346,3,0))^2)/1000,0)</f>
        <v>164</v>
      </c>
      <c r="AY141">
        <f ca="1">ROUND(SQRT((VLOOKUP($A141,városok!$A$2:$C$346,2,0)-VLOOKUP(AY$1,városok!$A$2:$C$346,2,0))^2+(VLOOKUP($A141,városok!$A$2:$C$346,3,0)-VLOOKUP(AY$1,városok!$A$2:$C$346,3,0))^2)/1000,0)</f>
        <v>215</v>
      </c>
      <c r="AZ141">
        <f ca="1">ROUND(SQRT((VLOOKUP($A141,városok!$A$2:$C$346,2,0)-VLOOKUP(AZ$1,városok!$A$2:$C$346,2,0))^2+(VLOOKUP($A141,városok!$A$2:$C$346,3,0)-VLOOKUP(AZ$1,városok!$A$2:$C$346,3,0))^2)/1000,0)</f>
        <v>223</v>
      </c>
      <c r="BA141">
        <f ca="1">ROUND(SQRT((VLOOKUP($A141,városok!$A$2:$C$346,2,0)-VLOOKUP(BA$1,városok!$A$2:$C$346,2,0))^2+(VLOOKUP($A141,városok!$A$2:$C$346,3,0)-VLOOKUP(BA$1,városok!$A$2:$C$346,3,0))^2)/1000,0)</f>
        <v>324</v>
      </c>
      <c r="BB141">
        <f ca="1">ROUND(SQRT((VLOOKUP($A141,városok!$A$2:$C$346,2,0)-VLOOKUP(BB$1,városok!$A$2:$C$346,2,0))^2+(VLOOKUP($A141,városok!$A$2:$C$346,3,0)-VLOOKUP(BB$1,városok!$A$2:$C$346,3,0))^2)/1000,0)</f>
        <v>314</v>
      </c>
      <c r="BC141">
        <f ca="1">ROUND(SQRT((VLOOKUP($A141,városok!$A$2:$C$346,2,0)-VLOOKUP(BC$1,városok!$A$2:$C$346,2,0))^2+(VLOOKUP($A141,városok!$A$2:$C$346,3,0)-VLOOKUP(BC$1,városok!$A$2:$C$346,3,0))^2)/1000,0)</f>
        <v>331</v>
      </c>
      <c r="BD141">
        <f ca="1">ROUND(SQRT((VLOOKUP($A141,városok!$A$2:$C$346,2,0)-VLOOKUP(BD$1,városok!$A$2:$C$346,2,0))^2+(VLOOKUP($A141,városok!$A$2:$C$346,3,0)-VLOOKUP(BD$1,városok!$A$2:$C$346,3,0))^2)/1000,0)</f>
        <v>294</v>
      </c>
      <c r="BE141">
        <f ca="1">ROUND(SQRT((VLOOKUP($A141,városok!$A$2:$C$346,2,0)-VLOOKUP(BE$1,városok!$A$2:$C$346,2,0))^2+(VLOOKUP($A141,városok!$A$2:$C$346,3,0)-VLOOKUP(BE$1,városok!$A$2:$C$346,3,0))^2)/1000,0)</f>
        <v>78</v>
      </c>
      <c r="BF141">
        <f ca="1">ROUND(SQRT((VLOOKUP($A141,városok!$A$2:$C$346,2,0)-VLOOKUP(BF$1,városok!$A$2:$C$346,2,0))^2+(VLOOKUP($A141,városok!$A$2:$C$346,3,0)-VLOOKUP(BF$1,városok!$A$2:$C$346,3,0))^2)/1000,0)</f>
        <v>95</v>
      </c>
      <c r="BG141">
        <f ca="1">ROUND(SQRT((VLOOKUP($A141,városok!$A$2:$C$346,2,0)-VLOOKUP(BG$1,városok!$A$2:$C$346,2,0))^2+(VLOOKUP($A141,városok!$A$2:$C$346,3,0)-VLOOKUP(BG$1,városok!$A$2:$C$346,3,0))^2)/1000,0)</f>
        <v>88</v>
      </c>
      <c r="BH141">
        <f ca="1">ROUND(SQRT((VLOOKUP($A141,városok!$A$2:$C$346,2,0)-VLOOKUP(BH$1,városok!$A$2:$C$346,2,0))^2+(VLOOKUP($A141,városok!$A$2:$C$346,3,0)-VLOOKUP(BH$1,városok!$A$2:$C$346,3,0))^2)/1000,0)</f>
        <v>88</v>
      </c>
      <c r="BI141">
        <f ca="1">ROUND(SQRT((VLOOKUP($A141,városok!$A$2:$C$346,2,0)-VLOOKUP(BI$1,városok!$A$2:$C$346,2,0))^2+(VLOOKUP($A141,városok!$A$2:$C$346,3,0)-VLOOKUP(BI$1,városok!$A$2:$C$346,3,0))^2)/1000,0)</f>
        <v>271</v>
      </c>
      <c r="BJ141">
        <f ca="1">ROUND(SQRT((VLOOKUP($A141,városok!$A$2:$C$346,2,0)-VLOOKUP(BJ$1,városok!$A$2:$C$346,2,0))^2+(VLOOKUP($A141,városok!$A$2:$C$346,3,0)-VLOOKUP(BJ$1,városok!$A$2:$C$346,3,0))^2)/1000,0)</f>
        <v>288</v>
      </c>
      <c r="BK141">
        <f ca="1">ROUND(SQRT((VLOOKUP($A141,városok!$A$2:$C$346,2,0)-VLOOKUP(BK$1,városok!$A$2:$C$346,2,0))^2+(VLOOKUP($A141,városok!$A$2:$C$346,3,0)-VLOOKUP(BK$1,városok!$A$2:$C$346,3,0))^2)/1000,0)</f>
        <v>268</v>
      </c>
      <c r="BL141">
        <f ca="1">ROUND(SQRT((VLOOKUP($A141,városok!$A$2:$C$346,2,0)-VLOOKUP(BL$1,városok!$A$2:$C$346,2,0))^2+(VLOOKUP($A141,városok!$A$2:$C$346,3,0)-VLOOKUP(BL$1,városok!$A$2:$C$346,3,0))^2)/1000,0)</f>
        <v>402</v>
      </c>
      <c r="BM141">
        <f ca="1">ROUND(SQRT((VLOOKUP($A141,városok!$A$2:$C$346,2,0)-VLOOKUP(BM$1,városok!$A$2:$C$346,2,0))^2+(VLOOKUP($A141,városok!$A$2:$C$346,3,0)-VLOOKUP(BM$1,városok!$A$2:$C$346,3,0))^2)/1000,0)</f>
        <v>374</v>
      </c>
      <c r="BN141">
        <f ca="1">ROUND(SQRT((VLOOKUP($A141,városok!$A$2:$C$346,2,0)-VLOOKUP(BN$1,városok!$A$2:$C$346,2,0))^2+(VLOOKUP($A141,városok!$A$2:$C$346,3,0)-VLOOKUP(BN$1,városok!$A$2:$C$346,3,0))^2)/1000,0)</f>
        <v>398</v>
      </c>
      <c r="BO141">
        <f ca="1">ROUND(SQRT((VLOOKUP($A141,városok!$A$2:$C$346,2,0)-VLOOKUP(BO$1,városok!$A$2:$C$346,2,0))^2+(VLOOKUP($A141,városok!$A$2:$C$346,3,0)-VLOOKUP(BO$1,városok!$A$2:$C$346,3,0))^2)/1000,0)</f>
        <v>295</v>
      </c>
      <c r="BP141">
        <f ca="1">ROUND(SQRT((VLOOKUP($A141,városok!$A$2:$C$346,2,0)-VLOOKUP(BP$1,városok!$A$2:$C$346,2,0))^2+(VLOOKUP($A141,városok!$A$2:$C$346,3,0)-VLOOKUP(BP$1,városok!$A$2:$C$346,3,0))^2)/1000,0)</f>
        <v>288</v>
      </c>
      <c r="BQ141">
        <f ca="1">ROUND(SQRT((VLOOKUP($A141,városok!$A$2:$C$346,2,0)-VLOOKUP(BQ$1,városok!$A$2:$C$346,2,0))^2+(VLOOKUP($A141,városok!$A$2:$C$346,3,0)-VLOOKUP(BQ$1,városok!$A$2:$C$346,3,0))^2)/1000,0)</f>
        <v>302</v>
      </c>
      <c r="BR141">
        <f ca="1">ROUND(SQRT((VLOOKUP($A141,városok!$A$2:$C$346,2,0)-VLOOKUP(BR$1,városok!$A$2:$C$346,2,0))^2+(VLOOKUP($A141,városok!$A$2:$C$346,3,0)-VLOOKUP(BR$1,városok!$A$2:$C$346,3,0))^2)/1000,0)</f>
        <v>358</v>
      </c>
      <c r="BS141">
        <f ca="1">ROUND(SQRT((VLOOKUP($A141,városok!$A$2:$C$346,2,0)-VLOOKUP(BS$1,városok!$A$2:$C$346,2,0))^2+(VLOOKUP($A141,városok!$A$2:$C$346,3,0)-VLOOKUP(BS$1,városok!$A$2:$C$346,3,0))^2)/1000,0)</f>
        <v>386</v>
      </c>
      <c r="BT141">
        <f ca="1">ROUND(SQRT((VLOOKUP($A141,városok!$A$2:$C$346,2,0)-VLOOKUP(BT$1,városok!$A$2:$C$346,2,0))^2+(VLOOKUP($A141,városok!$A$2:$C$346,3,0)-VLOOKUP(BT$1,városok!$A$2:$C$346,3,0))^2)/1000,0)</f>
        <v>387</v>
      </c>
    </row>
    <row r="142" spans="1:72" x14ac:dyDescent="0.2">
      <c r="A142" t="str">
        <f>városok!A142</f>
        <v>Nádudvar</v>
      </c>
      <c r="B142">
        <f ca="1">ROUND(SQRT((VLOOKUP($A142,városok!$A$2:$C$346,2,0)-VLOOKUP(B$1,városok!$A$2:$C$346,2,0))^2+(VLOOKUP($A142,városok!$A$2:$C$346,3,0)-VLOOKUP(B$1,városok!$A$2:$C$346,3,0))^2)/1000,0)</f>
        <v>217</v>
      </c>
      <c r="C142">
        <f ca="1">ROUND(SQRT((VLOOKUP($A142,városok!$A$2:$C$346,2,0)-VLOOKUP(C$1,városok!$A$2:$C$346,2,0))^2+(VLOOKUP($A142,városok!$A$2:$C$346,3,0)-VLOOKUP(C$1,városok!$A$2:$C$346,3,0))^2)/1000,0)</f>
        <v>194</v>
      </c>
      <c r="D142">
        <f ca="1">ROUND(SQRT((VLOOKUP($A142,városok!$A$2:$C$346,2,0)-VLOOKUP(D$1,városok!$A$2:$C$346,2,0))^2+(VLOOKUP($A142,városok!$A$2:$C$346,3,0)-VLOOKUP(D$1,városok!$A$2:$C$346,3,0))^2)/1000,0)</f>
        <v>125</v>
      </c>
      <c r="E142">
        <f ca="1">ROUND(SQRT((VLOOKUP($A142,városok!$A$2:$C$346,2,0)-VLOOKUP(E$1,városok!$A$2:$C$346,2,0))^2+(VLOOKUP($A142,városok!$A$2:$C$346,3,0)-VLOOKUP(E$1,városok!$A$2:$C$346,3,0))^2)/1000,0)</f>
        <v>260</v>
      </c>
      <c r="F142">
        <f ca="1">ROUND(SQRT((VLOOKUP($A142,városok!$A$2:$C$346,2,0)-VLOOKUP(F$1,városok!$A$2:$C$346,2,0))^2+(VLOOKUP($A142,városok!$A$2:$C$346,3,0)-VLOOKUP(F$1,városok!$A$2:$C$346,3,0))^2)/1000,0)</f>
        <v>248</v>
      </c>
      <c r="G142">
        <f ca="1">ROUND(SQRT((VLOOKUP($A142,városok!$A$2:$C$346,2,0)-VLOOKUP(G$1,városok!$A$2:$C$346,2,0))^2+(VLOOKUP($A142,városok!$A$2:$C$346,3,0)-VLOOKUP(G$1,városok!$A$2:$C$346,3,0))^2)/1000,0)</f>
        <v>268</v>
      </c>
      <c r="H142">
        <f ca="1">ROUND(SQRT((VLOOKUP($A142,városok!$A$2:$C$346,2,0)-VLOOKUP(H$1,városok!$A$2:$C$346,2,0))^2+(VLOOKUP($A142,városok!$A$2:$C$346,3,0)-VLOOKUP(H$1,városok!$A$2:$C$346,3,0))^2)/1000,0)</f>
        <v>299</v>
      </c>
      <c r="I142">
        <f ca="1">ROUND(SQRT((VLOOKUP($A142,városok!$A$2:$C$346,2,0)-VLOOKUP(I$1,városok!$A$2:$C$346,2,0))^2+(VLOOKUP($A142,városok!$A$2:$C$346,3,0)-VLOOKUP(I$1,városok!$A$2:$C$346,3,0))^2)/1000,0)</f>
        <v>84</v>
      </c>
      <c r="J142">
        <f ca="1">ROUND(SQRT((VLOOKUP($A142,városok!$A$2:$C$346,2,0)-VLOOKUP(J$1,városok!$A$2:$C$346,2,0))^2+(VLOOKUP($A142,városok!$A$2:$C$346,3,0)-VLOOKUP(J$1,városok!$A$2:$C$346,3,0))^2)/1000,0)</f>
        <v>87</v>
      </c>
      <c r="K142">
        <f ca="1">ROUND(SQRT((VLOOKUP($A142,városok!$A$2:$C$346,2,0)-VLOOKUP(K$1,városok!$A$2:$C$346,2,0))^2+(VLOOKUP($A142,városok!$A$2:$C$346,3,0)-VLOOKUP(K$1,városok!$A$2:$C$346,3,0))^2)/1000,0)</f>
        <v>103</v>
      </c>
      <c r="L142">
        <f ca="1">ROUND(SQRT((VLOOKUP($A142,városok!$A$2:$C$346,2,0)-VLOOKUP(L$1,városok!$A$2:$C$346,2,0))^2+(VLOOKUP($A142,városok!$A$2:$C$346,3,0)-VLOOKUP(L$1,városok!$A$2:$C$346,3,0))^2)/1000,0)</f>
        <v>100</v>
      </c>
      <c r="M142">
        <f ca="1">ROUND(SQRT((VLOOKUP($A142,városok!$A$2:$C$346,2,0)-VLOOKUP(M$1,városok!$A$2:$C$346,2,0))^2+(VLOOKUP($A142,városok!$A$2:$C$346,3,0)-VLOOKUP(M$1,városok!$A$2:$C$346,3,0))^2)/1000,0)</f>
        <v>80</v>
      </c>
      <c r="N142">
        <f ca="1">ROUND(SQRT((VLOOKUP($A142,városok!$A$2:$C$346,2,0)-VLOOKUP(N$1,városok!$A$2:$C$346,2,0))^2+(VLOOKUP($A142,városok!$A$2:$C$346,3,0)-VLOOKUP(N$1,városok!$A$2:$C$346,3,0))^2)/1000,0)</f>
        <v>110</v>
      </c>
      <c r="O142">
        <f ca="1">ROUND(SQRT((VLOOKUP($A142,városok!$A$2:$C$346,2,0)-VLOOKUP(O$1,városok!$A$2:$C$346,2,0))^2+(VLOOKUP($A142,városok!$A$2:$C$346,3,0)-VLOOKUP(O$1,városok!$A$2:$C$346,3,0))^2)/1000,0)</f>
        <v>114</v>
      </c>
      <c r="P142">
        <f ca="1">ROUND(SQRT((VLOOKUP($A142,városok!$A$2:$C$346,2,0)-VLOOKUP(P$1,városok!$A$2:$C$346,2,0))^2+(VLOOKUP($A142,városok!$A$2:$C$346,3,0)-VLOOKUP(P$1,városok!$A$2:$C$346,3,0))^2)/1000,0)</f>
        <v>114</v>
      </c>
      <c r="Q142">
        <f ca="1">ROUND(SQRT((VLOOKUP($A142,városok!$A$2:$C$346,2,0)-VLOOKUP(Q$1,városok!$A$2:$C$346,2,0))^2+(VLOOKUP($A142,városok!$A$2:$C$346,3,0)-VLOOKUP(Q$1,városok!$A$2:$C$346,3,0))^2)/1000,0)</f>
        <v>129</v>
      </c>
      <c r="R142">
        <f ca="1">ROUND(SQRT((VLOOKUP($A142,városok!$A$2:$C$346,2,0)-VLOOKUP(R$1,városok!$A$2:$C$346,2,0))^2+(VLOOKUP($A142,városok!$A$2:$C$346,3,0)-VLOOKUP(R$1,városok!$A$2:$C$346,3,0))^2)/1000,0)</f>
        <v>144</v>
      </c>
      <c r="S142">
        <f ca="1">ROUND(SQRT((VLOOKUP($A142,városok!$A$2:$C$346,2,0)-VLOOKUP(S$1,városok!$A$2:$C$346,2,0))^2+(VLOOKUP($A142,városok!$A$2:$C$346,3,0)-VLOOKUP(S$1,városok!$A$2:$C$346,3,0))^2)/1000,0)</f>
        <v>152</v>
      </c>
      <c r="T142">
        <f ca="1">ROUND(SQRT((VLOOKUP($A142,városok!$A$2:$C$346,2,0)-VLOOKUP(T$1,városok!$A$2:$C$346,2,0))^2+(VLOOKUP($A142,városok!$A$2:$C$346,3,0)-VLOOKUP(T$1,városok!$A$2:$C$346,3,0))^2)/1000,0)</f>
        <v>191</v>
      </c>
      <c r="U142">
        <f ca="1">ROUND(SQRT((VLOOKUP($A142,városok!$A$2:$C$346,2,0)-VLOOKUP(U$1,városok!$A$2:$C$346,2,0))^2+(VLOOKUP($A142,városok!$A$2:$C$346,3,0)-VLOOKUP(U$1,városok!$A$2:$C$346,3,0))^2)/1000,0)</f>
        <v>176</v>
      </c>
      <c r="V142">
        <f ca="1">ROUND(SQRT((VLOOKUP($A142,városok!$A$2:$C$346,2,0)-VLOOKUP(V$1,városok!$A$2:$C$346,2,0))^2+(VLOOKUP($A142,városok!$A$2:$C$346,3,0)-VLOOKUP(V$1,városok!$A$2:$C$346,3,0))^2)/1000,0)</f>
        <v>220</v>
      </c>
      <c r="W142">
        <f ca="1">ROUND(SQRT((VLOOKUP($A142,városok!$A$2:$C$346,2,0)-VLOOKUP(W$1,városok!$A$2:$C$346,2,0))^2+(VLOOKUP($A142,városok!$A$2:$C$346,3,0)-VLOOKUP(W$1,városok!$A$2:$C$346,3,0))^2)/1000,0)</f>
        <v>202</v>
      </c>
      <c r="X142">
        <f ca="1">ROUND(SQRT((VLOOKUP($A142,városok!$A$2:$C$346,2,0)-VLOOKUP(X$1,városok!$A$2:$C$346,2,0))^2+(VLOOKUP($A142,városok!$A$2:$C$346,3,0)-VLOOKUP(X$1,városok!$A$2:$C$346,3,0))^2)/1000,0)</f>
        <v>215</v>
      </c>
      <c r="Y142">
        <f ca="1">ROUND(SQRT((VLOOKUP($A142,városok!$A$2:$C$346,2,0)-VLOOKUP(Y$1,városok!$A$2:$C$346,2,0))^2+(VLOOKUP($A142,városok!$A$2:$C$346,3,0)-VLOOKUP(Y$1,városok!$A$2:$C$346,3,0))^2)/1000,0)</f>
        <v>267</v>
      </c>
      <c r="Z142">
        <f ca="1">ROUND(SQRT((VLOOKUP($A142,városok!$A$2:$C$346,2,0)-VLOOKUP(Z$1,városok!$A$2:$C$346,2,0))^2+(VLOOKUP($A142,városok!$A$2:$C$346,3,0)-VLOOKUP(Z$1,városok!$A$2:$C$346,3,0))^2)/1000,0)</f>
        <v>286</v>
      </c>
      <c r="AA142">
        <f ca="1">ROUND(SQRT((VLOOKUP($A142,városok!$A$2:$C$346,2,0)-VLOOKUP(AA$1,városok!$A$2:$C$346,2,0))^2+(VLOOKUP($A142,városok!$A$2:$C$346,3,0)-VLOOKUP(AA$1,városok!$A$2:$C$346,3,0))^2)/1000,0)</f>
        <v>346</v>
      </c>
      <c r="AB142">
        <f ca="1">ROUND(SQRT((VLOOKUP($A142,városok!$A$2:$C$346,2,0)-VLOOKUP(AB$1,városok!$A$2:$C$346,2,0))^2+(VLOOKUP($A142,városok!$A$2:$C$346,3,0)-VLOOKUP(AB$1,városok!$A$2:$C$346,3,0))^2)/1000,0)</f>
        <v>37</v>
      </c>
      <c r="AC142">
        <f ca="1">ROUND(SQRT((VLOOKUP($A142,városok!$A$2:$C$346,2,0)-VLOOKUP(AC$1,városok!$A$2:$C$346,2,0))^2+(VLOOKUP($A142,városok!$A$2:$C$346,3,0)-VLOOKUP(AC$1,városok!$A$2:$C$346,3,0))^2)/1000,0)</f>
        <v>18</v>
      </c>
      <c r="AD142">
        <f ca="1">ROUND(SQRT((VLOOKUP($A142,városok!$A$2:$C$346,2,0)-VLOOKUP(AD$1,városok!$A$2:$C$346,2,0))^2+(VLOOKUP($A142,városok!$A$2:$C$346,3,0)-VLOOKUP(AD$1,városok!$A$2:$C$346,3,0))^2)/1000,0)</f>
        <v>0</v>
      </c>
      <c r="AE142">
        <f ca="1">ROUND(SQRT((VLOOKUP($A142,városok!$A$2:$C$346,2,0)-VLOOKUP(AE$1,városok!$A$2:$C$346,2,0))^2+(VLOOKUP($A142,városok!$A$2:$C$346,3,0)-VLOOKUP(AE$1,városok!$A$2:$C$346,3,0))^2)/1000,0)</f>
        <v>16</v>
      </c>
      <c r="AF142">
        <f ca="1">ROUND(SQRT((VLOOKUP($A142,városok!$A$2:$C$346,2,0)-VLOOKUP(AF$1,városok!$A$2:$C$346,2,0))^2+(VLOOKUP($A142,városok!$A$2:$C$346,3,0)-VLOOKUP(AF$1,városok!$A$2:$C$346,3,0))^2)/1000,0)</f>
        <v>79</v>
      </c>
      <c r="AG142">
        <f ca="1">ROUND(SQRT((VLOOKUP($A142,városok!$A$2:$C$346,2,0)-VLOOKUP(AG$1,városok!$A$2:$C$346,2,0))^2+(VLOOKUP($A142,városok!$A$2:$C$346,3,0)-VLOOKUP(AG$1,városok!$A$2:$C$346,3,0))^2)/1000,0)</f>
        <v>101</v>
      </c>
      <c r="AH142">
        <f ca="1">ROUND(SQRT((VLOOKUP($A142,városok!$A$2:$C$346,2,0)-VLOOKUP(AH$1,városok!$A$2:$C$346,2,0))^2+(VLOOKUP($A142,városok!$A$2:$C$346,3,0)-VLOOKUP(AH$1,városok!$A$2:$C$346,3,0))^2)/1000,0)</f>
        <v>115</v>
      </c>
      <c r="AI142">
        <f ca="1">ROUND(SQRT((VLOOKUP($A142,városok!$A$2:$C$346,2,0)-VLOOKUP(AI$1,városok!$A$2:$C$346,2,0))^2+(VLOOKUP($A142,városok!$A$2:$C$346,3,0)-VLOOKUP(AI$1,városok!$A$2:$C$346,3,0))^2)/1000,0)</f>
        <v>103</v>
      </c>
      <c r="AJ142">
        <f ca="1">ROUND(SQRT((VLOOKUP($A142,városok!$A$2:$C$346,2,0)-VLOOKUP(AJ$1,városok!$A$2:$C$346,2,0))^2+(VLOOKUP($A142,városok!$A$2:$C$346,3,0)-VLOOKUP(AJ$1,városok!$A$2:$C$346,3,0))^2)/1000,0)</f>
        <v>92</v>
      </c>
      <c r="AK142">
        <f ca="1">ROUND(SQRT((VLOOKUP($A142,városok!$A$2:$C$346,2,0)-VLOOKUP(AK$1,városok!$A$2:$C$346,2,0))^2+(VLOOKUP($A142,városok!$A$2:$C$346,3,0)-VLOOKUP(AK$1,városok!$A$2:$C$346,3,0))^2)/1000,0)</f>
        <v>21</v>
      </c>
      <c r="AL142">
        <f ca="1">ROUND(SQRT((VLOOKUP($A142,városok!$A$2:$C$346,2,0)-VLOOKUP(AL$1,városok!$A$2:$C$346,2,0))^2+(VLOOKUP($A142,városok!$A$2:$C$346,3,0)-VLOOKUP(AL$1,városok!$A$2:$C$346,3,0))^2)/1000,0)</f>
        <v>41</v>
      </c>
      <c r="AM142">
        <f ca="1">ROUND(SQRT((VLOOKUP($A142,városok!$A$2:$C$346,2,0)-VLOOKUP(AM$1,városok!$A$2:$C$346,2,0))^2+(VLOOKUP($A142,városok!$A$2:$C$346,3,0)-VLOOKUP(AM$1,városok!$A$2:$C$346,3,0))^2)/1000,0)</f>
        <v>79</v>
      </c>
      <c r="AN142">
        <f ca="1">ROUND(SQRT((VLOOKUP($A142,városok!$A$2:$C$346,2,0)-VLOOKUP(AN$1,városok!$A$2:$C$346,2,0))^2+(VLOOKUP($A142,városok!$A$2:$C$346,3,0)-VLOOKUP(AN$1,városok!$A$2:$C$346,3,0))^2)/1000,0)</f>
        <v>186</v>
      </c>
      <c r="AO142">
        <f ca="1">ROUND(SQRT((VLOOKUP($A142,városok!$A$2:$C$346,2,0)-VLOOKUP(AO$1,városok!$A$2:$C$346,2,0))^2+(VLOOKUP($A142,városok!$A$2:$C$346,3,0)-VLOOKUP(AO$1,városok!$A$2:$C$346,3,0))^2)/1000,0)</f>
        <v>231</v>
      </c>
      <c r="AP142">
        <f ca="1">ROUND(SQRT((VLOOKUP($A142,városok!$A$2:$C$346,2,0)-VLOOKUP(AP$1,városok!$A$2:$C$346,2,0))^2+(VLOOKUP($A142,városok!$A$2:$C$346,3,0)-VLOOKUP(AP$1,városok!$A$2:$C$346,3,0))^2)/1000,0)</f>
        <v>214</v>
      </c>
      <c r="AQ142">
        <f ca="1">ROUND(SQRT((VLOOKUP($A142,városok!$A$2:$C$346,2,0)-VLOOKUP(AQ$1,városok!$A$2:$C$346,2,0))^2+(VLOOKUP($A142,városok!$A$2:$C$346,3,0)-VLOOKUP(AQ$1,városok!$A$2:$C$346,3,0))^2)/1000,0)</f>
        <v>208</v>
      </c>
      <c r="AR142">
        <f ca="1">ROUND(SQRT((VLOOKUP($A142,városok!$A$2:$C$346,2,0)-VLOOKUP(AR$1,városok!$A$2:$C$346,2,0))^2+(VLOOKUP($A142,városok!$A$2:$C$346,3,0)-VLOOKUP(AR$1,városok!$A$2:$C$346,3,0))^2)/1000,0)</f>
        <v>123</v>
      </c>
      <c r="AS142">
        <f ca="1">ROUND(SQRT((VLOOKUP($A142,városok!$A$2:$C$346,2,0)-VLOOKUP(AS$1,városok!$A$2:$C$346,2,0))^2+(VLOOKUP($A142,városok!$A$2:$C$346,3,0)-VLOOKUP(AS$1,városok!$A$2:$C$346,3,0))^2)/1000,0)</f>
        <v>126</v>
      </c>
      <c r="AT142">
        <f ca="1">ROUND(SQRT((VLOOKUP($A142,városok!$A$2:$C$346,2,0)-VLOOKUP(AT$1,városok!$A$2:$C$346,2,0))^2+(VLOOKUP($A142,városok!$A$2:$C$346,3,0)-VLOOKUP(AT$1,városok!$A$2:$C$346,3,0))^2)/1000,0)</f>
        <v>177</v>
      </c>
      <c r="AU142">
        <f ca="1">ROUND(SQRT((VLOOKUP($A142,városok!$A$2:$C$346,2,0)-VLOOKUP(AU$1,városok!$A$2:$C$346,2,0))^2+(VLOOKUP($A142,városok!$A$2:$C$346,3,0)-VLOOKUP(AU$1,városok!$A$2:$C$346,3,0))^2)/1000,0)</f>
        <v>166</v>
      </c>
      <c r="AV142">
        <f ca="1">ROUND(SQRT((VLOOKUP($A142,városok!$A$2:$C$346,2,0)-VLOOKUP(AV$1,városok!$A$2:$C$346,2,0))^2+(VLOOKUP($A142,városok!$A$2:$C$346,3,0)-VLOOKUP(AV$1,városok!$A$2:$C$346,3,0))^2)/1000,0)</f>
        <v>167</v>
      </c>
      <c r="AW142">
        <f ca="1">ROUND(SQRT((VLOOKUP($A142,városok!$A$2:$C$346,2,0)-VLOOKUP(AW$1,városok!$A$2:$C$346,2,0))^2+(VLOOKUP($A142,városok!$A$2:$C$346,3,0)-VLOOKUP(AW$1,városok!$A$2:$C$346,3,0))^2)/1000,0)</f>
        <v>170</v>
      </c>
      <c r="AX142">
        <f ca="1">ROUND(SQRT((VLOOKUP($A142,városok!$A$2:$C$346,2,0)-VLOOKUP(AX$1,városok!$A$2:$C$346,2,0))^2+(VLOOKUP($A142,városok!$A$2:$C$346,3,0)-VLOOKUP(AX$1,városok!$A$2:$C$346,3,0))^2)/1000,0)</f>
        <v>113</v>
      </c>
      <c r="AY142">
        <f ca="1">ROUND(SQRT((VLOOKUP($A142,városok!$A$2:$C$346,2,0)-VLOOKUP(AY$1,városok!$A$2:$C$346,2,0))^2+(VLOOKUP($A142,városok!$A$2:$C$346,3,0)-VLOOKUP(AY$1,városok!$A$2:$C$346,3,0))^2)/1000,0)</f>
        <v>160</v>
      </c>
      <c r="AZ142">
        <f ca="1">ROUND(SQRT((VLOOKUP($A142,városok!$A$2:$C$346,2,0)-VLOOKUP(AZ$1,városok!$A$2:$C$346,2,0))^2+(VLOOKUP($A142,városok!$A$2:$C$346,3,0)-VLOOKUP(AZ$1,városok!$A$2:$C$346,3,0))^2)/1000,0)</f>
        <v>169</v>
      </c>
      <c r="BA142">
        <f ca="1">ROUND(SQRT((VLOOKUP($A142,városok!$A$2:$C$346,2,0)-VLOOKUP(BA$1,városok!$A$2:$C$346,2,0))^2+(VLOOKUP($A142,városok!$A$2:$C$346,3,0)-VLOOKUP(BA$1,városok!$A$2:$C$346,3,0))^2)/1000,0)</f>
        <v>272</v>
      </c>
      <c r="BB142">
        <f ca="1">ROUND(SQRT((VLOOKUP($A142,városok!$A$2:$C$346,2,0)-VLOOKUP(BB$1,városok!$A$2:$C$346,2,0))^2+(VLOOKUP($A142,városok!$A$2:$C$346,3,0)-VLOOKUP(BB$1,városok!$A$2:$C$346,3,0))^2)/1000,0)</f>
        <v>264</v>
      </c>
      <c r="BC142">
        <f ca="1">ROUND(SQRT((VLOOKUP($A142,városok!$A$2:$C$346,2,0)-VLOOKUP(BC$1,városok!$A$2:$C$346,2,0))^2+(VLOOKUP($A142,városok!$A$2:$C$346,3,0)-VLOOKUP(BC$1,városok!$A$2:$C$346,3,0))^2)/1000,0)</f>
        <v>283</v>
      </c>
      <c r="BD142">
        <f ca="1">ROUND(SQRT((VLOOKUP($A142,városok!$A$2:$C$346,2,0)-VLOOKUP(BD$1,városok!$A$2:$C$346,2,0))^2+(VLOOKUP($A142,városok!$A$2:$C$346,3,0)-VLOOKUP(BD$1,városok!$A$2:$C$346,3,0))^2)/1000,0)</f>
        <v>242</v>
      </c>
      <c r="BE142">
        <f ca="1">ROUND(SQRT((VLOOKUP($A142,városok!$A$2:$C$346,2,0)-VLOOKUP(BE$1,városok!$A$2:$C$346,2,0))^2+(VLOOKUP($A142,városok!$A$2:$C$346,3,0)-VLOOKUP(BE$1,városok!$A$2:$C$346,3,0))^2)/1000,0)</f>
        <v>122</v>
      </c>
      <c r="BF142">
        <f ca="1">ROUND(SQRT((VLOOKUP($A142,városok!$A$2:$C$346,2,0)-VLOOKUP(BF$1,városok!$A$2:$C$346,2,0))^2+(VLOOKUP($A142,városok!$A$2:$C$346,3,0)-VLOOKUP(BF$1,városok!$A$2:$C$346,3,0))^2)/1000,0)</f>
        <v>112</v>
      </c>
      <c r="BG142">
        <f ca="1">ROUND(SQRT((VLOOKUP($A142,városok!$A$2:$C$346,2,0)-VLOOKUP(BG$1,városok!$A$2:$C$346,2,0))^2+(VLOOKUP($A142,városok!$A$2:$C$346,3,0)-VLOOKUP(BG$1,városok!$A$2:$C$346,3,0))^2)/1000,0)</f>
        <v>81</v>
      </c>
      <c r="BH142">
        <f ca="1">ROUND(SQRT((VLOOKUP($A142,városok!$A$2:$C$346,2,0)-VLOOKUP(BH$1,városok!$A$2:$C$346,2,0))^2+(VLOOKUP($A142,városok!$A$2:$C$346,3,0)-VLOOKUP(BH$1,városok!$A$2:$C$346,3,0))^2)/1000,0)</f>
        <v>81</v>
      </c>
      <c r="BI142">
        <f ca="1">ROUND(SQRT((VLOOKUP($A142,városok!$A$2:$C$346,2,0)-VLOOKUP(BI$1,városok!$A$2:$C$346,2,0))^2+(VLOOKUP($A142,városok!$A$2:$C$346,3,0)-VLOOKUP(BI$1,városok!$A$2:$C$346,3,0))^2)/1000,0)</f>
        <v>225</v>
      </c>
      <c r="BJ142">
        <f ca="1">ROUND(SQRT((VLOOKUP($A142,városok!$A$2:$C$346,2,0)-VLOOKUP(BJ$1,városok!$A$2:$C$346,2,0))^2+(VLOOKUP($A142,városok!$A$2:$C$346,3,0)-VLOOKUP(BJ$1,városok!$A$2:$C$346,3,0))^2)/1000,0)</f>
        <v>242</v>
      </c>
      <c r="BK142">
        <f ca="1">ROUND(SQRT((VLOOKUP($A142,városok!$A$2:$C$346,2,0)-VLOOKUP(BK$1,városok!$A$2:$C$346,2,0))^2+(VLOOKUP($A142,városok!$A$2:$C$346,3,0)-VLOOKUP(BK$1,városok!$A$2:$C$346,3,0))^2)/1000,0)</f>
        <v>222</v>
      </c>
      <c r="BL142">
        <f ca="1">ROUND(SQRT((VLOOKUP($A142,városok!$A$2:$C$346,2,0)-VLOOKUP(BL$1,városok!$A$2:$C$346,2,0))^2+(VLOOKUP($A142,városok!$A$2:$C$346,3,0)-VLOOKUP(BL$1,városok!$A$2:$C$346,3,0))^2)/1000,0)</f>
        <v>348</v>
      </c>
      <c r="BM142">
        <f ca="1">ROUND(SQRT((VLOOKUP($A142,városok!$A$2:$C$346,2,0)-VLOOKUP(BM$1,városok!$A$2:$C$346,2,0))^2+(VLOOKUP($A142,városok!$A$2:$C$346,3,0)-VLOOKUP(BM$1,városok!$A$2:$C$346,3,0))^2)/1000,0)</f>
        <v>320</v>
      </c>
      <c r="BN142">
        <f ca="1">ROUND(SQRT((VLOOKUP($A142,városok!$A$2:$C$346,2,0)-VLOOKUP(BN$1,városok!$A$2:$C$346,2,0))^2+(VLOOKUP($A142,városok!$A$2:$C$346,3,0)-VLOOKUP(BN$1,városok!$A$2:$C$346,3,0))^2)/1000,0)</f>
        <v>343</v>
      </c>
      <c r="BO142">
        <f ca="1">ROUND(SQRT((VLOOKUP($A142,városok!$A$2:$C$346,2,0)-VLOOKUP(BO$1,városok!$A$2:$C$346,2,0))^2+(VLOOKUP($A142,városok!$A$2:$C$346,3,0)-VLOOKUP(BO$1,városok!$A$2:$C$346,3,0))^2)/1000,0)</f>
        <v>242</v>
      </c>
      <c r="BP142">
        <f ca="1">ROUND(SQRT((VLOOKUP($A142,városok!$A$2:$C$346,2,0)-VLOOKUP(BP$1,városok!$A$2:$C$346,2,0))^2+(VLOOKUP($A142,városok!$A$2:$C$346,3,0)-VLOOKUP(BP$1,városok!$A$2:$C$346,3,0))^2)/1000,0)</f>
        <v>235</v>
      </c>
      <c r="BQ142">
        <f ca="1">ROUND(SQRT((VLOOKUP($A142,városok!$A$2:$C$346,2,0)-VLOOKUP(BQ$1,városok!$A$2:$C$346,2,0))^2+(VLOOKUP($A142,városok!$A$2:$C$346,3,0)-VLOOKUP(BQ$1,városok!$A$2:$C$346,3,0))^2)/1000,0)</f>
        <v>249</v>
      </c>
      <c r="BR142">
        <f ca="1">ROUND(SQRT((VLOOKUP($A142,városok!$A$2:$C$346,2,0)-VLOOKUP(BR$1,városok!$A$2:$C$346,2,0))^2+(VLOOKUP($A142,városok!$A$2:$C$346,3,0)-VLOOKUP(BR$1,városok!$A$2:$C$346,3,0))^2)/1000,0)</f>
        <v>305</v>
      </c>
      <c r="BS142">
        <f ca="1">ROUND(SQRT((VLOOKUP($A142,városok!$A$2:$C$346,2,0)-VLOOKUP(BS$1,városok!$A$2:$C$346,2,0))^2+(VLOOKUP($A142,városok!$A$2:$C$346,3,0)-VLOOKUP(BS$1,városok!$A$2:$C$346,3,0))^2)/1000,0)</f>
        <v>335</v>
      </c>
      <c r="BT142">
        <f ca="1">ROUND(SQRT((VLOOKUP($A142,városok!$A$2:$C$346,2,0)-VLOOKUP(BT$1,városok!$A$2:$C$346,2,0))^2+(VLOOKUP($A142,városok!$A$2:$C$346,3,0)-VLOOKUP(BT$1,városok!$A$2:$C$346,3,0))^2)/1000,0)</f>
        <v>334</v>
      </c>
    </row>
    <row r="143" spans="1:72" x14ac:dyDescent="0.2">
      <c r="A143" t="str">
        <f>városok!A143</f>
        <v>Nyíradony</v>
      </c>
      <c r="B143">
        <f ca="1">ROUND(SQRT((VLOOKUP($A143,városok!$A$2:$C$346,2,0)-VLOOKUP(B$1,városok!$A$2:$C$346,2,0))^2+(VLOOKUP($A143,városok!$A$2:$C$346,3,0)-VLOOKUP(B$1,városok!$A$2:$C$346,3,0))^2)/1000,0)</f>
        <v>280</v>
      </c>
      <c r="C143">
        <f ca="1">ROUND(SQRT((VLOOKUP($A143,városok!$A$2:$C$346,2,0)-VLOOKUP(C$1,városok!$A$2:$C$346,2,0))^2+(VLOOKUP($A143,városok!$A$2:$C$346,3,0)-VLOOKUP(C$1,városok!$A$2:$C$346,3,0))^2)/1000,0)</f>
        <v>257</v>
      </c>
      <c r="D143">
        <f ca="1">ROUND(SQRT((VLOOKUP($A143,városok!$A$2:$C$346,2,0)-VLOOKUP(D$1,városok!$A$2:$C$346,2,0))^2+(VLOOKUP($A143,városok!$A$2:$C$346,3,0)-VLOOKUP(D$1,városok!$A$2:$C$346,3,0))^2)/1000,0)</f>
        <v>189</v>
      </c>
      <c r="E143">
        <f ca="1">ROUND(SQRT((VLOOKUP($A143,városok!$A$2:$C$346,2,0)-VLOOKUP(E$1,városok!$A$2:$C$346,2,0))^2+(VLOOKUP($A143,városok!$A$2:$C$346,3,0)-VLOOKUP(E$1,városok!$A$2:$C$346,3,0))^2)/1000,0)</f>
        <v>324</v>
      </c>
      <c r="F143">
        <f ca="1">ROUND(SQRT((VLOOKUP($A143,városok!$A$2:$C$346,2,0)-VLOOKUP(F$1,városok!$A$2:$C$346,2,0))^2+(VLOOKUP($A143,városok!$A$2:$C$346,3,0)-VLOOKUP(F$1,városok!$A$2:$C$346,3,0))^2)/1000,0)</f>
        <v>310</v>
      </c>
      <c r="G143">
        <f ca="1">ROUND(SQRT((VLOOKUP($A143,városok!$A$2:$C$346,2,0)-VLOOKUP(G$1,városok!$A$2:$C$346,2,0))^2+(VLOOKUP($A143,városok!$A$2:$C$346,3,0)-VLOOKUP(G$1,városok!$A$2:$C$346,3,0))^2)/1000,0)</f>
        <v>331</v>
      </c>
      <c r="H143">
        <f ca="1">ROUND(SQRT((VLOOKUP($A143,városok!$A$2:$C$346,2,0)-VLOOKUP(H$1,városok!$A$2:$C$346,2,0))^2+(VLOOKUP($A143,városok!$A$2:$C$346,3,0)-VLOOKUP(H$1,városok!$A$2:$C$346,3,0))^2)/1000,0)</f>
        <v>362</v>
      </c>
      <c r="I143">
        <f ca="1">ROUND(SQRT((VLOOKUP($A143,városok!$A$2:$C$346,2,0)-VLOOKUP(I$1,városok!$A$2:$C$346,2,0))^2+(VLOOKUP($A143,városok!$A$2:$C$346,3,0)-VLOOKUP(I$1,városok!$A$2:$C$346,3,0))^2)/1000,0)</f>
        <v>129</v>
      </c>
      <c r="J143">
        <f ca="1">ROUND(SQRT((VLOOKUP($A143,városok!$A$2:$C$346,2,0)-VLOOKUP(J$1,városok!$A$2:$C$346,2,0))^2+(VLOOKUP($A143,városok!$A$2:$C$346,3,0)-VLOOKUP(J$1,városok!$A$2:$C$346,3,0))^2)/1000,0)</f>
        <v>126</v>
      </c>
      <c r="K143">
        <f ca="1">ROUND(SQRT((VLOOKUP($A143,városok!$A$2:$C$346,2,0)-VLOOKUP(K$1,városok!$A$2:$C$346,2,0))^2+(VLOOKUP($A143,városok!$A$2:$C$346,3,0)-VLOOKUP(K$1,városok!$A$2:$C$346,3,0))^2)/1000,0)</f>
        <v>157</v>
      </c>
      <c r="L143">
        <f ca="1">ROUND(SQRT((VLOOKUP($A143,városok!$A$2:$C$346,2,0)-VLOOKUP(L$1,városok!$A$2:$C$346,2,0))^2+(VLOOKUP($A143,városok!$A$2:$C$346,3,0)-VLOOKUP(L$1,városok!$A$2:$C$346,3,0))^2)/1000,0)</f>
        <v>113</v>
      </c>
      <c r="M143">
        <f ca="1">ROUND(SQRT((VLOOKUP($A143,városok!$A$2:$C$346,2,0)-VLOOKUP(M$1,városok!$A$2:$C$346,2,0))^2+(VLOOKUP($A143,városok!$A$2:$C$346,3,0)-VLOOKUP(M$1,városok!$A$2:$C$346,3,0))^2)/1000,0)</f>
        <v>95</v>
      </c>
      <c r="N143">
        <f ca="1">ROUND(SQRT((VLOOKUP($A143,városok!$A$2:$C$346,2,0)-VLOOKUP(N$1,városok!$A$2:$C$346,2,0))^2+(VLOOKUP($A143,városok!$A$2:$C$346,3,0)-VLOOKUP(N$1,városok!$A$2:$C$346,3,0))^2)/1000,0)</f>
        <v>134</v>
      </c>
      <c r="O143">
        <f ca="1">ROUND(SQRT((VLOOKUP($A143,városok!$A$2:$C$346,2,0)-VLOOKUP(O$1,városok!$A$2:$C$346,2,0))^2+(VLOOKUP($A143,városok!$A$2:$C$346,3,0)-VLOOKUP(O$1,városok!$A$2:$C$346,3,0))^2)/1000,0)</f>
        <v>81</v>
      </c>
      <c r="P143">
        <f ca="1">ROUND(SQRT((VLOOKUP($A143,városok!$A$2:$C$346,2,0)-VLOOKUP(P$1,városok!$A$2:$C$346,2,0))^2+(VLOOKUP($A143,városok!$A$2:$C$346,3,0)-VLOOKUP(P$1,városok!$A$2:$C$346,3,0))^2)/1000,0)</f>
        <v>81</v>
      </c>
      <c r="Q143">
        <f ca="1">ROUND(SQRT((VLOOKUP($A143,városok!$A$2:$C$346,2,0)-VLOOKUP(Q$1,városok!$A$2:$C$346,2,0))^2+(VLOOKUP($A143,városok!$A$2:$C$346,3,0)-VLOOKUP(Q$1,városok!$A$2:$C$346,3,0))^2)/1000,0)</f>
        <v>185</v>
      </c>
      <c r="R143">
        <f ca="1">ROUND(SQRT((VLOOKUP($A143,városok!$A$2:$C$346,2,0)-VLOOKUP(R$1,városok!$A$2:$C$346,2,0))^2+(VLOOKUP($A143,városok!$A$2:$C$346,3,0)-VLOOKUP(R$1,városok!$A$2:$C$346,3,0))^2)/1000,0)</f>
        <v>196</v>
      </c>
      <c r="S143">
        <f ca="1">ROUND(SQRT((VLOOKUP($A143,városok!$A$2:$C$346,2,0)-VLOOKUP(S$1,városok!$A$2:$C$346,2,0))^2+(VLOOKUP($A143,városok!$A$2:$C$346,3,0)-VLOOKUP(S$1,városok!$A$2:$C$346,3,0))^2)/1000,0)</f>
        <v>208</v>
      </c>
      <c r="T143">
        <f ca="1">ROUND(SQRT((VLOOKUP($A143,városok!$A$2:$C$346,2,0)-VLOOKUP(T$1,városok!$A$2:$C$346,2,0))^2+(VLOOKUP($A143,városok!$A$2:$C$346,3,0)-VLOOKUP(T$1,városok!$A$2:$C$346,3,0))^2)/1000,0)</f>
        <v>247</v>
      </c>
      <c r="U143">
        <f ca="1">ROUND(SQRT((VLOOKUP($A143,városok!$A$2:$C$346,2,0)-VLOOKUP(U$1,városok!$A$2:$C$346,2,0))^2+(VLOOKUP($A143,városok!$A$2:$C$346,3,0)-VLOOKUP(U$1,városok!$A$2:$C$346,3,0))^2)/1000,0)</f>
        <v>238</v>
      </c>
      <c r="V143">
        <f ca="1">ROUND(SQRT((VLOOKUP($A143,városok!$A$2:$C$346,2,0)-VLOOKUP(V$1,városok!$A$2:$C$346,2,0))^2+(VLOOKUP($A143,városok!$A$2:$C$346,3,0)-VLOOKUP(V$1,városok!$A$2:$C$346,3,0))^2)/1000,0)</f>
        <v>281</v>
      </c>
      <c r="W143">
        <f ca="1">ROUND(SQRT((VLOOKUP($A143,városok!$A$2:$C$346,2,0)-VLOOKUP(W$1,városok!$A$2:$C$346,2,0))^2+(VLOOKUP($A143,városok!$A$2:$C$346,3,0)-VLOOKUP(W$1,városok!$A$2:$C$346,3,0))^2)/1000,0)</f>
        <v>264</v>
      </c>
      <c r="X143">
        <f ca="1">ROUND(SQRT((VLOOKUP($A143,városok!$A$2:$C$346,2,0)-VLOOKUP(X$1,városok!$A$2:$C$346,2,0))^2+(VLOOKUP($A143,városok!$A$2:$C$346,3,0)-VLOOKUP(X$1,városok!$A$2:$C$346,3,0))^2)/1000,0)</f>
        <v>273</v>
      </c>
      <c r="Y143">
        <f ca="1">ROUND(SQRT((VLOOKUP($A143,városok!$A$2:$C$346,2,0)-VLOOKUP(Y$1,városok!$A$2:$C$346,2,0))^2+(VLOOKUP($A143,városok!$A$2:$C$346,3,0)-VLOOKUP(Y$1,városok!$A$2:$C$346,3,0))^2)/1000,0)</f>
        <v>320</v>
      </c>
      <c r="Z143">
        <f ca="1">ROUND(SQRT((VLOOKUP($A143,városok!$A$2:$C$346,2,0)-VLOOKUP(Z$1,városok!$A$2:$C$346,2,0))^2+(VLOOKUP($A143,városok!$A$2:$C$346,3,0)-VLOOKUP(Z$1,városok!$A$2:$C$346,3,0))^2)/1000,0)</f>
        <v>339</v>
      </c>
      <c r="AA143">
        <f ca="1">ROUND(SQRT((VLOOKUP($A143,városok!$A$2:$C$346,2,0)-VLOOKUP(AA$1,városok!$A$2:$C$346,2,0))^2+(VLOOKUP($A143,városok!$A$2:$C$346,3,0)-VLOOKUP(AA$1,városok!$A$2:$C$346,3,0))^2)/1000,0)</f>
        <v>399</v>
      </c>
      <c r="AB143">
        <f ca="1">ROUND(SQRT((VLOOKUP($A143,városok!$A$2:$C$346,2,0)-VLOOKUP(AB$1,városok!$A$2:$C$346,2,0))^2+(VLOOKUP($A143,városok!$A$2:$C$346,3,0)-VLOOKUP(AB$1,városok!$A$2:$C$346,3,0))^2)/1000,0)</f>
        <v>27</v>
      </c>
      <c r="AC143">
        <f ca="1">ROUND(SQRT((VLOOKUP($A143,városok!$A$2:$C$346,2,0)-VLOOKUP(AC$1,városok!$A$2:$C$346,2,0))^2+(VLOOKUP($A143,városok!$A$2:$C$346,3,0)-VLOOKUP(AC$1,városok!$A$2:$C$346,3,0))^2)/1000,0)</f>
        <v>47</v>
      </c>
      <c r="AD143">
        <f ca="1">ROUND(SQRT((VLOOKUP($A143,városok!$A$2:$C$346,2,0)-VLOOKUP(AD$1,városok!$A$2:$C$346,2,0))^2+(VLOOKUP($A143,városok!$A$2:$C$346,3,0)-VLOOKUP(AD$1,városok!$A$2:$C$346,3,0))^2)/1000,0)</f>
        <v>63</v>
      </c>
      <c r="AE143">
        <f ca="1">ROUND(SQRT((VLOOKUP($A143,városok!$A$2:$C$346,2,0)-VLOOKUP(AE$1,városok!$A$2:$C$346,2,0))^2+(VLOOKUP($A143,városok!$A$2:$C$346,3,0)-VLOOKUP(AE$1,városok!$A$2:$C$346,3,0))^2)/1000,0)</f>
        <v>72</v>
      </c>
      <c r="AF143">
        <f ca="1">ROUND(SQRT((VLOOKUP($A143,városok!$A$2:$C$346,2,0)-VLOOKUP(AF$1,városok!$A$2:$C$346,2,0))^2+(VLOOKUP($A143,városok!$A$2:$C$346,3,0)-VLOOKUP(AF$1,városok!$A$2:$C$346,3,0))^2)/1000,0)</f>
        <v>117</v>
      </c>
      <c r="AG143">
        <f ca="1">ROUND(SQRT((VLOOKUP($A143,városok!$A$2:$C$346,2,0)-VLOOKUP(AG$1,városok!$A$2:$C$346,2,0))^2+(VLOOKUP($A143,városok!$A$2:$C$346,3,0)-VLOOKUP(AG$1,városok!$A$2:$C$346,3,0))^2)/1000,0)</f>
        <v>149</v>
      </c>
      <c r="AH143">
        <f ca="1">ROUND(SQRT((VLOOKUP($A143,városok!$A$2:$C$346,2,0)-VLOOKUP(AH$1,városok!$A$2:$C$346,2,0))^2+(VLOOKUP($A143,városok!$A$2:$C$346,3,0)-VLOOKUP(AH$1,városok!$A$2:$C$346,3,0))^2)/1000,0)</f>
        <v>167</v>
      </c>
      <c r="AI143">
        <f ca="1">ROUND(SQRT((VLOOKUP($A143,városok!$A$2:$C$346,2,0)-VLOOKUP(AI$1,városok!$A$2:$C$346,2,0))^2+(VLOOKUP($A143,városok!$A$2:$C$346,3,0)-VLOOKUP(AI$1,városok!$A$2:$C$346,3,0))^2)/1000,0)</f>
        <v>140</v>
      </c>
      <c r="AJ143">
        <f ca="1">ROUND(SQRT((VLOOKUP($A143,városok!$A$2:$C$346,2,0)-VLOOKUP(AJ$1,városok!$A$2:$C$346,2,0))^2+(VLOOKUP($A143,városok!$A$2:$C$346,3,0)-VLOOKUP(AJ$1,városok!$A$2:$C$346,3,0))^2)/1000,0)</f>
        <v>145</v>
      </c>
      <c r="AK143">
        <f ca="1">ROUND(SQRT((VLOOKUP($A143,városok!$A$2:$C$346,2,0)-VLOOKUP(AK$1,városok!$A$2:$C$346,2,0))^2+(VLOOKUP($A143,városok!$A$2:$C$346,3,0)-VLOOKUP(AK$1,városok!$A$2:$C$346,3,0))^2)/1000,0)</f>
        <v>83</v>
      </c>
      <c r="AL143">
        <f ca="1">ROUND(SQRT((VLOOKUP($A143,városok!$A$2:$C$346,2,0)-VLOOKUP(AL$1,városok!$A$2:$C$346,2,0))^2+(VLOOKUP($A143,városok!$A$2:$C$346,3,0)-VLOOKUP(AL$1,városok!$A$2:$C$346,3,0))^2)/1000,0)</f>
        <v>102</v>
      </c>
      <c r="AM143">
        <f ca="1">ROUND(SQRT((VLOOKUP($A143,városok!$A$2:$C$346,2,0)-VLOOKUP(AM$1,városok!$A$2:$C$346,2,0))^2+(VLOOKUP($A143,városok!$A$2:$C$346,3,0)-VLOOKUP(AM$1,városok!$A$2:$C$346,3,0))^2)/1000,0)</f>
        <v>142</v>
      </c>
      <c r="AN143">
        <f ca="1">ROUND(SQRT((VLOOKUP($A143,városok!$A$2:$C$346,2,0)-VLOOKUP(AN$1,városok!$A$2:$C$346,2,0))^2+(VLOOKUP($A143,városok!$A$2:$C$346,3,0)-VLOOKUP(AN$1,városok!$A$2:$C$346,3,0))^2)/1000,0)</f>
        <v>237</v>
      </c>
      <c r="AO143">
        <f ca="1">ROUND(SQRT((VLOOKUP($A143,városok!$A$2:$C$346,2,0)-VLOOKUP(AO$1,városok!$A$2:$C$346,2,0))^2+(VLOOKUP($A143,városok!$A$2:$C$346,3,0)-VLOOKUP(AO$1,városok!$A$2:$C$346,3,0))^2)/1000,0)</f>
        <v>284</v>
      </c>
      <c r="AP143">
        <f ca="1">ROUND(SQRT((VLOOKUP($A143,városok!$A$2:$C$346,2,0)-VLOOKUP(AP$1,városok!$A$2:$C$346,2,0))^2+(VLOOKUP($A143,városok!$A$2:$C$346,3,0)-VLOOKUP(AP$1,városok!$A$2:$C$346,3,0))^2)/1000,0)</f>
        <v>268</v>
      </c>
      <c r="AQ143">
        <f ca="1">ROUND(SQRT((VLOOKUP($A143,városok!$A$2:$C$346,2,0)-VLOOKUP(AQ$1,városok!$A$2:$C$346,2,0))^2+(VLOOKUP($A143,városok!$A$2:$C$346,3,0)-VLOOKUP(AQ$1,városok!$A$2:$C$346,3,0))^2)/1000,0)</f>
        <v>263</v>
      </c>
      <c r="AR143">
        <f ca="1">ROUND(SQRT((VLOOKUP($A143,városok!$A$2:$C$346,2,0)-VLOOKUP(AR$1,városok!$A$2:$C$346,2,0))^2+(VLOOKUP($A143,városok!$A$2:$C$346,3,0)-VLOOKUP(AR$1,városok!$A$2:$C$346,3,0))^2)/1000,0)</f>
        <v>167</v>
      </c>
      <c r="AS143">
        <f ca="1">ROUND(SQRT((VLOOKUP($A143,városok!$A$2:$C$346,2,0)-VLOOKUP(AS$1,városok!$A$2:$C$346,2,0))^2+(VLOOKUP($A143,városok!$A$2:$C$346,3,0)-VLOOKUP(AS$1,városok!$A$2:$C$346,3,0))^2)/1000,0)</f>
        <v>163</v>
      </c>
      <c r="AT143">
        <f ca="1">ROUND(SQRT((VLOOKUP($A143,városok!$A$2:$C$346,2,0)-VLOOKUP(AT$1,városok!$A$2:$C$346,2,0))^2+(VLOOKUP($A143,városok!$A$2:$C$346,3,0)-VLOOKUP(AT$1,városok!$A$2:$C$346,3,0))^2)/1000,0)</f>
        <v>233</v>
      </c>
      <c r="AU143">
        <f ca="1">ROUND(SQRT((VLOOKUP($A143,városok!$A$2:$C$346,2,0)-VLOOKUP(AU$1,városok!$A$2:$C$346,2,0))^2+(VLOOKUP($A143,városok!$A$2:$C$346,3,0)-VLOOKUP(AU$1,városok!$A$2:$C$346,3,0))^2)/1000,0)</f>
        <v>223</v>
      </c>
      <c r="AV143">
        <f ca="1">ROUND(SQRT((VLOOKUP($A143,városok!$A$2:$C$346,2,0)-VLOOKUP(AV$1,városok!$A$2:$C$346,2,0))^2+(VLOOKUP($A143,városok!$A$2:$C$346,3,0)-VLOOKUP(AV$1,városok!$A$2:$C$346,3,0))^2)/1000,0)</f>
        <v>224</v>
      </c>
      <c r="AW143">
        <f ca="1">ROUND(SQRT((VLOOKUP($A143,városok!$A$2:$C$346,2,0)-VLOOKUP(AW$1,városok!$A$2:$C$346,2,0))^2+(VLOOKUP($A143,városok!$A$2:$C$346,3,0)-VLOOKUP(AW$1,városok!$A$2:$C$346,3,0))^2)/1000,0)</f>
        <v>228</v>
      </c>
      <c r="AX143">
        <f ca="1">ROUND(SQRT((VLOOKUP($A143,városok!$A$2:$C$346,2,0)-VLOOKUP(AX$1,városok!$A$2:$C$346,2,0))^2+(VLOOKUP($A143,városok!$A$2:$C$346,3,0)-VLOOKUP(AX$1,városok!$A$2:$C$346,3,0))^2)/1000,0)</f>
        <v>176</v>
      </c>
      <c r="AY143">
        <f ca="1">ROUND(SQRT((VLOOKUP($A143,városok!$A$2:$C$346,2,0)-VLOOKUP(AY$1,városok!$A$2:$C$346,2,0))^2+(VLOOKUP($A143,városok!$A$2:$C$346,3,0)-VLOOKUP(AY$1,városok!$A$2:$C$346,3,0))^2)/1000,0)</f>
        <v>213</v>
      </c>
      <c r="AZ143">
        <f ca="1">ROUND(SQRT((VLOOKUP($A143,városok!$A$2:$C$346,2,0)-VLOOKUP(AZ$1,városok!$A$2:$C$346,2,0))^2+(VLOOKUP($A143,városok!$A$2:$C$346,3,0)-VLOOKUP(AZ$1,városok!$A$2:$C$346,3,0))^2)/1000,0)</f>
        <v>220</v>
      </c>
      <c r="BA143">
        <f ca="1">ROUND(SQRT((VLOOKUP($A143,városok!$A$2:$C$346,2,0)-VLOOKUP(BA$1,városok!$A$2:$C$346,2,0))^2+(VLOOKUP($A143,városok!$A$2:$C$346,3,0)-VLOOKUP(BA$1,városok!$A$2:$C$346,3,0))^2)/1000,0)</f>
        <v>334</v>
      </c>
      <c r="BB143">
        <f ca="1">ROUND(SQRT((VLOOKUP($A143,városok!$A$2:$C$346,2,0)-VLOOKUP(BB$1,városok!$A$2:$C$346,2,0))^2+(VLOOKUP($A143,városok!$A$2:$C$346,3,0)-VLOOKUP(BB$1,városok!$A$2:$C$346,3,0))^2)/1000,0)</f>
        <v>327</v>
      </c>
      <c r="BC143">
        <f ca="1">ROUND(SQRT((VLOOKUP($A143,városok!$A$2:$C$346,2,0)-VLOOKUP(BC$1,városok!$A$2:$C$346,2,0))^2+(VLOOKUP($A143,városok!$A$2:$C$346,3,0)-VLOOKUP(BC$1,városok!$A$2:$C$346,3,0))^2)/1000,0)</f>
        <v>346</v>
      </c>
      <c r="BD143">
        <f ca="1">ROUND(SQRT((VLOOKUP($A143,városok!$A$2:$C$346,2,0)-VLOOKUP(BD$1,városok!$A$2:$C$346,2,0))^2+(VLOOKUP($A143,városok!$A$2:$C$346,3,0)-VLOOKUP(BD$1,városok!$A$2:$C$346,3,0))^2)/1000,0)</f>
        <v>303</v>
      </c>
      <c r="BE143">
        <f ca="1">ROUND(SQRT((VLOOKUP($A143,városok!$A$2:$C$346,2,0)-VLOOKUP(BE$1,városok!$A$2:$C$346,2,0))^2+(VLOOKUP($A143,városok!$A$2:$C$346,3,0)-VLOOKUP(BE$1,városok!$A$2:$C$346,3,0))^2)/1000,0)</f>
        <v>60</v>
      </c>
      <c r="BF143">
        <f ca="1">ROUND(SQRT((VLOOKUP($A143,városok!$A$2:$C$346,2,0)-VLOOKUP(BF$1,városok!$A$2:$C$346,2,0))^2+(VLOOKUP($A143,városok!$A$2:$C$346,3,0)-VLOOKUP(BF$1,városok!$A$2:$C$346,3,0))^2)/1000,0)</f>
        <v>61</v>
      </c>
      <c r="BG143">
        <f ca="1">ROUND(SQRT((VLOOKUP($A143,városok!$A$2:$C$346,2,0)-VLOOKUP(BG$1,városok!$A$2:$C$346,2,0))^2+(VLOOKUP($A143,városok!$A$2:$C$346,3,0)-VLOOKUP(BG$1,városok!$A$2:$C$346,3,0))^2)/1000,0)</f>
        <v>58</v>
      </c>
      <c r="BH143">
        <f ca="1">ROUND(SQRT((VLOOKUP($A143,városok!$A$2:$C$346,2,0)-VLOOKUP(BH$1,városok!$A$2:$C$346,2,0))^2+(VLOOKUP($A143,városok!$A$2:$C$346,3,0)-VLOOKUP(BH$1,városok!$A$2:$C$346,3,0))^2)/1000,0)</f>
        <v>58</v>
      </c>
      <c r="BI143">
        <f ca="1">ROUND(SQRT((VLOOKUP($A143,városok!$A$2:$C$346,2,0)-VLOOKUP(BI$1,városok!$A$2:$C$346,2,0))^2+(VLOOKUP($A143,városok!$A$2:$C$346,3,0)-VLOOKUP(BI$1,városok!$A$2:$C$346,3,0))^2)/1000,0)</f>
        <v>288</v>
      </c>
      <c r="BJ143">
        <f ca="1">ROUND(SQRT((VLOOKUP($A143,városok!$A$2:$C$346,2,0)-VLOOKUP(BJ$1,városok!$A$2:$C$346,2,0))^2+(VLOOKUP($A143,városok!$A$2:$C$346,3,0)-VLOOKUP(BJ$1,városok!$A$2:$C$346,3,0))^2)/1000,0)</f>
        <v>305</v>
      </c>
      <c r="BK143">
        <f ca="1">ROUND(SQRT((VLOOKUP($A143,városok!$A$2:$C$346,2,0)-VLOOKUP(BK$1,városok!$A$2:$C$346,2,0))^2+(VLOOKUP($A143,városok!$A$2:$C$346,3,0)-VLOOKUP(BK$1,városok!$A$2:$C$346,3,0))^2)/1000,0)</f>
        <v>285</v>
      </c>
      <c r="BL143">
        <f ca="1">ROUND(SQRT((VLOOKUP($A143,városok!$A$2:$C$346,2,0)-VLOOKUP(BL$1,városok!$A$2:$C$346,2,0))^2+(VLOOKUP($A143,városok!$A$2:$C$346,3,0)-VLOOKUP(BL$1,városok!$A$2:$C$346,3,0))^2)/1000,0)</f>
        <v>407</v>
      </c>
      <c r="BM143">
        <f ca="1">ROUND(SQRT((VLOOKUP($A143,városok!$A$2:$C$346,2,0)-VLOOKUP(BM$1,városok!$A$2:$C$346,2,0))^2+(VLOOKUP($A143,városok!$A$2:$C$346,3,0)-VLOOKUP(BM$1,városok!$A$2:$C$346,3,0))^2)/1000,0)</f>
        <v>378</v>
      </c>
      <c r="BN143">
        <f ca="1">ROUND(SQRT((VLOOKUP($A143,városok!$A$2:$C$346,2,0)-VLOOKUP(BN$1,városok!$A$2:$C$346,2,0))^2+(VLOOKUP($A143,városok!$A$2:$C$346,3,0)-VLOOKUP(BN$1,városok!$A$2:$C$346,3,0))^2)/1000,0)</f>
        <v>401</v>
      </c>
      <c r="BO143">
        <f ca="1">ROUND(SQRT((VLOOKUP($A143,városok!$A$2:$C$346,2,0)-VLOOKUP(BO$1,városok!$A$2:$C$346,2,0))^2+(VLOOKUP($A143,városok!$A$2:$C$346,3,0)-VLOOKUP(BO$1,városok!$A$2:$C$346,3,0))^2)/1000,0)</f>
        <v>303</v>
      </c>
      <c r="BP143">
        <f ca="1">ROUND(SQRT((VLOOKUP($A143,városok!$A$2:$C$346,2,0)-VLOOKUP(BP$1,városok!$A$2:$C$346,2,0))^2+(VLOOKUP($A143,városok!$A$2:$C$346,3,0)-VLOOKUP(BP$1,városok!$A$2:$C$346,3,0))^2)/1000,0)</f>
        <v>295</v>
      </c>
      <c r="BQ143">
        <f ca="1">ROUND(SQRT((VLOOKUP($A143,városok!$A$2:$C$346,2,0)-VLOOKUP(BQ$1,városok!$A$2:$C$346,2,0))^2+(VLOOKUP($A143,városok!$A$2:$C$346,3,0)-VLOOKUP(BQ$1,városok!$A$2:$C$346,3,0))^2)/1000,0)</f>
        <v>308</v>
      </c>
      <c r="BR143">
        <f ca="1">ROUND(SQRT((VLOOKUP($A143,városok!$A$2:$C$346,2,0)-VLOOKUP(BR$1,városok!$A$2:$C$346,2,0))^2+(VLOOKUP($A143,városok!$A$2:$C$346,3,0)-VLOOKUP(BR$1,városok!$A$2:$C$346,3,0))^2)/1000,0)</f>
        <v>366</v>
      </c>
      <c r="BS143">
        <f ca="1">ROUND(SQRT((VLOOKUP($A143,városok!$A$2:$C$346,2,0)-VLOOKUP(BS$1,városok!$A$2:$C$346,2,0))^2+(VLOOKUP($A143,városok!$A$2:$C$346,3,0)-VLOOKUP(BS$1,városok!$A$2:$C$346,3,0))^2)/1000,0)</f>
        <v>397</v>
      </c>
      <c r="BT143">
        <f ca="1">ROUND(SQRT((VLOOKUP($A143,városok!$A$2:$C$346,2,0)-VLOOKUP(BT$1,városok!$A$2:$C$346,2,0))^2+(VLOOKUP($A143,városok!$A$2:$C$346,3,0)-VLOOKUP(BT$1,városok!$A$2:$C$346,3,0))^2)/1000,0)</f>
        <v>395</v>
      </c>
    </row>
    <row r="144" spans="1:72" x14ac:dyDescent="0.2">
      <c r="A144" t="str">
        <f>városok!A144</f>
        <v>Polgár</v>
      </c>
      <c r="B144">
        <f ca="1">ROUND(SQRT((VLOOKUP($A144,városok!$A$2:$C$346,2,0)-VLOOKUP(B$1,városok!$A$2:$C$346,2,0))^2+(VLOOKUP($A144,városok!$A$2:$C$346,3,0)-VLOOKUP(B$1,városok!$A$2:$C$346,3,0))^2)/1000,0)</f>
        <v>248</v>
      </c>
      <c r="C144">
        <f ca="1">ROUND(SQRT((VLOOKUP($A144,városok!$A$2:$C$346,2,0)-VLOOKUP(C$1,városok!$A$2:$C$346,2,0))^2+(VLOOKUP($A144,városok!$A$2:$C$346,3,0)-VLOOKUP(C$1,városok!$A$2:$C$346,3,0))^2)/1000,0)</f>
        <v>220</v>
      </c>
      <c r="D144">
        <f ca="1">ROUND(SQRT((VLOOKUP($A144,városok!$A$2:$C$346,2,0)-VLOOKUP(D$1,városok!$A$2:$C$346,2,0))^2+(VLOOKUP($A144,városok!$A$2:$C$346,3,0)-VLOOKUP(D$1,városok!$A$2:$C$346,3,0))^2)/1000,0)</f>
        <v>151</v>
      </c>
      <c r="E144">
        <f ca="1">ROUND(SQRT((VLOOKUP($A144,városok!$A$2:$C$346,2,0)-VLOOKUP(E$1,városok!$A$2:$C$346,2,0))^2+(VLOOKUP($A144,városok!$A$2:$C$346,3,0)-VLOOKUP(E$1,városok!$A$2:$C$346,3,0))^2)/1000,0)</f>
        <v>286</v>
      </c>
      <c r="F144">
        <f ca="1">ROUND(SQRT((VLOOKUP($A144,városok!$A$2:$C$346,2,0)-VLOOKUP(F$1,városok!$A$2:$C$346,2,0))^2+(VLOOKUP($A144,városok!$A$2:$C$346,3,0)-VLOOKUP(F$1,városok!$A$2:$C$346,3,0))^2)/1000,0)</f>
        <v>279</v>
      </c>
      <c r="G144">
        <f ca="1">ROUND(SQRT((VLOOKUP($A144,városok!$A$2:$C$346,2,0)-VLOOKUP(G$1,városok!$A$2:$C$346,2,0))^2+(VLOOKUP($A144,városok!$A$2:$C$346,3,0)-VLOOKUP(G$1,városok!$A$2:$C$346,3,0))^2)/1000,0)</f>
        <v>295</v>
      </c>
      <c r="H144">
        <f ca="1">ROUND(SQRT((VLOOKUP($A144,városok!$A$2:$C$346,2,0)-VLOOKUP(H$1,városok!$A$2:$C$346,2,0))^2+(VLOOKUP($A144,városok!$A$2:$C$346,3,0)-VLOOKUP(H$1,városok!$A$2:$C$346,3,0))^2)/1000,0)</f>
        <v>323</v>
      </c>
      <c r="I144">
        <f ca="1">ROUND(SQRT((VLOOKUP($A144,városok!$A$2:$C$346,2,0)-VLOOKUP(I$1,városok!$A$2:$C$346,2,0))^2+(VLOOKUP($A144,városok!$A$2:$C$346,3,0)-VLOOKUP(I$1,városok!$A$2:$C$346,3,0))^2)/1000,0)</f>
        <v>133</v>
      </c>
      <c r="J144">
        <f ca="1">ROUND(SQRT((VLOOKUP($A144,városok!$A$2:$C$346,2,0)-VLOOKUP(J$1,városok!$A$2:$C$346,2,0))^2+(VLOOKUP($A144,városok!$A$2:$C$346,3,0)-VLOOKUP(J$1,városok!$A$2:$C$346,3,0))^2)/1000,0)</f>
        <v>137</v>
      </c>
      <c r="K144">
        <f ca="1">ROUND(SQRT((VLOOKUP($A144,városok!$A$2:$C$346,2,0)-VLOOKUP(K$1,városok!$A$2:$C$346,2,0))^2+(VLOOKUP($A144,városok!$A$2:$C$346,3,0)-VLOOKUP(K$1,városok!$A$2:$C$346,3,0))^2)/1000,0)</f>
        <v>149</v>
      </c>
      <c r="L144">
        <f ca="1">ROUND(SQRT((VLOOKUP($A144,városok!$A$2:$C$346,2,0)-VLOOKUP(L$1,városok!$A$2:$C$346,2,0))^2+(VLOOKUP($A144,városok!$A$2:$C$346,3,0)-VLOOKUP(L$1,városok!$A$2:$C$346,3,0))^2)/1000,0)</f>
        <v>56</v>
      </c>
      <c r="M144">
        <f ca="1">ROUND(SQRT((VLOOKUP($A144,városok!$A$2:$C$346,2,0)-VLOOKUP(M$1,városok!$A$2:$C$346,2,0))^2+(VLOOKUP($A144,városok!$A$2:$C$346,3,0)-VLOOKUP(M$1,városok!$A$2:$C$346,3,0))^2)/1000,0)</f>
        <v>35</v>
      </c>
      <c r="N144">
        <f ca="1">ROUND(SQRT((VLOOKUP($A144,városok!$A$2:$C$346,2,0)-VLOOKUP(N$1,városok!$A$2:$C$346,2,0))^2+(VLOOKUP($A144,városok!$A$2:$C$346,3,0)-VLOOKUP(N$1,városok!$A$2:$C$346,3,0))^2)/1000,0)</f>
        <v>73</v>
      </c>
      <c r="O144">
        <f ca="1">ROUND(SQRT((VLOOKUP($A144,városok!$A$2:$C$346,2,0)-VLOOKUP(O$1,városok!$A$2:$C$346,2,0))^2+(VLOOKUP($A144,városok!$A$2:$C$346,3,0)-VLOOKUP(O$1,városok!$A$2:$C$346,3,0))^2)/1000,0)</f>
        <v>71</v>
      </c>
      <c r="P144">
        <f ca="1">ROUND(SQRT((VLOOKUP($A144,városok!$A$2:$C$346,2,0)-VLOOKUP(P$1,városok!$A$2:$C$346,2,0))^2+(VLOOKUP($A144,városok!$A$2:$C$346,3,0)-VLOOKUP(P$1,városok!$A$2:$C$346,3,0))^2)/1000,0)</f>
        <v>71</v>
      </c>
      <c r="Q144">
        <f ca="1">ROUND(SQRT((VLOOKUP($A144,városok!$A$2:$C$346,2,0)-VLOOKUP(Q$1,városok!$A$2:$C$346,2,0))^2+(VLOOKUP($A144,városok!$A$2:$C$346,3,0)-VLOOKUP(Q$1,városok!$A$2:$C$346,3,0))^2)/1000,0)</f>
        <v>172</v>
      </c>
      <c r="R144">
        <f ca="1">ROUND(SQRT((VLOOKUP($A144,városok!$A$2:$C$346,2,0)-VLOOKUP(R$1,városok!$A$2:$C$346,2,0))^2+(VLOOKUP($A144,városok!$A$2:$C$346,3,0)-VLOOKUP(R$1,városok!$A$2:$C$346,3,0))^2)/1000,0)</f>
        <v>190</v>
      </c>
      <c r="S144">
        <f ca="1">ROUND(SQRT((VLOOKUP($A144,városok!$A$2:$C$346,2,0)-VLOOKUP(S$1,városok!$A$2:$C$346,2,0))^2+(VLOOKUP($A144,városok!$A$2:$C$346,3,0)-VLOOKUP(S$1,városok!$A$2:$C$346,3,0))^2)/1000,0)</f>
        <v>194</v>
      </c>
      <c r="T144">
        <f ca="1">ROUND(SQRT((VLOOKUP($A144,városok!$A$2:$C$346,2,0)-VLOOKUP(T$1,városok!$A$2:$C$346,2,0))^2+(VLOOKUP($A144,városok!$A$2:$C$346,3,0)-VLOOKUP(T$1,városok!$A$2:$C$346,3,0))^2)/1000,0)</f>
        <v>191</v>
      </c>
      <c r="U144">
        <f ca="1">ROUND(SQRT((VLOOKUP($A144,városok!$A$2:$C$346,2,0)-VLOOKUP(U$1,városok!$A$2:$C$346,2,0))^2+(VLOOKUP($A144,városok!$A$2:$C$346,3,0)-VLOOKUP(U$1,városok!$A$2:$C$346,3,0))^2)/1000,0)</f>
        <v>192</v>
      </c>
      <c r="V144">
        <f ca="1">ROUND(SQRT((VLOOKUP($A144,városok!$A$2:$C$346,2,0)-VLOOKUP(V$1,városok!$A$2:$C$346,2,0))^2+(VLOOKUP($A144,városok!$A$2:$C$346,3,0)-VLOOKUP(V$1,városok!$A$2:$C$346,3,0))^2)/1000,0)</f>
        <v>230</v>
      </c>
      <c r="W144">
        <f ca="1">ROUND(SQRT((VLOOKUP($A144,városok!$A$2:$C$346,2,0)-VLOOKUP(W$1,városok!$A$2:$C$346,2,0))^2+(VLOOKUP($A144,városok!$A$2:$C$346,3,0)-VLOOKUP(W$1,városok!$A$2:$C$346,3,0))^2)/1000,0)</f>
        <v>217</v>
      </c>
      <c r="X144">
        <f ca="1">ROUND(SQRT((VLOOKUP($A144,városok!$A$2:$C$346,2,0)-VLOOKUP(X$1,városok!$A$2:$C$346,2,0))^2+(VLOOKUP($A144,városok!$A$2:$C$346,3,0)-VLOOKUP(X$1,városok!$A$2:$C$346,3,0))^2)/1000,0)</f>
        <v>219</v>
      </c>
      <c r="Y144">
        <f ca="1">ROUND(SQRT((VLOOKUP($A144,városok!$A$2:$C$346,2,0)-VLOOKUP(Y$1,városok!$A$2:$C$346,2,0))^2+(VLOOKUP($A144,városok!$A$2:$C$346,3,0)-VLOOKUP(Y$1,városok!$A$2:$C$346,3,0))^2)/1000,0)</f>
        <v>261</v>
      </c>
      <c r="Z144">
        <f ca="1">ROUND(SQRT((VLOOKUP($A144,városok!$A$2:$C$346,2,0)-VLOOKUP(Z$1,városok!$A$2:$C$346,2,0))^2+(VLOOKUP($A144,városok!$A$2:$C$346,3,0)-VLOOKUP(Z$1,városok!$A$2:$C$346,3,0))^2)/1000,0)</f>
        <v>279</v>
      </c>
      <c r="AA144">
        <f ca="1">ROUND(SQRT((VLOOKUP($A144,városok!$A$2:$C$346,2,0)-VLOOKUP(AA$1,városok!$A$2:$C$346,2,0))^2+(VLOOKUP($A144,városok!$A$2:$C$346,3,0)-VLOOKUP(AA$1,városok!$A$2:$C$346,3,0))^2)/1000,0)</f>
        <v>340</v>
      </c>
      <c r="AB144">
        <f ca="1">ROUND(SQRT((VLOOKUP($A144,városok!$A$2:$C$346,2,0)-VLOOKUP(AB$1,városok!$A$2:$C$346,2,0))^2+(VLOOKUP($A144,városok!$A$2:$C$346,3,0)-VLOOKUP(AB$1,városok!$A$2:$C$346,3,0))^2)/1000,0)</f>
        <v>54</v>
      </c>
      <c r="AC144">
        <f ca="1">ROUND(SQRT((VLOOKUP($A144,városok!$A$2:$C$346,2,0)-VLOOKUP(AC$1,városok!$A$2:$C$346,2,0))^2+(VLOOKUP($A144,városok!$A$2:$C$346,3,0)-VLOOKUP(AC$1,városok!$A$2:$C$346,3,0))^2)/1000,0)</f>
        <v>52</v>
      </c>
      <c r="AD144">
        <f ca="1">ROUND(SQRT((VLOOKUP($A144,városok!$A$2:$C$346,2,0)-VLOOKUP(AD$1,városok!$A$2:$C$346,2,0))^2+(VLOOKUP($A144,városok!$A$2:$C$346,3,0)-VLOOKUP(AD$1,városok!$A$2:$C$346,3,0))^2)/1000,0)</f>
        <v>49</v>
      </c>
      <c r="AE144">
        <f ca="1">ROUND(SQRT((VLOOKUP($A144,városok!$A$2:$C$346,2,0)-VLOOKUP(AE$1,városok!$A$2:$C$346,2,0))^2+(VLOOKUP($A144,városok!$A$2:$C$346,3,0)-VLOOKUP(AE$1,városok!$A$2:$C$346,3,0))^2)/1000,0)</f>
        <v>65</v>
      </c>
      <c r="AF144">
        <f ca="1">ROUND(SQRT((VLOOKUP($A144,városok!$A$2:$C$346,2,0)-VLOOKUP(AF$1,városok!$A$2:$C$346,2,0))^2+(VLOOKUP($A144,városok!$A$2:$C$346,3,0)-VLOOKUP(AF$1,városok!$A$2:$C$346,3,0))^2)/1000,0)</f>
        <v>55</v>
      </c>
      <c r="AG144">
        <f ca="1">ROUND(SQRT((VLOOKUP($A144,városok!$A$2:$C$346,2,0)-VLOOKUP(AG$1,városok!$A$2:$C$346,2,0))^2+(VLOOKUP($A144,városok!$A$2:$C$346,3,0)-VLOOKUP(AG$1,városok!$A$2:$C$346,3,0))^2)/1000,0)</f>
        <v>89</v>
      </c>
      <c r="AH144">
        <f ca="1">ROUND(SQRT((VLOOKUP($A144,városok!$A$2:$C$346,2,0)-VLOOKUP(AH$1,városok!$A$2:$C$346,2,0))^2+(VLOOKUP($A144,városok!$A$2:$C$346,3,0)-VLOOKUP(AH$1,városok!$A$2:$C$346,3,0))^2)/1000,0)</f>
        <v>110</v>
      </c>
      <c r="AI144">
        <f ca="1">ROUND(SQRT((VLOOKUP($A144,városok!$A$2:$C$346,2,0)-VLOOKUP(AI$1,városok!$A$2:$C$346,2,0))^2+(VLOOKUP($A144,városok!$A$2:$C$346,3,0)-VLOOKUP(AI$1,városok!$A$2:$C$346,3,0))^2)/1000,0)</f>
        <v>77</v>
      </c>
      <c r="AJ144">
        <f ca="1">ROUND(SQRT((VLOOKUP($A144,városok!$A$2:$C$346,2,0)-VLOOKUP(AJ$1,városok!$A$2:$C$346,2,0))^2+(VLOOKUP($A144,városok!$A$2:$C$346,3,0)-VLOOKUP(AJ$1,városok!$A$2:$C$346,3,0))^2)/1000,0)</f>
        <v>89</v>
      </c>
      <c r="AK144">
        <f ca="1">ROUND(SQRT((VLOOKUP($A144,városok!$A$2:$C$346,2,0)-VLOOKUP(AK$1,városok!$A$2:$C$346,2,0))^2+(VLOOKUP($A144,városok!$A$2:$C$346,3,0)-VLOOKUP(AK$1,városok!$A$2:$C$346,3,0))^2)/1000,0)</f>
        <v>66</v>
      </c>
      <c r="AL144">
        <f ca="1">ROUND(SQRT((VLOOKUP($A144,városok!$A$2:$C$346,2,0)-VLOOKUP(AL$1,városok!$A$2:$C$346,2,0))^2+(VLOOKUP($A144,városok!$A$2:$C$346,3,0)-VLOOKUP(AL$1,városok!$A$2:$C$346,3,0))^2)/1000,0)</f>
        <v>66</v>
      </c>
      <c r="AM144">
        <f ca="1">ROUND(SQRT((VLOOKUP($A144,városok!$A$2:$C$346,2,0)-VLOOKUP(AM$1,városok!$A$2:$C$346,2,0))^2+(VLOOKUP($A144,városok!$A$2:$C$346,3,0)-VLOOKUP(AM$1,városok!$A$2:$C$346,3,0))^2)/1000,0)</f>
        <v>104</v>
      </c>
      <c r="AN144">
        <f ca="1">ROUND(SQRT((VLOOKUP($A144,városok!$A$2:$C$346,2,0)-VLOOKUP(AN$1,városok!$A$2:$C$346,2,0))^2+(VLOOKUP($A144,városok!$A$2:$C$346,3,0)-VLOOKUP(AN$1,városok!$A$2:$C$346,3,0))^2)/1000,0)</f>
        <v>177</v>
      </c>
      <c r="AO144">
        <f ca="1">ROUND(SQRT((VLOOKUP($A144,városok!$A$2:$C$346,2,0)-VLOOKUP(AO$1,városok!$A$2:$C$346,2,0))^2+(VLOOKUP($A144,városok!$A$2:$C$346,3,0)-VLOOKUP(AO$1,városok!$A$2:$C$346,3,0))^2)/1000,0)</f>
        <v>224</v>
      </c>
      <c r="AP144">
        <f ca="1">ROUND(SQRT((VLOOKUP($A144,városok!$A$2:$C$346,2,0)-VLOOKUP(AP$1,városok!$A$2:$C$346,2,0))^2+(VLOOKUP($A144,városok!$A$2:$C$346,3,0)-VLOOKUP(AP$1,városok!$A$2:$C$346,3,0))^2)/1000,0)</f>
        <v>210</v>
      </c>
      <c r="AQ144">
        <f ca="1">ROUND(SQRT((VLOOKUP($A144,városok!$A$2:$C$346,2,0)-VLOOKUP(AQ$1,városok!$A$2:$C$346,2,0))^2+(VLOOKUP($A144,városok!$A$2:$C$346,3,0)-VLOOKUP(AQ$1,városok!$A$2:$C$346,3,0))^2)/1000,0)</f>
        <v>205</v>
      </c>
      <c r="AR144">
        <f ca="1">ROUND(SQRT((VLOOKUP($A144,városok!$A$2:$C$346,2,0)-VLOOKUP(AR$1,városok!$A$2:$C$346,2,0))^2+(VLOOKUP($A144,városok!$A$2:$C$346,3,0)-VLOOKUP(AR$1,városok!$A$2:$C$346,3,0))^2)/1000,0)</f>
        <v>106</v>
      </c>
      <c r="AS144">
        <f ca="1">ROUND(SQRT((VLOOKUP($A144,városok!$A$2:$C$346,2,0)-VLOOKUP(AS$1,városok!$A$2:$C$346,2,0))^2+(VLOOKUP($A144,városok!$A$2:$C$346,3,0)-VLOOKUP(AS$1,városok!$A$2:$C$346,3,0))^2)/1000,0)</f>
        <v>100</v>
      </c>
      <c r="AT144">
        <f ca="1">ROUND(SQRT((VLOOKUP($A144,városok!$A$2:$C$346,2,0)-VLOOKUP(AT$1,városok!$A$2:$C$346,2,0))^2+(VLOOKUP($A144,városok!$A$2:$C$346,3,0)-VLOOKUP(AT$1,városok!$A$2:$C$346,3,0))^2)/1000,0)</f>
        <v>178</v>
      </c>
      <c r="AU144">
        <f ca="1">ROUND(SQRT((VLOOKUP($A144,városok!$A$2:$C$346,2,0)-VLOOKUP(AU$1,városok!$A$2:$C$346,2,0))^2+(VLOOKUP($A144,városok!$A$2:$C$346,3,0)-VLOOKUP(AU$1,városok!$A$2:$C$346,3,0))^2)/1000,0)</f>
        <v>168</v>
      </c>
      <c r="AV144">
        <f ca="1">ROUND(SQRT((VLOOKUP($A144,városok!$A$2:$C$346,2,0)-VLOOKUP(AV$1,városok!$A$2:$C$346,2,0))^2+(VLOOKUP($A144,városok!$A$2:$C$346,3,0)-VLOOKUP(AV$1,városok!$A$2:$C$346,3,0))^2)/1000,0)</f>
        <v>170</v>
      </c>
      <c r="AW144">
        <f ca="1">ROUND(SQRT((VLOOKUP($A144,városok!$A$2:$C$346,2,0)-VLOOKUP(AW$1,városok!$A$2:$C$346,2,0))^2+(VLOOKUP($A144,városok!$A$2:$C$346,3,0)-VLOOKUP(AW$1,városok!$A$2:$C$346,3,0))^2)/1000,0)</f>
        <v>173</v>
      </c>
      <c r="AX144">
        <f ca="1">ROUND(SQRT((VLOOKUP($A144,városok!$A$2:$C$346,2,0)-VLOOKUP(AX$1,városok!$A$2:$C$346,2,0))^2+(VLOOKUP($A144,városok!$A$2:$C$346,3,0)-VLOOKUP(AX$1,városok!$A$2:$C$346,3,0))^2)/1000,0)</f>
        <v>137</v>
      </c>
      <c r="AY144">
        <f ca="1">ROUND(SQRT((VLOOKUP($A144,városok!$A$2:$C$346,2,0)-VLOOKUP(AY$1,városok!$A$2:$C$346,2,0))^2+(VLOOKUP($A144,városok!$A$2:$C$346,3,0)-VLOOKUP(AY$1,városok!$A$2:$C$346,3,0))^2)/1000,0)</f>
        <v>155</v>
      </c>
      <c r="AZ144">
        <f ca="1">ROUND(SQRT((VLOOKUP($A144,városok!$A$2:$C$346,2,0)-VLOOKUP(AZ$1,városok!$A$2:$C$346,2,0))^2+(VLOOKUP($A144,városok!$A$2:$C$346,3,0)-VLOOKUP(AZ$1,városok!$A$2:$C$346,3,0))^2)/1000,0)</f>
        <v>160</v>
      </c>
      <c r="BA144">
        <f ca="1">ROUND(SQRT((VLOOKUP($A144,városok!$A$2:$C$346,2,0)-VLOOKUP(BA$1,városok!$A$2:$C$346,2,0))^2+(VLOOKUP($A144,városok!$A$2:$C$346,3,0)-VLOOKUP(BA$1,városok!$A$2:$C$346,3,0))^2)/1000,0)</f>
        <v>284</v>
      </c>
      <c r="BB144">
        <f ca="1">ROUND(SQRT((VLOOKUP($A144,városok!$A$2:$C$346,2,0)-VLOOKUP(BB$1,városok!$A$2:$C$346,2,0))^2+(VLOOKUP($A144,városok!$A$2:$C$346,3,0)-VLOOKUP(BB$1,városok!$A$2:$C$346,3,0))^2)/1000,0)</f>
        <v>282</v>
      </c>
      <c r="BC144">
        <f ca="1">ROUND(SQRT((VLOOKUP($A144,városok!$A$2:$C$346,2,0)-VLOOKUP(BC$1,városok!$A$2:$C$346,2,0))^2+(VLOOKUP($A144,városok!$A$2:$C$346,3,0)-VLOOKUP(BC$1,városok!$A$2:$C$346,3,0))^2)/1000,0)</f>
        <v>302</v>
      </c>
      <c r="BD144">
        <f ca="1">ROUND(SQRT((VLOOKUP($A144,városok!$A$2:$C$346,2,0)-VLOOKUP(BD$1,városok!$A$2:$C$346,2,0))^2+(VLOOKUP($A144,városok!$A$2:$C$346,3,0)-VLOOKUP(BD$1,városok!$A$2:$C$346,3,0))^2)/1000,0)</f>
        <v>253</v>
      </c>
      <c r="BE144">
        <f ca="1">ROUND(SQRT((VLOOKUP($A144,városok!$A$2:$C$346,2,0)-VLOOKUP(BE$1,városok!$A$2:$C$346,2,0))^2+(VLOOKUP($A144,városok!$A$2:$C$346,3,0)-VLOOKUP(BE$1,városok!$A$2:$C$346,3,0))^2)/1000,0)</f>
        <v>117</v>
      </c>
      <c r="BF144">
        <f ca="1">ROUND(SQRT((VLOOKUP($A144,városok!$A$2:$C$346,2,0)-VLOOKUP(BF$1,városok!$A$2:$C$346,2,0))^2+(VLOOKUP($A144,városok!$A$2:$C$346,3,0)-VLOOKUP(BF$1,városok!$A$2:$C$346,3,0))^2)/1000,0)</f>
        <v>82</v>
      </c>
      <c r="BG144">
        <f ca="1">ROUND(SQRT((VLOOKUP($A144,városok!$A$2:$C$346,2,0)-VLOOKUP(BG$1,városok!$A$2:$C$346,2,0))^2+(VLOOKUP($A144,városok!$A$2:$C$346,3,0)-VLOOKUP(BG$1,városok!$A$2:$C$346,3,0))^2)/1000,0)</f>
        <v>39</v>
      </c>
      <c r="BH144">
        <f ca="1">ROUND(SQRT((VLOOKUP($A144,városok!$A$2:$C$346,2,0)-VLOOKUP(BH$1,városok!$A$2:$C$346,2,0))^2+(VLOOKUP($A144,városok!$A$2:$C$346,3,0)-VLOOKUP(BH$1,városok!$A$2:$C$346,3,0))^2)/1000,0)</f>
        <v>39</v>
      </c>
      <c r="BI144">
        <f ca="1">ROUND(SQRT((VLOOKUP($A144,városok!$A$2:$C$346,2,0)-VLOOKUP(BI$1,városok!$A$2:$C$346,2,0))^2+(VLOOKUP($A144,városok!$A$2:$C$346,3,0)-VLOOKUP(BI$1,városok!$A$2:$C$346,3,0))^2)/1000,0)</f>
        <v>250</v>
      </c>
      <c r="BJ144">
        <f ca="1">ROUND(SQRT((VLOOKUP($A144,városok!$A$2:$C$346,2,0)-VLOOKUP(BJ$1,városok!$A$2:$C$346,2,0))^2+(VLOOKUP($A144,városok!$A$2:$C$346,3,0)-VLOOKUP(BJ$1,városok!$A$2:$C$346,3,0))^2)/1000,0)</f>
        <v>267</v>
      </c>
      <c r="BK144">
        <f ca="1">ROUND(SQRT((VLOOKUP($A144,városok!$A$2:$C$346,2,0)-VLOOKUP(BK$1,városok!$A$2:$C$346,2,0))^2+(VLOOKUP($A144,városok!$A$2:$C$346,3,0)-VLOOKUP(BK$1,városok!$A$2:$C$346,3,0))^2)/1000,0)</f>
        <v>249</v>
      </c>
      <c r="BL144">
        <f ca="1">ROUND(SQRT((VLOOKUP($A144,városok!$A$2:$C$346,2,0)-VLOOKUP(BL$1,városok!$A$2:$C$346,2,0))^2+(VLOOKUP($A144,városok!$A$2:$C$346,3,0)-VLOOKUP(BL$1,városok!$A$2:$C$346,3,0))^2)/1000,0)</f>
        <v>353</v>
      </c>
      <c r="BM144">
        <f ca="1">ROUND(SQRT((VLOOKUP($A144,városok!$A$2:$C$346,2,0)-VLOOKUP(BM$1,városok!$A$2:$C$346,2,0))^2+(VLOOKUP($A144,városok!$A$2:$C$346,3,0)-VLOOKUP(BM$1,városok!$A$2:$C$346,3,0))^2)/1000,0)</f>
        <v>322</v>
      </c>
      <c r="BN144">
        <f ca="1">ROUND(SQRT((VLOOKUP($A144,városok!$A$2:$C$346,2,0)-VLOOKUP(BN$1,városok!$A$2:$C$346,2,0))^2+(VLOOKUP($A144,városok!$A$2:$C$346,3,0)-VLOOKUP(BN$1,városok!$A$2:$C$346,3,0))^2)/1000,0)</f>
        <v>345</v>
      </c>
      <c r="BO144">
        <f ca="1">ROUND(SQRT((VLOOKUP($A144,városok!$A$2:$C$346,2,0)-VLOOKUP(BO$1,városok!$A$2:$C$346,2,0))^2+(VLOOKUP($A144,városok!$A$2:$C$346,3,0)-VLOOKUP(BO$1,városok!$A$2:$C$346,3,0))^2)/1000,0)</f>
        <v>251</v>
      </c>
      <c r="BP144">
        <f ca="1">ROUND(SQRT((VLOOKUP($A144,városok!$A$2:$C$346,2,0)-VLOOKUP(BP$1,városok!$A$2:$C$346,2,0))^2+(VLOOKUP($A144,városok!$A$2:$C$346,3,0)-VLOOKUP(BP$1,városok!$A$2:$C$346,3,0))^2)/1000,0)</f>
        <v>244</v>
      </c>
      <c r="BQ144">
        <f ca="1">ROUND(SQRT((VLOOKUP($A144,városok!$A$2:$C$346,2,0)-VLOOKUP(BQ$1,városok!$A$2:$C$346,2,0))^2+(VLOOKUP($A144,városok!$A$2:$C$346,3,0)-VLOOKUP(BQ$1,városok!$A$2:$C$346,3,0))^2)/1000,0)</f>
        <v>256</v>
      </c>
      <c r="BR144">
        <f ca="1">ROUND(SQRT((VLOOKUP($A144,városok!$A$2:$C$346,2,0)-VLOOKUP(BR$1,városok!$A$2:$C$346,2,0))^2+(VLOOKUP($A144,városok!$A$2:$C$346,3,0)-VLOOKUP(BR$1,városok!$A$2:$C$346,3,0))^2)/1000,0)</f>
        <v>316</v>
      </c>
      <c r="BS144">
        <f ca="1">ROUND(SQRT((VLOOKUP($A144,városok!$A$2:$C$346,2,0)-VLOOKUP(BS$1,városok!$A$2:$C$346,2,0))^2+(VLOOKUP($A144,városok!$A$2:$C$346,3,0)-VLOOKUP(BS$1,városok!$A$2:$C$346,3,0))^2)/1000,0)</f>
        <v>350</v>
      </c>
      <c r="BT144">
        <f ca="1">ROUND(SQRT((VLOOKUP($A144,városok!$A$2:$C$346,2,0)-VLOOKUP(BT$1,városok!$A$2:$C$346,2,0))^2+(VLOOKUP($A144,városok!$A$2:$C$346,3,0)-VLOOKUP(BT$1,városok!$A$2:$C$346,3,0))^2)/1000,0)</f>
        <v>342</v>
      </c>
    </row>
    <row r="145" spans="1:72" x14ac:dyDescent="0.2">
      <c r="A145" t="str">
        <f>városok!A145</f>
        <v>Püspökladány</v>
      </c>
      <c r="B145">
        <f ca="1">ROUND(SQRT((VLOOKUP($A145,városok!$A$2:$C$346,2,0)-VLOOKUP(B$1,városok!$A$2:$C$346,2,0))^2+(VLOOKUP($A145,városok!$A$2:$C$346,3,0)-VLOOKUP(B$1,városok!$A$2:$C$346,3,0))^2)/1000,0)</f>
        <v>208</v>
      </c>
      <c r="C145">
        <f ca="1">ROUND(SQRT((VLOOKUP($A145,városok!$A$2:$C$346,2,0)-VLOOKUP(C$1,városok!$A$2:$C$346,2,0))^2+(VLOOKUP($A145,városok!$A$2:$C$346,3,0)-VLOOKUP(C$1,városok!$A$2:$C$346,3,0))^2)/1000,0)</f>
        <v>187</v>
      </c>
      <c r="D145">
        <f ca="1">ROUND(SQRT((VLOOKUP($A145,városok!$A$2:$C$346,2,0)-VLOOKUP(D$1,városok!$A$2:$C$346,2,0))^2+(VLOOKUP($A145,városok!$A$2:$C$346,3,0)-VLOOKUP(D$1,városok!$A$2:$C$346,3,0))^2)/1000,0)</f>
        <v>120</v>
      </c>
      <c r="E145">
        <f ca="1">ROUND(SQRT((VLOOKUP($A145,városok!$A$2:$C$346,2,0)-VLOOKUP(E$1,városok!$A$2:$C$346,2,0))^2+(VLOOKUP($A145,városok!$A$2:$C$346,3,0)-VLOOKUP(E$1,városok!$A$2:$C$346,3,0))^2)/1000,0)</f>
        <v>253</v>
      </c>
      <c r="F145">
        <f ca="1">ROUND(SQRT((VLOOKUP($A145,városok!$A$2:$C$346,2,0)-VLOOKUP(F$1,városok!$A$2:$C$346,2,0))^2+(VLOOKUP($A145,városok!$A$2:$C$346,3,0)-VLOOKUP(F$1,városok!$A$2:$C$346,3,0))^2)/1000,0)</f>
        <v>238</v>
      </c>
      <c r="G145">
        <f ca="1">ROUND(SQRT((VLOOKUP($A145,városok!$A$2:$C$346,2,0)-VLOOKUP(G$1,városok!$A$2:$C$346,2,0))^2+(VLOOKUP($A145,városok!$A$2:$C$346,3,0)-VLOOKUP(G$1,városok!$A$2:$C$346,3,0))^2)/1000,0)</f>
        <v>261</v>
      </c>
      <c r="H145">
        <f ca="1">ROUND(SQRT((VLOOKUP($A145,városok!$A$2:$C$346,2,0)-VLOOKUP(H$1,városok!$A$2:$C$346,2,0))^2+(VLOOKUP($A145,városok!$A$2:$C$346,3,0)-VLOOKUP(H$1,városok!$A$2:$C$346,3,0))^2)/1000,0)</f>
        <v>292</v>
      </c>
      <c r="I145">
        <f ca="1">ROUND(SQRT((VLOOKUP($A145,városok!$A$2:$C$346,2,0)-VLOOKUP(I$1,városok!$A$2:$C$346,2,0))^2+(VLOOKUP($A145,városok!$A$2:$C$346,3,0)-VLOOKUP(I$1,városok!$A$2:$C$346,3,0))^2)/1000,0)</f>
        <v>68</v>
      </c>
      <c r="J145">
        <f ca="1">ROUND(SQRT((VLOOKUP($A145,városok!$A$2:$C$346,2,0)-VLOOKUP(J$1,városok!$A$2:$C$346,2,0))^2+(VLOOKUP($A145,városok!$A$2:$C$346,3,0)-VLOOKUP(J$1,városok!$A$2:$C$346,3,0))^2)/1000,0)</f>
        <v>71</v>
      </c>
      <c r="K145">
        <f ca="1">ROUND(SQRT((VLOOKUP($A145,városok!$A$2:$C$346,2,0)-VLOOKUP(K$1,városok!$A$2:$C$346,2,0))^2+(VLOOKUP($A145,városok!$A$2:$C$346,3,0)-VLOOKUP(K$1,városok!$A$2:$C$346,3,0))^2)/1000,0)</f>
        <v>89</v>
      </c>
      <c r="L145">
        <f ca="1">ROUND(SQRT((VLOOKUP($A145,városok!$A$2:$C$346,2,0)-VLOOKUP(L$1,városok!$A$2:$C$346,2,0))^2+(VLOOKUP($A145,városok!$A$2:$C$346,3,0)-VLOOKUP(L$1,városok!$A$2:$C$346,3,0))^2)/1000,0)</f>
        <v>115</v>
      </c>
      <c r="M145">
        <f ca="1">ROUND(SQRT((VLOOKUP($A145,városok!$A$2:$C$346,2,0)-VLOOKUP(M$1,városok!$A$2:$C$346,2,0))^2+(VLOOKUP($A145,városok!$A$2:$C$346,3,0)-VLOOKUP(M$1,városok!$A$2:$C$346,3,0))^2)/1000,0)</f>
        <v>95</v>
      </c>
      <c r="N145">
        <f ca="1">ROUND(SQRT((VLOOKUP($A145,városok!$A$2:$C$346,2,0)-VLOOKUP(N$1,városok!$A$2:$C$346,2,0))^2+(VLOOKUP($A145,városok!$A$2:$C$346,3,0)-VLOOKUP(N$1,városok!$A$2:$C$346,3,0))^2)/1000,0)</f>
        <v>123</v>
      </c>
      <c r="O145">
        <f ca="1">ROUND(SQRT((VLOOKUP($A145,városok!$A$2:$C$346,2,0)-VLOOKUP(O$1,városok!$A$2:$C$346,2,0))^2+(VLOOKUP($A145,városok!$A$2:$C$346,3,0)-VLOOKUP(O$1,városok!$A$2:$C$346,3,0))^2)/1000,0)</f>
        <v>129</v>
      </c>
      <c r="P145">
        <f ca="1">ROUND(SQRT((VLOOKUP($A145,városok!$A$2:$C$346,2,0)-VLOOKUP(P$1,városok!$A$2:$C$346,2,0))^2+(VLOOKUP($A145,városok!$A$2:$C$346,3,0)-VLOOKUP(P$1,városok!$A$2:$C$346,3,0))^2)/1000,0)</f>
        <v>129</v>
      </c>
      <c r="Q145">
        <f ca="1">ROUND(SQRT((VLOOKUP($A145,városok!$A$2:$C$346,2,0)-VLOOKUP(Q$1,városok!$A$2:$C$346,2,0))^2+(VLOOKUP($A145,városok!$A$2:$C$346,3,0)-VLOOKUP(Q$1,városok!$A$2:$C$346,3,0))^2)/1000,0)</f>
        <v>116</v>
      </c>
      <c r="R145">
        <f ca="1">ROUND(SQRT((VLOOKUP($A145,városok!$A$2:$C$346,2,0)-VLOOKUP(R$1,városok!$A$2:$C$346,2,0))^2+(VLOOKUP($A145,városok!$A$2:$C$346,3,0)-VLOOKUP(R$1,városok!$A$2:$C$346,3,0))^2)/1000,0)</f>
        <v>130</v>
      </c>
      <c r="S145">
        <f ca="1">ROUND(SQRT((VLOOKUP($A145,városok!$A$2:$C$346,2,0)-VLOOKUP(S$1,városok!$A$2:$C$346,2,0))^2+(VLOOKUP($A145,városok!$A$2:$C$346,3,0)-VLOOKUP(S$1,városok!$A$2:$C$346,3,0))^2)/1000,0)</f>
        <v>139</v>
      </c>
      <c r="T145">
        <f ca="1">ROUND(SQRT((VLOOKUP($A145,városok!$A$2:$C$346,2,0)-VLOOKUP(T$1,városok!$A$2:$C$346,2,0))^2+(VLOOKUP($A145,városok!$A$2:$C$346,3,0)-VLOOKUP(T$1,városok!$A$2:$C$346,3,0))^2)/1000,0)</f>
        <v>193</v>
      </c>
      <c r="U145">
        <f ca="1">ROUND(SQRT((VLOOKUP($A145,városok!$A$2:$C$346,2,0)-VLOOKUP(U$1,városok!$A$2:$C$346,2,0))^2+(VLOOKUP($A145,városok!$A$2:$C$346,3,0)-VLOOKUP(U$1,városok!$A$2:$C$346,3,0))^2)/1000,0)</f>
        <v>173</v>
      </c>
      <c r="V145">
        <f ca="1">ROUND(SQRT((VLOOKUP($A145,városok!$A$2:$C$346,2,0)-VLOOKUP(V$1,városok!$A$2:$C$346,2,0))^2+(VLOOKUP($A145,városok!$A$2:$C$346,3,0)-VLOOKUP(V$1,városok!$A$2:$C$346,3,0))^2)/1000,0)</f>
        <v>219</v>
      </c>
      <c r="W145">
        <f ca="1">ROUND(SQRT((VLOOKUP($A145,városok!$A$2:$C$346,2,0)-VLOOKUP(W$1,városok!$A$2:$C$346,2,0))^2+(VLOOKUP($A145,városok!$A$2:$C$346,3,0)-VLOOKUP(W$1,városok!$A$2:$C$346,3,0))^2)/1000,0)</f>
        <v>198</v>
      </c>
      <c r="X145">
        <f ca="1">ROUND(SQRT((VLOOKUP($A145,városok!$A$2:$C$346,2,0)-VLOOKUP(X$1,városok!$A$2:$C$346,2,0))^2+(VLOOKUP($A145,városok!$A$2:$C$346,3,0)-VLOOKUP(X$1,városok!$A$2:$C$346,3,0))^2)/1000,0)</f>
        <v>215</v>
      </c>
      <c r="Y145">
        <f ca="1">ROUND(SQRT((VLOOKUP($A145,városok!$A$2:$C$346,2,0)-VLOOKUP(Y$1,városok!$A$2:$C$346,2,0))^2+(VLOOKUP($A145,városok!$A$2:$C$346,3,0)-VLOOKUP(Y$1,városok!$A$2:$C$346,3,0))^2)/1000,0)</f>
        <v>270</v>
      </c>
      <c r="Z145">
        <f ca="1">ROUND(SQRT((VLOOKUP($A145,városok!$A$2:$C$346,2,0)-VLOOKUP(Z$1,városok!$A$2:$C$346,2,0))^2+(VLOOKUP($A145,városok!$A$2:$C$346,3,0)-VLOOKUP(Z$1,városok!$A$2:$C$346,3,0))^2)/1000,0)</f>
        <v>289</v>
      </c>
      <c r="AA145">
        <f ca="1">ROUND(SQRT((VLOOKUP($A145,városok!$A$2:$C$346,2,0)-VLOOKUP(AA$1,városok!$A$2:$C$346,2,0))^2+(VLOOKUP($A145,városok!$A$2:$C$346,3,0)-VLOOKUP(AA$1,városok!$A$2:$C$346,3,0))^2)/1000,0)</f>
        <v>348</v>
      </c>
      <c r="AB145">
        <f ca="1">ROUND(SQRT((VLOOKUP($A145,városok!$A$2:$C$346,2,0)-VLOOKUP(AB$1,városok!$A$2:$C$346,2,0))^2+(VLOOKUP($A145,városok!$A$2:$C$346,3,0)-VLOOKUP(AB$1,városok!$A$2:$C$346,3,0))^2)/1000,0)</f>
        <v>44</v>
      </c>
      <c r="AC145">
        <f ca="1">ROUND(SQRT((VLOOKUP($A145,városok!$A$2:$C$346,2,0)-VLOOKUP(AC$1,városok!$A$2:$C$346,2,0))^2+(VLOOKUP($A145,városok!$A$2:$C$346,3,0)-VLOOKUP(AC$1,városok!$A$2:$C$346,3,0))^2)/1000,0)</f>
        <v>25</v>
      </c>
      <c r="AD145">
        <f ca="1">ROUND(SQRT((VLOOKUP($A145,városok!$A$2:$C$346,2,0)-VLOOKUP(AD$1,városok!$A$2:$C$346,2,0))^2+(VLOOKUP($A145,városok!$A$2:$C$346,3,0)-VLOOKUP(AD$1,városok!$A$2:$C$346,3,0))^2)/1000,0)</f>
        <v>16</v>
      </c>
      <c r="AE145">
        <f ca="1">ROUND(SQRT((VLOOKUP($A145,városok!$A$2:$C$346,2,0)-VLOOKUP(AE$1,városok!$A$2:$C$346,2,0))^2+(VLOOKUP($A145,városok!$A$2:$C$346,3,0)-VLOOKUP(AE$1,városok!$A$2:$C$346,3,0))^2)/1000,0)</f>
        <v>0</v>
      </c>
      <c r="AF145">
        <f ca="1">ROUND(SQRT((VLOOKUP($A145,városok!$A$2:$C$346,2,0)-VLOOKUP(AF$1,városok!$A$2:$C$346,2,0))^2+(VLOOKUP($A145,városok!$A$2:$C$346,3,0)-VLOOKUP(AF$1,városok!$A$2:$C$346,3,0))^2)/1000,0)</f>
        <v>91</v>
      </c>
      <c r="AG145">
        <f ca="1">ROUND(SQRT((VLOOKUP($A145,városok!$A$2:$C$346,2,0)-VLOOKUP(AG$1,városok!$A$2:$C$346,2,0))^2+(VLOOKUP($A145,városok!$A$2:$C$346,3,0)-VLOOKUP(AG$1,városok!$A$2:$C$346,3,0))^2)/1000,0)</f>
        <v>109</v>
      </c>
      <c r="AH145">
        <f ca="1">ROUND(SQRT((VLOOKUP($A145,városok!$A$2:$C$346,2,0)-VLOOKUP(AH$1,városok!$A$2:$C$346,2,0))^2+(VLOOKUP($A145,városok!$A$2:$C$346,3,0)-VLOOKUP(AH$1,városok!$A$2:$C$346,3,0))^2)/1000,0)</f>
        <v>120</v>
      </c>
      <c r="AI145">
        <f ca="1">ROUND(SQRT((VLOOKUP($A145,városok!$A$2:$C$346,2,0)-VLOOKUP(AI$1,városok!$A$2:$C$346,2,0))^2+(VLOOKUP($A145,városok!$A$2:$C$346,3,0)-VLOOKUP(AI$1,városok!$A$2:$C$346,3,0))^2)/1000,0)</f>
        <v>115</v>
      </c>
      <c r="AJ145">
        <f ca="1">ROUND(SQRT((VLOOKUP($A145,városok!$A$2:$C$346,2,0)-VLOOKUP(AJ$1,városok!$A$2:$C$346,2,0))^2+(VLOOKUP($A145,városok!$A$2:$C$346,3,0)-VLOOKUP(AJ$1,városok!$A$2:$C$346,3,0))^2)/1000,0)</f>
        <v>98</v>
      </c>
      <c r="AK145">
        <f ca="1">ROUND(SQRT((VLOOKUP($A145,városok!$A$2:$C$346,2,0)-VLOOKUP(AK$1,városok!$A$2:$C$346,2,0))^2+(VLOOKUP($A145,városok!$A$2:$C$346,3,0)-VLOOKUP(AK$1,városok!$A$2:$C$346,3,0))^2)/1000,0)</f>
        <v>15</v>
      </c>
      <c r="AL145">
        <f ca="1">ROUND(SQRT((VLOOKUP($A145,városok!$A$2:$C$346,2,0)-VLOOKUP(AL$1,városok!$A$2:$C$346,2,0))^2+(VLOOKUP($A145,városok!$A$2:$C$346,3,0)-VLOOKUP(AL$1,városok!$A$2:$C$346,3,0))^2)/1000,0)</f>
        <v>42</v>
      </c>
      <c r="AM145">
        <f ca="1">ROUND(SQRT((VLOOKUP($A145,városok!$A$2:$C$346,2,0)-VLOOKUP(AM$1,városok!$A$2:$C$346,2,0))^2+(VLOOKUP($A145,városok!$A$2:$C$346,3,0)-VLOOKUP(AM$1,városok!$A$2:$C$346,3,0))^2)/1000,0)</f>
        <v>75</v>
      </c>
      <c r="AN145">
        <f ca="1">ROUND(SQRT((VLOOKUP($A145,városok!$A$2:$C$346,2,0)-VLOOKUP(AN$1,városok!$A$2:$C$346,2,0))^2+(VLOOKUP($A145,városok!$A$2:$C$346,3,0)-VLOOKUP(AN$1,városok!$A$2:$C$346,3,0))^2)/1000,0)</f>
        <v>191</v>
      </c>
      <c r="AO145">
        <f ca="1">ROUND(SQRT((VLOOKUP($A145,városok!$A$2:$C$346,2,0)-VLOOKUP(AO$1,városok!$A$2:$C$346,2,0))^2+(VLOOKUP($A145,városok!$A$2:$C$346,3,0)-VLOOKUP(AO$1,városok!$A$2:$C$346,3,0))^2)/1000,0)</f>
        <v>235</v>
      </c>
      <c r="AP145">
        <f ca="1">ROUND(SQRT((VLOOKUP($A145,városok!$A$2:$C$346,2,0)-VLOOKUP(AP$1,városok!$A$2:$C$346,2,0))^2+(VLOOKUP($A145,városok!$A$2:$C$346,3,0)-VLOOKUP(AP$1,városok!$A$2:$C$346,3,0))^2)/1000,0)</f>
        <v>218</v>
      </c>
      <c r="AQ145">
        <f ca="1">ROUND(SQRT((VLOOKUP($A145,városok!$A$2:$C$346,2,0)-VLOOKUP(AQ$1,városok!$A$2:$C$346,2,0))^2+(VLOOKUP($A145,városok!$A$2:$C$346,3,0)-VLOOKUP(AQ$1,városok!$A$2:$C$346,3,0))^2)/1000,0)</f>
        <v>211</v>
      </c>
      <c r="AR145">
        <f ca="1">ROUND(SQRT((VLOOKUP($A145,városok!$A$2:$C$346,2,0)-VLOOKUP(AR$1,városok!$A$2:$C$346,2,0))^2+(VLOOKUP($A145,városok!$A$2:$C$346,3,0)-VLOOKUP(AR$1,városok!$A$2:$C$346,3,0))^2)/1000,0)</f>
        <v>132</v>
      </c>
      <c r="AS145">
        <f ca="1">ROUND(SQRT((VLOOKUP($A145,városok!$A$2:$C$346,2,0)-VLOOKUP(AS$1,városok!$A$2:$C$346,2,0))^2+(VLOOKUP($A145,városok!$A$2:$C$346,3,0)-VLOOKUP(AS$1,városok!$A$2:$C$346,3,0))^2)/1000,0)</f>
        <v>137</v>
      </c>
      <c r="AT145">
        <f ca="1">ROUND(SQRT((VLOOKUP($A145,városok!$A$2:$C$346,2,0)-VLOOKUP(AT$1,városok!$A$2:$C$346,2,0))^2+(VLOOKUP($A145,városok!$A$2:$C$346,3,0)-VLOOKUP(AT$1,városok!$A$2:$C$346,3,0))^2)/1000,0)</f>
        <v>179</v>
      </c>
      <c r="AU145">
        <f ca="1">ROUND(SQRT((VLOOKUP($A145,városok!$A$2:$C$346,2,0)-VLOOKUP(AU$1,városok!$A$2:$C$346,2,0))^2+(VLOOKUP($A145,városok!$A$2:$C$346,3,0)-VLOOKUP(AU$1,városok!$A$2:$C$346,3,0))^2)/1000,0)</f>
        <v>168</v>
      </c>
      <c r="AV145">
        <f ca="1">ROUND(SQRT((VLOOKUP($A145,városok!$A$2:$C$346,2,0)-VLOOKUP(AV$1,városok!$A$2:$C$346,2,0))^2+(VLOOKUP($A145,városok!$A$2:$C$346,3,0)-VLOOKUP(AV$1,városok!$A$2:$C$346,3,0))^2)/1000,0)</f>
        <v>168</v>
      </c>
      <c r="AW145">
        <f ca="1">ROUND(SQRT((VLOOKUP($A145,városok!$A$2:$C$346,2,0)-VLOOKUP(AW$1,városok!$A$2:$C$346,2,0))^2+(VLOOKUP($A145,városok!$A$2:$C$346,3,0)-VLOOKUP(AW$1,városok!$A$2:$C$346,3,0))^2)/1000,0)</f>
        <v>171</v>
      </c>
      <c r="AX145">
        <f ca="1">ROUND(SQRT((VLOOKUP($A145,városok!$A$2:$C$346,2,0)-VLOOKUP(AX$1,városok!$A$2:$C$346,2,0))^2+(VLOOKUP($A145,városok!$A$2:$C$346,3,0)-VLOOKUP(AX$1,városok!$A$2:$C$346,3,0))^2)/1000,0)</f>
        <v>109</v>
      </c>
      <c r="AY145">
        <f ca="1">ROUND(SQRT((VLOOKUP($A145,városok!$A$2:$C$346,2,0)-VLOOKUP(AY$1,városok!$A$2:$C$346,2,0))^2+(VLOOKUP($A145,városok!$A$2:$C$346,3,0)-VLOOKUP(AY$1,városok!$A$2:$C$346,3,0))^2)/1000,0)</f>
        <v>165</v>
      </c>
      <c r="AZ145">
        <f ca="1">ROUND(SQRT((VLOOKUP($A145,városok!$A$2:$C$346,2,0)-VLOOKUP(AZ$1,városok!$A$2:$C$346,2,0))^2+(VLOOKUP($A145,városok!$A$2:$C$346,3,0)-VLOOKUP(AZ$1,városok!$A$2:$C$346,3,0))^2)/1000,0)</f>
        <v>175</v>
      </c>
      <c r="BA145">
        <f ca="1">ROUND(SQRT((VLOOKUP($A145,városok!$A$2:$C$346,2,0)-VLOOKUP(BA$1,városok!$A$2:$C$346,2,0))^2+(VLOOKUP($A145,városok!$A$2:$C$346,3,0)-VLOOKUP(BA$1,városok!$A$2:$C$346,3,0))^2)/1000,0)</f>
        <v>269</v>
      </c>
      <c r="BB145">
        <f ca="1">ROUND(SQRT((VLOOKUP($A145,városok!$A$2:$C$346,2,0)-VLOOKUP(BB$1,városok!$A$2:$C$346,2,0))^2+(VLOOKUP($A145,városok!$A$2:$C$346,3,0)-VLOOKUP(BB$1,városok!$A$2:$C$346,3,0))^2)/1000,0)</f>
        <v>259</v>
      </c>
      <c r="BC145">
        <f ca="1">ROUND(SQRT((VLOOKUP($A145,városok!$A$2:$C$346,2,0)-VLOOKUP(BC$1,városok!$A$2:$C$346,2,0))^2+(VLOOKUP($A145,városok!$A$2:$C$346,3,0)-VLOOKUP(BC$1,városok!$A$2:$C$346,3,0))^2)/1000,0)</f>
        <v>277</v>
      </c>
      <c r="BD145">
        <f ca="1">ROUND(SQRT((VLOOKUP($A145,városok!$A$2:$C$346,2,0)-VLOOKUP(BD$1,városok!$A$2:$C$346,2,0))^2+(VLOOKUP($A145,városok!$A$2:$C$346,3,0)-VLOOKUP(BD$1,városok!$A$2:$C$346,3,0))^2)/1000,0)</f>
        <v>239</v>
      </c>
      <c r="BE145">
        <f ca="1">ROUND(SQRT((VLOOKUP($A145,városok!$A$2:$C$346,2,0)-VLOOKUP(BE$1,városok!$A$2:$C$346,2,0))^2+(VLOOKUP($A145,városok!$A$2:$C$346,3,0)-VLOOKUP(BE$1,városok!$A$2:$C$346,3,0))^2)/1000,0)</f>
        <v>129</v>
      </c>
      <c r="BF145">
        <f ca="1">ROUND(SQRT((VLOOKUP($A145,városok!$A$2:$C$346,2,0)-VLOOKUP(BF$1,városok!$A$2:$C$346,2,0))^2+(VLOOKUP($A145,városok!$A$2:$C$346,3,0)-VLOOKUP(BF$1,városok!$A$2:$C$346,3,0))^2)/1000,0)</f>
        <v>125</v>
      </c>
      <c r="BG145">
        <f ca="1">ROUND(SQRT((VLOOKUP($A145,városok!$A$2:$C$346,2,0)-VLOOKUP(BG$1,városok!$A$2:$C$346,2,0))^2+(VLOOKUP($A145,városok!$A$2:$C$346,3,0)-VLOOKUP(BG$1,városok!$A$2:$C$346,3,0))^2)/1000,0)</f>
        <v>96</v>
      </c>
      <c r="BH145">
        <f ca="1">ROUND(SQRT((VLOOKUP($A145,városok!$A$2:$C$346,2,0)-VLOOKUP(BH$1,városok!$A$2:$C$346,2,0))^2+(VLOOKUP($A145,városok!$A$2:$C$346,3,0)-VLOOKUP(BH$1,városok!$A$2:$C$346,3,0))^2)/1000,0)</f>
        <v>96</v>
      </c>
      <c r="BI145">
        <f ca="1">ROUND(SQRT((VLOOKUP($A145,városok!$A$2:$C$346,2,0)-VLOOKUP(BI$1,városok!$A$2:$C$346,2,0))^2+(VLOOKUP($A145,városok!$A$2:$C$346,3,0)-VLOOKUP(BI$1,városok!$A$2:$C$346,3,0))^2)/1000,0)</f>
        <v>218</v>
      </c>
      <c r="BJ145">
        <f ca="1">ROUND(SQRT((VLOOKUP($A145,városok!$A$2:$C$346,2,0)-VLOOKUP(BJ$1,városok!$A$2:$C$346,2,0))^2+(VLOOKUP($A145,városok!$A$2:$C$346,3,0)-VLOOKUP(BJ$1,városok!$A$2:$C$346,3,0))^2)/1000,0)</f>
        <v>235</v>
      </c>
      <c r="BK145">
        <f ca="1">ROUND(SQRT((VLOOKUP($A145,városok!$A$2:$C$346,2,0)-VLOOKUP(BK$1,városok!$A$2:$C$346,2,0))^2+(VLOOKUP($A145,városok!$A$2:$C$346,3,0)-VLOOKUP(BK$1,városok!$A$2:$C$346,3,0))^2)/1000,0)</f>
        <v>215</v>
      </c>
      <c r="BL145">
        <f ca="1">ROUND(SQRT((VLOOKUP($A145,városok!$A$2:$C$346,2,0)-VLOOKUP(BL$1,városok!$A$2:$C$346,2,0))^2+(VLOOKUP($A145,városok!$A$2:$C$346,3,0)-VLOOKUP(BL$1,városok!$A$2:$C$346,3,0))^2)/1000,0)</f>
        <v>347</v>
      </c>
      <c r="BM145">
        <f ca="1">ROUND(SQRT((VLOOKUP($A145,városok!$A$2:$C$346,2,0)-VLOOKUP(BM$1,városok!$A$2:$C$346,2,0))^2+(VLOOKUP($A145,városok!$A$2:$C$346,3,0)-VLOOKUP(BM$1,városok!$A$2:$C$346,3,0))^2)/1000,0)</f>
        <v>320</v>
      </c>
      <c r="BN145">
        <f ca="1">ROUND(SQRT((VLOOKUP($A145,városok!$A$2:$C$346,2,0)-VLOOKUP(BN$1,városok!$A$2:$C$346,2,0))^2+(VLOOKUP($A145,városok!$A$2:$C$346,3,0)-VLOOKUP(BN$1,városok!$A$2:$C$346,3,0))^2)/1000,0)</f>
        <v>344</v>
      </c>
      <c r="BO145">
        <f ca="1">ROUND(SQRT((VLOOKUP($A145,városok!$A$2:$C$346,2,0)-VLOOKUP(BO$1,városok!$A$2:$C$346,2,0))^2+(VLOOKUP($A145,városok!$A$2:$C$346,3,0)-VLOOKUP(BO$1,városok!$A$2:$C$346,3,0))^2)/1000,0)</f>
        <v>241</v>
      </c>
      <c r="BP145">
        <f ca="1">ROUND(SQRT((VLOOKUP($A145,városok!$A$2:$C$346,2,0)-VLOOKUP(BP$1,városok!$A$2:$C$346,2,0))^2+(VLOOKUP($A145,városok!$A$2:$C$346,3,0)-VLOOKUP(BP$1,városok!$A$2:$C$346,3,0))^2)/1000,0)</f>
        <v>234</v>
      </c>
      <c r="BQ145">
        <f ca="1">ROUND(SQRT((VLOOKUP($A145,városok!$A$2:$C$346,2,0)-VLOOKUP(BQ$1,városok!$A$2:$C$346,2,0))^2+(VLOOKUP($A145,városok!$A$2:$C$346,3,0)-VLOOKUP(BQ$1,városok!$A$2:$C$346,3,0))^2)/1000,0)</f>
        <v>248</v>
      </c>
      <c r="BR145">
        <f ca="1">ROUND(SQRT((VLOOKUP($A145,városok!$A$2:$C$346,2,0)-VLOOKUP(BR$1,városok!$A$2:$C$346,2,0))^2+(VLOOKUP($A145,városok!$A$2:$C$346,3,0)-VLOOKUP(BR$1,városok!$A$2:$C$346,3,0))^2)/1000,0)</f>
        <v>303</v>
      </c>
      <c r="BS145">
        <f ca="1">ROUND(SQRT((VLOOKUP($A145,városok!$A$2:$C$346,2,0)-VLOOKUP(BS$1,városok!$A$2:$C$346,2,0))^2+(VLOOKUP($A145,városok!$A$2:$C$346,3,0)-VLOOKUP(BS$1,városok!$A$2:$C$346,3,0))^2)/1000,0)</f>
        <v>331</v>
      </c>
      <c r="BT145">
        <f ca="1">ROUND(SQRT((VLOOKUP($A145,városok!$A$2:$C$346,2,0)-VLOOKUP(BT$1,városok!$A$2:$C$346,2,0))^2+(VLOOKUP($A145,városok!$A$2:$C$346,3,0)-VLOOKUP(BT$1,városok!$A$2:$C$346,3,0))^2)/1000,0)</f>
        <v>332</v>
      </c>
    </row>
    <row r="146" spans="1:72" x14ac:dyDescent="0.2">
      <c r="A146" t="str">
        <f>városok!A146</f>
        <v>Téglás</v>
      </c>
      <c r="B146">
        <f ca="1">ROUND(SQRT((VLOOKUP($A146,városok!$A$2:$C$346,2,0)-VLOOKUP(B$1,városok!$A$2:$C$346,2,0))^2+(VLOOKUP($A146,városok!$A$2:$C$346,3,0)-VLOOKUP(B$1,városok!$A$2:$C$346,3,0))^2)/1000,0)</f>
        <v>267</v>
      </c>
      <c r="C146">
        <f ca="1">ROUND(SQRT((VLOOKUP($A146,városok!$A$2:$C$346,2,0)-VLOOKUP(C$1,városok!$A$2:$C$346,2,0))^2+(VLOOKUP($A146,városok!$A$2:$C$346,3,0)-VLOOKUP(C$1,városok!$A$2:$C$346,3,0))^2)/1000,0)</f>
        <v>243</v>
      </c>
      <c r="D146">
        <f ca="1">ROUND(SQRT((VLOOKUP($A146,városok!$A$2:$C$346,2,0)-VLOOKUP(D$1,városok!$A$2:$C$346,2,0))^2+(VLOOKUP($A146,városok!$A$2:$C$346,3,0)-VLOOKUP(D$1,városok!$A$2:$C$346,3,0))^2)/1000,0)</f>
        <v>175</v>
      </c>
      <c r="E146">
        <f ca="1">ROUND(SQRT((VLOOKUP($A146,városok!$A$2:$C$346,2,0)-VLOOKUP(E$1,városok!$A$2:$C$346,2,0))^2+(VLOOKUP($A146,városok!$A$2:$C$346,3,0)-VLOOKUP(E$1,városok!$A$2:$C$346,3,0))^2)/1000,0)</f>
        <v>310</v>
      </c>
      <c r="F146">
        <f ca="1">ROUND(SQRT((VLOOKUP($A146,városok!$A$2:$C$346,2,0)-VLOOKUP(F$1,városok!$A$2:$C$346,2,0))^2+(VLOOKUP($A146,városok!$A$2:$C$346,3,0)-VLOOKUP(F$1,városok!$A$2:$C$346,3,0))^2)/1000,0)</f>
        <v>298</v>
      </c>
      <c r="G146">
        <f ca="1">ROUND(SQRT((VLOOKUP($A146,városok!$A$2:$C$346,2,0)-VLOOKUP(G$1,városok!$A$2:$C$346,2,0))^2+(VLOOKUP($A146,városok!$A$2:$C$346,3,0)-VLOOKUP(G$1,városok!$A$2:$C$346,3,0))^2)/1000,0)</f>
        <v>318</v>
      </c>
      <c r="H146">
        <f ca="1">ROUND(SQRT((VLOOKUP($A146,városok!$A$2:$C$346,2,0)-VLOOKUP(H$1,városok!$A$2:$C$346,2,0))^2+(VLOOKUP($A146,városok!$A$2:$C$346,3,0)-VLOOKUP(H$1,városok!$A$2:$C$346,3,0))^2)/1000,0)</f>
        <v>349</v>
      </c>
      <c r="I146">
        <f ca="1">ROUND(SQRT((VLOOKUP($A146,városok!$A$2:$C$346,2,0)-VLOOKUP(I$1,városok!$A$2:$C$346,2,0))^2+(VLOOKUP($A146,városok!$A$2:$C$346,3,0)-VLOOKUP(I$1,városok!$A$2:$C$346,3,0))^2)/1000,0)</f>
        <v>124</v>
      </c>
      <c r="J146">
        <f ca="1">ROUND(SQRT((VLOOKUP($A146,városok!$A$2:$C$346,2,0)-VLOOKUP(J$1,városok!$A$2:$C$346,2,0))^2+(VLOOKUP($A146,városok!$A$2:$C$346,3,0)-VLOOKUP(J$1,városok!$A$2:$C$346,3,0))^2)/1000,0)</f>
        <v>123</v>
      </c>
      <c r="K146">
        <f ca="1">ROUND(SQRT((VLOOKUP($A146,városok!$A$2:$C$346,2,0)-VLOOKUP(K$1,városok!$A$2:$C$346,2,0))^2+(VLOOKUP($A146,városok!$A$2:$C$346,3,0)-VLOOKUP(K$1,városok!$A$2:$C$346,3,0))^2)/1000,0)</f>
        <v>149</v>
      </c>
      <c r="L146">
        <f ca="1">ROUND(SQRT((VLOOKUP($A146,városok!$A$2:$C$346,2,0)-VLOOKUP(L$1,városok!$A$2:$C$346,2,0))^2+(VLOOKUP($A146,városok!$A$2:$C$346,3,0)-VLOOKUP(L$1,városok!$A$2:$C$346,3,0))^2)/1000,0)</f>
        <v>98</v>
      </c>
      <c r="M146">
        <f ca="1">ROUND(SQRT((VLOOKUP($A146,városok!$A$2:$C$346,2,0)-VLOOKUP(M$1,városok!$A$2:$C$346,2,0))^2+(VLOOKUP($A146,városok!$A$2:$C$346,3,0)-VLOOKUP(M$1,városok!$A$2:$C$346,3,0))^2)/1000,0)</f>
        <v>79</v>
      </c>
      <c r="N146">
        <f ca="1">ROUND(SQRT((VLOOKUP($A146,városok!$A$2:$C$346,2,0)-VLOOKUP(N$1,városok!$A$2:$C$346,2,0))^2+(VLOOKUP($A146,városok!$A$2:$C$346,3,0)-VLOOKUP(N$1,városok!$A$2:$C$346,3,0))^2)/1000,0)</f>
        <v>118</v>
      </c>
      <c r="O146">
        <f ca="1">ROUND(SQRT((VLOOKUP($A146,városok!$A$2:$C$346,2,0)-VLOOKUP(O$1,városok!$A$2:$C$346,2,0))^2+(VLOOKUP($A146,városok!$A$2:$C$346,3,0)-VLOOKUP(O$1,városok!$A$2:$C$346,3,0))^2)/1000,0)</f>
        <v>76</v>
      </c>
      <c r="P146">
        <f ca="1">ROUND(SQRT((VLOOKUP($A146,városok!$A$2:$C$346,2,0)-VLOOKUP(P$1,városok!$A$2:$C$346,2,0))^2+(VLOOKUP($A146,városok!$A$2:$C$346,3,0)-VLOOKUP(P$1,városok!$A$2:$C$346,3,0))^2)/1000,0)</f>
        <v>76</v>
      </c>
      <c r="Q146">
        <f ca="1">ROUND(SQRT((VLOOKUP($A146,városok!$A$2:$C$346,2,0)-VLOOKUP(Q$1,városok!$A$2:$C$346,2,0))^2+(VLOOKUP($A146,városok!$A$2:$C$346,3,0)-VLOOKUP(Q$1,városok!$A$2:$C$346,3,0))^2)/1000,0)</f>
        <v>177</v>
      </c>
      <c r="R146">
        <f ca="1">ROUND(SQRT((VLOOKUP($A146,városok!$A$2:$C$346,2,0)-VLOOKUP(R$1,városok!$A$2:$C$346,2,0))^2+(VLOOKUP($A146,városok!$A$2:$C$346,3,0)-VLOOKUP(R$1,városok!$A$2:$C$346,3,0))^2)/1000,0)</f>
        <v>190</v>
      </c>
      <c r="S146">
        <f ca="1">ROUND(SQRT((VLOOKUP($A146,városok!$A$2:$C$346,2,0)-VLOOKUP(S$1,városok!$A$2:$C$346,2,0))^2+(VLOOKUP($A146,városok!$A$2:$C$346,3,0)-VLOOKUP(S$1,városok!$A$2:$C$346,3,0))^2)/1000,0)</f>
        <v>200</v>
      </c>
      <c r="T146">
        <f ca="1">ROUND(SQRT((VLOOKUP($A146,városok!$A$2:$C$346,2,0)-VLOOKUP(T$1,városok!$A$2:$C$346,2,0))^2+(VLOOKUP($A146,városok!$A$2:$C$346,3,0)-VLOOKUP(T$1,városok!$A$2:$C$346,3,0))^2)/1000,0)</f>
        <v>230</v>
      </c>
      <c r="U146">
        <f ca="1">ROUND(SQRT((VLOOKUP($A146,városok!$A$2:$C$346,2,0)-VLOOKUP(U$1,városok!$A$2:$C$346,2,0))^2+(VLOOKUP($A146,városok!$A$2:$C$346,3,0)-VLOOKUP(U$1,városok!$A$2:$C$346,3,0))^2)/1000,0)</f>
        <v>223</v>
      </c>
      <c r="V146">
        <f ca="1">ROUND(SQRT((VLOOKUP($A146,városok!$A$2:$C$346,2,0)-VLOOKUP(V$1,városok!$A$2:$C$346,2,0))^2+(VLOOKUP($A146,városok!$A$2:$C$346,3,0)-VLOOKUP(V$1,városok!$A$2:$C$346,3,0))^2)/1000,0)</f>
        <v>265</v>
      </c>
      <c r="W146">
        <f ca="1">ROUND(SQRT((VLOOKUP($A146,városok!$A$2:$C$346,2,0)-VLOOKUP(W$1,városok!$A$2:$C$346,2,0))^2+(VLOOKUP($A146,városok!$A$2:$C$346,3,0)-VLOOKUP(W$1,városok!$A$2:$C$346,3,0))^2)/1000,0)</f>
        <v>248</v>
      </c>
      <c r="X146">
        <f ca="1">ROUND(SQRT((VLOOKUP($A146,városok!$A$2:$C$346,2,0)-VLOOKUP(X$1,városok!$A$2:$C$346,2,0))^2+(VLOOKUP($A146,városok!$A$2:$C$346,3,0)-VLOOKUP(X$1,városok!$A$2:$C$346,3,0))^2)/1000,0)</f>
        <v>256</v>
      </c>
      <c r="Y146">
        <f ca="1">ROUND(SQRT((VLOOKUP($A146,városok!$A$2:$C$346,2,0)-VLOOKUP(Y$1,városok!$A$2:$C$346,2,0))^2+(VLOOKUP($A146,városok!$A$2:$C$346,3,0)-VLOOKUP(Y$1,városok!$A$2:$C$346,3,0))^2)/1000,0)</f>
        <v>303</v>
      </c>
      <c r="Z146">
        <f ca="1">ROUND(SQRT((VLOOKUP($A146,városok!$A$2:$C$346,2,0)-VLOOKUP(Z$1,városok!$A$2:$C$346,2,0))^2+(VLOOKUP($A146,városok!$A$2:$C$346,3,0)-VLOOKUP(Z$1,városok!$A$2:$C$346,3,0))^2)/1000,0)</f>
        <v>321</v>
      </c>
      <c r="AA146">
        <f ca="1">ROUND(SQRT((VLOOKUP($A146,városok!$A$2:$C$346,2,0)-VLOOKUP(AA$1,városok!$A$2:$C$346,2,0))^2+(VLOOKUP($A146,városok!$A$2:$C$346,3,0)-VLOOKUP(AA$1,városok!$A$2:$C$346,3,0))^2)/1000,0)</f>
        <v>382</v>
      </c>
      <c r="AB146">
        <f ca="1">ROUND(SQRT((VLOOKUP($A146,városok!$A$2:$C$346,2,0)-VLOOKUP(AB$1,városok!$A$2:$C$346,2,0))^2+(VLOOKUP($A146,városok!$A$2:$C$346,3,0)-VLOOKUP(AB$1,városok!$A$2:$C$346,3,0))^2)/1000,0)</f>
        <v>21</v>
      </c>
      <c r="AC146">
        <f ca="1">ROUND(SQRT((VLOOKUP($A146,városok!$A$2:$C$346,2,0)-VLOOKUP(AC$1,városok!$A$2:$C$346,2,0))^2+(VLOOKUP($A146,városok!$A$2:$C$346,3,0)-VLOOKUP(AC$1,városok!$A$2:$C$346,3,0))^2)/1000,0)</f>
        <v>37</v>
      </c>
      <c r="AD146">
        <f ca="1">ROUND(SQRT((VLOOKUP($A146,városok!$A$2:$C$346,2,0)-VLOOKUP(AD$1,városok!$A$2:$C$346,2,0))^2+(VLOOKUP($A146,városok!$A$2:$C$346,3,0)-VLOOKUP(AD$1,városok!$A$2:$C$346,3,0))^2)/1000,0)</f>
        <v>50</v>
      </c>
      <c r="AE146">
        <f ca="1">ROUND(SQRT((VLOOKUP($A146,városok!$A$2:$C$346,2,0)-VLOOKUP(AE$1,városok!$A$2:$C$346,2,0))^2+(VLOOKUP($A146,városok!$A$2:$C$346,3,0)-VLOOKUP(AE$1,városok!$A$2:$C$346,3,0))^2)/1000,0)</f>
        <v>61</v>
      </c>
      <c r="AF146">
        <f ca="1">ROUND(SQRT((VLOOKUP($A146,városok!$A$2:$C$346,2,0)-VLOOKUP(AF$1,városok!$A$2:$C$346,2,0))^2+(VLOOKUP($A146,városok!$A$2:$C$346,3,0)-VLOOKUP(AF$1,városok!$A$2:$C$346,3,0))^2)/1000,0)</f>
        <v>99</v>
      </c>
      <c r="AG146">
        <f ca="1">ROUND(SQRT((VLOOKUP($A146,városok!$A$2:$C$346,2,0)-VLOOKUP(AG$1,városok!$A$2:$C$346,2,0))^2+(VLOOKUP($A146,városok!$A$2:$C$346,3,0)-VLOOKUP(AG$1,városok!$A$2:$C$346,3,0))^2)/1000,0)</f>
        <v>131</v>
      </c>
      <c r="AH146">
        <f ca="1">ROUND(SQRT((VLOOKUP($A146,városok!$A$2:$C$346,2,0)-VLOOKUP(AH$1,városok!$A$2:$C$346,2,0))^2+(VLOOKUP($A146,városok!$A$2:$C$346,3,0)-VLOOKUP(AH$1,városok!$A$2:$C$346,3,0))^2)/1000,0)</f>
        <v>150</v>
      </c>
      <c r="AI146">
        <f ca="1">ROUND(SQRT((VLOOKUP($A146,városok!$A$2:$C$346,2,0)-VLOOKUP(AI$1,városok!$A$2:$C$346,2,0))^2+(VLOOKUP($A146,városok!$A$2:$C$346,3,0)-VLOOKUP(AI$1,városok!$A$2:$C$346,3,0))^2)/1000,0)</f>
        <v>123</v>
      </c>
      <c r="AJ146">
        <f ca="1">ROUND(SQRT((VLOOKUP($A146,városok!$A$2:$C$346,2,0)-VLOOKUP(AJ$1,városok!$A$2:$C$346,2,0))^2+(VLOOKUP($A146,városok!$A$2:$C$346,3,0)-VLOOKUP(AJ$1,városok!$A$2:$C$346,3,0))^2)/1000,0)</f>
        <v>128</v>
      </c>
      <c r="AK146">
        <f ca="1">ROUND(SQRT((VLOOKUP($A146,városok!$A$2:$C$346,2,0)-VLOOKUP(AK$1,városok!$A$2:$C$346,2,0))^2+(VLOOKUP($A146,városok!$A$2:$C$346,3,0)-VLOOKUP(AK$1,városok!$A$2:$C$346,3,0))^2)/1000,0)</f>
        <v>71</v>
      </c>
      <c r="AL146">
        <f ca="1">ROUND(SQRT((VLOOKUP($A146,városok!$A$2:$C$346,2,0)-VLOOKUP(AL$1,városok!$A$2:$C$346,2,0))^2+(VLOOKUP($A146,városok!$A$2:$C$346,3,0)-VLOOKUP(AL$1,városok!$A$2:$C$346,3,0))^2)/1000,0)</f>
        <v>88</v>
      </c>
      <c r="AM146">
        <f ca="1">ROUND(SQRT((VLOOKUP($A146,városok!$A$2:$C$346,2,0)-VLOOKUP(AM$1,városok!$A$2:$C$346,2,0))^2+(VLOOKUP($A146,városok!$A$2:$C$346,3,0)-VLOOKUP(AM$1,városok!$A$2:$C$346,3,0))^2)/1000,0)</f>
        <v>127</v>
      </c>
      <c r="AN146">
        <f ca="1">ROUND(SQRT((VLOOKUP($A146,városok!$A$2:$C$346,2,0)-VLOOKUP(AN$1,városok!$A$2:$C$346,2,0))^2+(VLOOKUP($A146,városok!$A$2:$C$346,3,0)-VLOOKUP(AN$1,városok!$A$2:$C$346,3,0))^2)/1000,0)</f>
        <v>220</v>
      </c>
      <c r="AO146">
        <f ca="1">ROUND(SQRT((VLOOKUP($A146,városok!$A$2:$C$346,2,0)-VLOOKUP(AO$1,városok!$A$2:$C$346,2,0))^2+(VLOOKUP($A146,városok!$A$2:$C$346,3,0)-VLOOKUP(AO$1,városok!$A$2:$C$346,3,0))^2)/1000,0)</f>
        <v>266</v>
      </c>
      <c r="AP146">
        <f ca="1">ROUND(SQRT((VLOOKUP($A146,városok!$A$2:$C$346,2,0)-VLOOKUP(AP$1,városok!$A$2:$C$346,2,0))^2+(VLOOKUP($A146,városok!$A$2:$C$346,3,0)-VLOOKUP(AP$1,városok!$A$2:$C$346,3,0))^2)/1000,0)</f>
        <v>251</v>
      </c>
      <c r="AQ146">
        <f ca="1">ROUND(SQRT((VLOOKUP($A146,városok!$A$2:$C$346,2,0)-VLOOKUP(AQ$1,városok!$A$2:$C$346,2,0))^2+(VLOOKUP($A146,városok!$A$2:$C$346,3,0)-VLOOKUP(AQ$1,városok!$A$2:$C$346,3,0))^2)/1000,0)</f>
        <v>246</v>
      </c>
      <c r="AR146">
        <f ca="1">ROUND(SQRT((VLOOKUP($A146,városok!$A$2:$C$346,2,0)-VLOOKUP(AR$1,városok!$A$2:$C$346,2,0))^2+(VLOOKUP($A146,városok!$A$2:$C$346,3,0)-VLOOKUP(AR$1,városok!$A$2:$C$346,3,0))^2)/1000,0)</f>
        <v>150</v>
      </c>
      <c r="AS146">
        <f ca="1">ROUND(SQRT((VLOOKUP($A146,városok!$A$2:$C$346,2,0)-VLOOKUP(AS$1,városok!$A$2:$C$346,2,0))^2+(VLOOKUP($A146,városok!$A$2:$C$346,3,0)-VLOOKUP(AS$1,városok!$A$2:$C$346,3,0))^2)/1000,0)</f>
        <v>146</v>
      </c>
      <c r="AT146">
        <f ca="1">ROUND(SQRT((VLOOKUP($A146,városok!$A$2:$C$346,2,0)-VLOOKUP(AT$1,városok!$A$2:$C$346,2,0))^2+(VLOOKUP($A146,városok!$A$2:$C$346,3,0)-VLOOKUP(AT$1,városok!$A$2:$C$346,3,0))^2)/1000,0)</f>
        <v>216</v>
      </c>
      <c r="AU146">
        <f ca="1">ROUND(SQRT((VLOOKUP($A146,városok!$A$2:$C$346,2,0)-VLOOKUP(AU$1,városok!$A$2:$C$346,2,0))^2+(VLOOKUP($A146,városok!$A$2:$C$346,3,0)-VLOOKUP(AU$1,városok!$A$2:$C$346,3,0))^2)/1000,0)</f>
        <v>206</v>
      </c>
      <c r="AV146">
        <f ca="1">ROUND(SQRT((VLOOKUP($A146,városok!$A$2:$C$346,2,0)-VLOOKUP(AV$1,városok!$A$2:$C$346,2,0))^2+(VLOOKUP($A146,városok!$A$2:$C$346,3,0)-VLOOKUP(AV$1,városok!$A$2:$C$346,3,0))^2)/1000,0)</f>
        <v>208</v>
      </c>
      <c r="AW146">
        <f ca="1">ROUND(SQRT((VLOOKUP($A146,városok!$A$2:$C$346,2,0)-VLOOKUP(AW$1,városok!$A$2:$C$346,2,0))^2+(VLOOKUP($A146,városok!$A$2:$C$346,3,0)-VLOOKUP(AW$1,városok!$A$2:$C$346,3,0))^2)/1000,0)</f>
        <v>211</v>
      </c>
      <c r="AX146">
        <f ca="1">ROUND(SQRT((VLOOKUP($A146,városok!$A$2:$C$346,2,0)-VLOOKUP(AX$1,városok!$A$2:$C$346,2,0))^2+(VLOOKUP($A146,városok!$A$2:$C$346,3,0)-VLOOKUP(AX$1,városok!$A$2:$C$346,3,0))^2)/1000,0)</f>
        <v>162</v>
      </c>
      <c r="AY146">
        <f ca="1">ROUND(SQRT((VLOOKUP($A146,városok!$A$2:$C$346,2,0)-VLOOKUP(AY$1,városok!$A$2:$C$346,2,0))^2+(VLOOKUP($A146,városok!$A$2:$C$346,3,0)-VLOOKUP(AY$1,városok!$A$2:$C$346,3,0))^2)/1000,0)</f>
        <v>196</v>
      </c>
      <c r="AZ146">
        <f ca="1">ROUND(SQRT((VLOOKUP($A146,városok!$A$2:$C$346,2,0)-VLOOKUP(AZ$1,városok!$A$2:$C$346,2,0))^2+(VLOOKUP($A146,városok!$A$2:$C$346,3,0)-VLOOKUP(AZ$1,városok!$A$2:$C$346,3,0))^2)/1000,0)</f>
        <v>203</v>
      </c>
      <c r="BA146">
        <f ca="1">ROUND(SQRT((VLOOKUP($A146,városok!$A$2:$C$346,2,0)-VLOOKUP(BA$1,városok!$A$2:$C$346,2,0))^2+(VLOOKUP($A146,városok!$A$2:$C$346,3,0)-VLOOKUP(BA$1,városok!$A$2:$C$346,3,0))^2)/1000,0)</f>
        <v>318</v>
      </c>
      <c r="BB146">
        <f ca="1">ROUND(SQRT((VLOOKUP($A146,városok!$A$2:$C$346,2,0)-VLOOKUP(BB$1,városok!$A$2:$C$346,2,0))^2+(VLOOKUP($A146,városok!$A$2:$C$346,3,0)-VLOOKUP(BB$1,városok!$A$2:$C$346,3,0))^2)/1000,0)</f>
        <v>312</v>
      </c>
      <c r="BC146">
        <f ca="1">ROUND(SQRT((VLOOKUP($A146,városok!$A$2:$C$346,2,0)-VLOOKUP(BC$1,városok!$A$2:$C$346,2,0))^2+(VLOOKUP($A146,városok!$A$2:$C$346,3,0)-VLOOKUP(BC$1,városok!$A$2:$C$346,3,0))^2)/1000,0)</f>
        <v>331</v>
      </c>
      <c r="BD146">
        <f ca="1">ROUND(SQRT((VLOOKUP($A146,városok!$A$2:$C$346,2,0)-VLOOKUP(BD$1,városok!$A$2:$C$346,2,0))^2+(VLOOKUP($A146,városok!$A$2:$C$346,3,0)-VLOOKUP(BD$1,városok!$A$2:$C$346,3,0))^2)/1000,0)</f>
        <v>287</v>
      </c>
      <c r="BE146">
        <f ca="1">ROUND(SQRT((VLOOKUP($A146,városok!$A$2:$C$346,2,0)-VLOOKUP(BE$1,városok!$A$2:$C$346,2,0))^2+(VLOOKUP($A146,városok!$A$2:$C$346,3,0)-VLOOKUP(BE$1,városok!$A$2:$C$346,3,0))^2)/1000,0)</f>
        <v>76</v>
      </c>
      <c r="BF146">
        <f ca="1">ROUND(SQRT((VLOOKUP($A146,városok!$A$2:$C$346,2,0)-VLOOKUP(BF$1,városok!$A$2:$C$346,2,0))^2+(VLOOKUP($A146,városok!$A$2:$C$346,3,0)-VLOOKUP(BF$1,városok!$A$2:$C$346,3,0))^2)/1000,0)</f>
        <v>64</v>
      </c>
      <c r="BG146">
        <f ca="1">ROUND(SQRT((VLOOKUP($A146,városok!$A$2:$C$346,2,0)-VLOOKUP(BG$1,városok!$A$2:$C$346,2,0))^2+(VLOOKUP($A146,városok!$A$2:$C$346,3,0)-VLOOKUP(BG$1,városok!$A$2:$C$346,3,0))^2)/1000,0)</f>
        <v>48</v>
      </c>
      <c r="BH146">
        <f ca="1">ROUND(SQRT((VLOOKUP($A146,városok!$A$2:$C$346,2,0)-VLOOKUP(BH$1,városok!$A$2:$C$346,2,0))^2+(VLOOKUP($A146,városok!$A$2:$C$346,3,0)-VLOOKUP(BH$1,városok!$A$2:$C$346,3,0))^2)/1000,0)</f>
        <v>48</v>
      </c>
      <c r="BI146">
        <f ca="1">ROUND(SQRT((VLOOKUP($A146,városok!$A$2:$C$346,2,0)-VLOOKUP(BI$1,városok!$A$2:$C$346,2,0))^2+(VLOOKUP($A146,városok!$A$2:$C$346,3,0)-VLOOKUP(BI$1,városok!$A$2:$C$346,3,0))^2)/1000,0)</f>
        <v>274</v>
      </c>
      <c r="BJ146">
        <f ca="1">ROUND(SQRT((VLOOKUP($A146,városok!$A$2:$C$346,2,0)-VLOOKUP(BJ$1,városok!$A$2:$C$346,2,0))^2+(VLOOKUP($A146,városok!$A$2:$C$346,3,0)-VLOOKUP(BJ$1,városok!$A$2:$C$346,3,0))^2)/1000,0)</f>
        <v>292</v>
      </c>
      <c r="BK146">
        <f ca="1">ROUND(SQRT((VLOOKUP($A146,városok!$A$2:$C$346,2,0)-VLOOKUP(BK$1,városok!$A$2:$C$346,2,0))^2+(VLOOKUP($A146,városok!$A$2:$C$346,3,0)-VLOOKUP(BK$1,városok!$A$2:$C$346,3,0))^2)/1000,0)</f>
        <v>272</v>
      </c>
      <c r="BL146">
        <f ca="1">ROUND(SQRT((VLOOKUP($A146,városok!$A$2:$C$346,2,0)-VLOOKUP(BL$1,városok!$A$2:$C$346,2,0))^2+(VLOOKUP($A146,városok!$A$2:$C$346,3,0)-VLOOKUP(BL$1,városok!$A$2:$C$346,3,0))^2)/1000,0)</f>
        <v>391</v>
      </c>
      <c r="BM146">
        <f ca="1">ROUND(SQRT((VLOOKUP($A146,városok!$A$2:$C$346,2,0)-VLOOKUP(BM$1,városok!$A$2:$C$346,2,0))^2+(VLOOKUP($A146,városok!$A$2:$C$346,3,0)-VLOOKUP(BM$1,városok!$A$2:$C$346,3,0))^2)/1000,0)</f>
        <v>361</v>
      </c>
      <c r="BN146">
        <f ca="1">ROUND(SQRT((VLOOKUP($A146,városok!$A$2:$C$346,2,0)-VLOOKUP(BN$1,városok!$A$2:$C$346,2,0))^2+(VLOOKUP($A146,városok!$A$2:$C$346,3,0)-VLOOKUP(BN$1,városok!$A$2:$C$346,3,0))^2)/1000,0)</f>
        <v>384</v>
      </c>
      <c r="BO146">
        <f ca="1">ROUND(SQRT((VLOOKUP($A146,városok!$A$2:$C$346,2,0)-VLOOKUP(BO$1,városok!$A$2:$C$346,2,0))^2+(VLOOKUP($A146,városok!$A$2:$C$346,3,0)-VLOOKUP(BO$1,városok!$A$2:$C$346,3,0))^2)/1000,0)</f>
        <v>287</v>
      </c>
      <c r="BP146">
        <f ca="1">ROUND(SQRT((VLOOKUP($A146,városok!$A$2:$C$346,2,0)-VLOOKUP(BP$1,városok!$A$2:$C$346,2,0))^2+(VLOOKUP($A146,városok!$A$2:$C$346,3,0)-VLOOKUP(BP$1,városok!$A$2:$C$346,3,0))^2)/1000,0)</f>
        <v>279</v>
      </c>
      <c r="BQ146">
        <f ca="1">ROUND(SQRT((VLOOKUP($A146,városok!$A$2:$C$346,2,0)-VLOOKUP(BQ$1,városok!$A$2:$C$346,2,0))^2+(VLOOKUP($A146,városok!$A$2:$C$346,3,0)-VLOOKUP(BQ$1,városok!$A$2:$C$346,3,0))^2)/1000,0)</f>
        <v>292</v>
      </c>
      <c r="BR146">
        <f ca="1">ROUND(SQRT((VLOOKUP($A146,városok!$A$2:$C$346,2,0)-VLOOKUP(BR$1,városok!$A$2:$C$346,2,0))^2+(VLOOKUP($A146,városok!$A$2:$C$346,3,0)-VLOOKUP(BR$1,városok!$A$2:$C$346,3,0))^2)/1000,0)</f>
        <v>350</v>
      </c>
      <c r="BS146">
        <f ca="1">ROUND(SQRT((VLOOKUP($A146,városok!$A$2:$C$346,2,0)-VLOOKUP(BS$1,városok!$A$2:$C$346,2,0))^2+(VLOOKUP($A146,városok!$A$2:$C$346,3,0)-VLOOKUP(BS$1,városok!$A$2:$C$346,3,0))^2)/1000,0)</f>
        <v>382</v>
      </c>
      <c r="BT146">
        <f ca="1">ROUND(SQRT((VLOOKUP($A146,városok!$A$2:$C$346,2,0)-VLOOKUP(BT$1,városok!$A$2:$C$346,2,0))^2+(VLOOKUP($A146,városok!$A$2:$C$346,3,0)-VLOOKUP(BT$1,városok!$A$2:$C$346,3,0))^2)/1000,0)</f>
        <v>378</v>
      </c>
    </row>
    <row r="147" spans="1:72" x14ac:dyDescent="0.2">
      <c r="A147" t="str">
        <f>városok!A147</f>
        <v>Tiszacsege</v>
      </c>
      <c r="B147">
        <f ca="1">ROUND(SQRT((VLOOKUP($A147,városok!$A$2:$C$346,2,0)-VLOOKUP(B$1,városok!$A$2:$C$346,2,0))^2+(VLOOKUP($A147,városok!$A$2:$C$346,3,0)-VLOOKUP(B$1,városok!$A$2:$C$346,3,0))^2)/1000,0)</f>
        <v>228</v>
      </c>
      <c r="C147">
        <f ca="1">ROUND(SQRT((VLOOKUP($A147,városok!$A$2:$C$346,2,0)-VLOOKUP(C$1,városok!$A$2:$C$346,2,0))^2+(VLOOKUP($A147,városok!$A$2:$C$346,3,0)-VLOOKUP(C$1,városok!$A$2:$C$346,3,0))^2)/1000,0)</f>
        <v>200</v>
      </c>
      <c r="D147">
        <f ca="1">ROUND(SQRT((VLOOKUP($A147,városok!$A$2:$C$346,2,0)-VLOOKUP(D$1,városok!$A$2:$C$346,2,0))^2+(VLOOKUP($A147,városok!$A$2:$C$346,3,0)-VLOOKUP(D$1,városok!$A$2:$C$346,3,0))^2)/1000,0)</f>
        <v>131</v>
      </c>
      <c r="E147">
        <f ca="1">ROUND(SQRT((VLOOKUP($A147,városok!$A$2:$C$346,2,0)-VLOOKUP(E$1,városok!$A$2:$C$346,2,0))^2+(VLOOKUP($A147,városok!$A$2:$C$346,3,0)-VLOOKUP(E$1,városok!$A$2:$C$346,3,0))^2)/1000,0)</f>
        <v>267</v>
      </c>
      <c r="F147">
        <f ca="1">ROUND(SQRT((VLOOKUP($A147,városok!$A$2:$C$346,2,0)-VLOOKUP(F$1,városok!$A$2:$C$346,2,0))^2+(VLOOKUP($A147,városok!$A$2:$C$346,3,0)-VLOOKUP(F$1,városok!$A$2:$C$346,3,0))^2)/1000,0)</f>
        <v>258</v>
      </c>
      <c r="G147">
        <f ca="1">ROUND(SQRT((VLOOKUP($A147,városok!$A$2:$C$346,2,0)-VLOOKUP(G$1,városok!$A$2:$C$346,2,0))^2+(VLOOKUP($A147,városok!$A$2:$C$346,3,0)-VLOOKUP(G$1,városok!$A$2:$C$346,3,0))^2)/1000,0)</f>
        <v>276</v>
      </c>
      <c r="H147">
        <f ca="1">ROUND(SQRT((VLOOKUP($A147,városok!$A$2:$C$346,2,0)-VLOOKUP(H$1,városok!$A$2:$C$346,2,0))^2+(VLOOKUP($A147,városok!$A$2:$C$346,3,0)-VLOOKUP(H$1,városok!$A$2:$C$346,3,0))^2)/1000,0)</f>
        <v>304</v>
      </c>
      <c r="I147">
        <f ca="1">ROUND(SQRT((VLOOKUP($A147,városok!$A$2:$C$346,2,0)-VLOOKUP(I$1,városok!$A$2:$C$346,2,0))^2+(VLOOKUP($A147,városok!$A$2:$C$346,3,0)-VLOOKUP(I$1,városok!$A$2:$C$346,3,0))^2)/1000,0)</f>
        <v>114</v>
      </c>
      <c r="J147">
        <f ca="1">ROUND(SQRT((VLOOKUP($A147,városok!$A$2:$C$346,2,0)-VLOOKUP(J$1,városok!$A$2:$C$346,2,0))^2+(VLOOKUP($A147,városok!$A$2:$C$346,3,0)-VLOOKUP(J$1,városok!$A$2:$C$346,3,0))^2)/1000,0)</f>
        <v>119</v>
      </c>
      <c r="K147">
        <f ca="1">ROUND(SQRT((VLOOKUP($A147,városok!$A$2:$C$346,2,0)-VLOOKUP(K$1,városok!$A$2:$C$346,2,0))^2+(VLOOKUP($A147,városok!$A$2:$C$346,3,0)-VLOOKUP(K$1,városok!$A$2:$C$346,3,0))^2)/1000,0)</f>
        <v>128</v>
      </c>
      <c r="L147">
        <f ca="1">ROUND(SQRT((VLOOKUP($A147,városok!$A$2:$C$346,2,0)-VLOOKUP(L$1,városok!$A$2:$C$346,2,0))^2+(VLOOKUP($A147,városok!$A$2:$C$346,3,0)-VLOOKUP(L$1,városok!$A$2:$C$346,3,0))^2)/1000,0)</f>
        <v>67</v>
      </c>
      <c r="M147">
        <f ca="1">ROUND(SQRT((VLOOKUP($A147,városok!$A$2:$C$346,2,0)-VLOOKUP(M$1,városok!$A$2:$C$346,2,0))^2+(VLOOKUP($A147,városok!$A$2:$C$346,3,0)-VLOOKUP(M$1,városok!$A$2:$C$346,3,0))^2)/1000,0)</f>
        <v>48</v>
      </c>
      <c r="N147">
        <f ca="1">ROUND(SQRT((VLOOKUP($A147,városok!$A$2:$C$346,2,0)-VLOOKUP(N$1,városok!$A$2:$C$346,2,0))^2+(VLOOKUP($A147,városok!$A$2:$C$346,3,0)-VLOOKUP(N$1,városok!$A$2:$C$346,3,0))^2)/1000,0)</f>
        <v>78</v>
      </c>
      <c r="O147">
        <f ca="1">ROUND(SQRT((VLOOKUP($A147,városok!$A$2:$C$346,2,0)-VLOOKUP(O$1,városok!$A$2:$C$346,2,0))^2+(VLOOKUP($A147,városok!$A$2:$C$346,3,0)-VLOOKUP(O$1,városok!$A$2:$C$346,3,0))^2)/1000,0)</f>
        <v>92</v>
      </c>
      <c r="P147">
        <f ca="1">ROUND(SQRT((VLOOKUP($A147,városok!$A$2:$C$346,2,0)-VLOOKUP(P$1,városok!$A$2:$C$346,2,0))^2+(VLOOKUP($A147,városok!$A$2:$C$346,3,0)-VLOOKUP(P$1,városok!$A$2:$C$346,3,0))^2)/1000,0)</f>
        <v>92</v>
      </c>
      <c r="Q147">
        <f ca="1">ROUND(SQRT((VLOOKUP($A147,városok!$A$2:$C$346,2,0)-VLOOKUP(Q$1,városok!$A$2:$C$346,2,0))^2+(VLOOKUP($A147,városok!$A$2:$C$346,3,0)-VLOOKUP(Q$1,városok!$A$2:$C$346,3,0))^2)/1000,0)</f>
        <v>151</v>
      </c>
      <c r="R147">
        <f ca="1">ROUND(SQRT((VLOOKUP($A147,városok!$A$2:$C$346,2,0)-VLOOKUP(R$1,városok!$A$2:$C$346,2,0))^2+(VLOOKUP($A147,városok!$A$2:$C$346,3,0)-VLOOKUP(R$1,városok!$A$2:$C$346,3,0))^2)/1000,0)</f>
        <v>169</v>
      </c>
      <c r="S147">
        <f ca="1">ROUND(SQRT((VLOOKUP($A147,városok!$A$2:$C$346,2,0)-VLOOKUP(S$1,városok!$A$2:$C$346,2,0))^2+(VLOOKUP($A147,városok!$A$2:$C$346,3,0)-VLOOKUP(S$1,városok!$A$2:$C$346,3,0))^2)/1000,0)</f>
        <v>173</v>
      </c>
      <c r="T147">
        <f ca="1">ROUND(SQRT((VLOOKUP($A147,városok!$A$2:$C$346,2,0)-VLOOKUP(T$1,városok!$A$2:$C$346,2,0))^2+(VLOOKUP($A147,városok!$A$2:$C$346,3,0)-VLOOKUP(T$1,városok!$A$2:$C$346,3,0))^2)/1000,0)</f>
        <v>178</v>
      </c>
      <c r="U147">
        <f ca="1">ROUND(SQRT((VLOOKUP($A147,városok!$A$2:$C$346,2,0)-VLOOKUP(U$1,városok!$A$2:$C$346,2,0))^2+(VLOOKUP($A147,városok!$A$2:$C$346,3,0)-VLOOKUP(U$1,városok!$A$2:$C$346,3,0))^2)/1000,0)</f>
        <v>175</v>
      </c>
      <c r="V147">
        <f ca="1">ROUND(SQRT((VLOOKUP($A147,városok!$A$2:$C$346,2,0)-VLOOKUP(V$1,városok!$A$2:$C$346,2,0))^2+(VLOOKUP($A147,városok!$A$2:$C$346,3,0)-VLOOKUP(V$1,városok!$A$2:$C$346,3,0))^2)/1000,0)</f>
        <v>215</v>
      </c>
      <c r="W147">
        <f ca="1">ROUND(SQRT((VLOOKUP($A147,városok!$A$2:$C$346,2,0)-VLOOKUP(W$1,városok!$A$2:$C$346,2,0))^2+(VLOOKUP($A147,városok!$A$2:$C$346,3,0)-VLOOKUP(W$1,városok!$A$2:$C$346,3,0))^2)/1000,0)</f>
        <v>200</v>
      </c>
      <c r="X147">
        <f ca="1">ROUND(SQRT((VLOOKUP($A147,városok!$A$2:$C$346,2,0)-VLOOKUP(X$1,városok!$A$2:$C$346,2,0))^2+(VLOOKUP($A147,városok!$A$2:$C$346,3,0)-VLOOKUP(X$1,városok!$A$2:$C$346,3,0))^2)/1000,0)</f>
        <v>205</v>
      </c>
      <c r="Y147">
        <f ca="1">ROUND(SQRT((VLOOKUP($A147,városok!$A$2:$C$346,2,0)-VLOOKUP(Y$1,városok!$A$2:$C$346,2,0))^2+(VLOOKUP($A147,városok!$A$2:$C$346,3,0)-VLOOKUP(Y$1,városok!$A$2:$C$346,3,0))^2)/1000,0)</f>
        <v>252</v>
      </c>
      <c r="Z147">
        <f ca="1">ROUND(SQRT((VLOOKUP($A147,városok!$A$2:$C$346,2,0)-VLOOKUP(Z$1,városok!$A$2:$C$346,2,0))^2+(VLOOKUP($A147,városok!$A$2:$C$346,3,0)-VLOOKUP(Z$1,városok!$A$2:$C$346,3,0))^2)/1000,0)</f>
        <v>270</v>
      </c>
      <c r="AA147">
        <f ca="1">ROUND(SQRT((VLOOKUP($A147,városok!$A$2:$C$346,2,0)-VLOOKUP(AA$1,városok!$A$2:$C$346,2,0))^2+(VLOOKUP($A147,városok!$A$2:$C$346,3,0)-VLOOKUP(AA$1,városok!$A$2:$C$346,3,0))^2)/1000,0)</f>
        <v>331</v>
      </c>
      <c r="AB147">
        <f ca="1">ROUND(SQRT((VLOOKUP($A147,városok!$A$2:$C$346,2,0)-VLOOKUP(AB$1,városok!$A$2:$C$346,2,0))^2+(VLOOKUP($A147,városok!$A$2:$C$346,3,0)-VLOOKUP(AB$1,városok!$A$2:$C$346,3,0))^2)/1000,0)</f>
        <v>52</v>
      </c>
      <c r="AC147">
        <f ca="1">ROUND(SQRT((VLOOKUP($A147,városok!$A$2:$C$346,2,0)-VLOOKUP(AC$1,városok!$A$2:$C$346,2,0))^2+(VLOOKUP($A147,városok!$A$2:$C$346,3,0)-VLOOKUP(AC$1,városok!$A$2:$C$346,3,0))^2)/1000,0)</f>
        <v>42</v>
      </c>
      <c r="AD147">
        <f ca="1">ROUND(SQRT((VLOOKUP($A147,városok!$A$2:$C$346,2,0)-VLOOKUP(AD$1,városok!$A$2:$C$346,2,0))^2+(VLOOKUP($A147,városok!$A$2:$C$346,3,0)-VLOOKUP(AD$1,városok!$A$2:$C$346,3,0))^2)/1000,0)</f>
        <v>33</v>
      </c>
      <c r="AE147">
        <f ca="1">ROUND(SQRT((VLOOKUP($A147,városok!$A$2:$C$346,2,0)-VLOOKUP(AE$1,városok!$A$2:$C$346,2,0))^2+(VLOOKUP($A147,városok!$A$2:$C$346,3,0)-VLOOKUP(AE$1,városok!$A$2:$C$346,3,0))^2)/1000,0)</f>
        <v>48</v>
      </c>
      <c r="AF147">
        <f ca="1">ROUND(SQRT((VLOOKUP($A147,városok!$A$2:$C$346,2,0)-VLOOKUP(AF$1,városok!$A$2:$C$346,2,0))^2+(VLOOKUP($A147,városok!$A$2:$C$346,3,0)-VLOOKUP(AF$1,városok!$A$2:$C$346,3,0))^2)/1000,0)</f>
        <v>51</v>
      </c>
      <c r="AG147">
        <f ca="1">ROUND(SQRT((VLOOKUP($A147,városok!$A$2:$C$346,2,0)-VLOOKUP(AG$1,városok!$A$2:$C$346,2,0))^2+(VLOOKUP($A147,városok!$A$2:$C$346,3,0)-VLOOKUP(AG$1,városok!$A$2:$C$346,3,0))^2)/1000,0)</f>
        <v>80</v>
      </c>
      <c r="AH147">
        <f ca="1">ROUND(SQRT((VLOOKUP($A147,városok!$A$2:$C$346,2,0)-VLOOKUP(AH$1,városok!$A$2:$C$346,2,0))^2+(VLOOKUP($A147,városok!$A$2:$C$346,3,0)-VLOOKUP(AH$1,városok!$A$2:$C$346,3,0))^2)/1000,0)</f>
        <v>98</v>
      </c>
      <c r="AI147">
        <f ca="1">ROUND(SQRT((VLOOKUP($A147,városok!$A$2:$C$346,2,0)-VLOOKUP(AI$1,városok!$A$2:$C$346,2,0))^2+(VLOOKUP($A147,városok!$A$2:$C$346,3,0)-VLOOKUP(AI$1,városok!$A$2:$C$346,3,0))^2)/1000,0)</f>
        <v>76</v>
      </c>
      <c r="AJ147">
        <f ca="1">ROUND(SQRT((VLOOKUP($A147,városok!$A$2:$C$346,2,0)-VLOOKUP(AJ$1,városok!$A$2:$C$346,2,0))^2+(VLOOKUP($A147,városok!$A$2:$C$346,3,0)-VLOOKUP(AJ$1,városok!$A$2:$C$346,3,0))^2)/1000,0)</f>
        <v>76</v>
      </c>
      <c r="AK147">
        <f ca="1">ROUND(SQRT((VLOOKUP($A147,városok!$A$2:$C$346,2,0)-VLOOKUP(AK$1,városok!$A$2:$C$346,2,0))^2+(VLOOKUP($A147,városok!$A$2:$C$346,3,0)-VLOOKUP(AK$1,városok!$A$2:$C$346,3,0))^2)/1000,0)</f>
        <v>46</v>
      </c>
      <c r="AL147">
        <f ca="1">ROUND(SQRT((VLOOKUP($A147,városok!$A$2:$C$346,2,0)-VLOOKUP(AL$1,városok!$A$2:$C$346,2,0))^2+(VLOOKUP($A147,városok!$A$2:$C$346,3,0)-VLOOKUP(AL$1,városok!$A$2:$C$346,3,0))^2)/1000,0)</f>
        <v>45</v>
      </c>
      <c r="AM147">
        <f ca="1">ROUND(SQRT((VLOOKUP($A147,városok!$A$2:$C$346,2,0)-VLOOKUP(AM$1,városok!$A$2:$C$346,2,0))^2+(VLOOKUP($A147,városok!$A$2:$C$346,3,0)-VLOOKUP(AM$1,városok!$A$2:$C$346,3,0))^2)/1000,0)</f>
        <v>83</v>
      </c>
      <c r="AN147">
        <f ca="1">ROUND(SQRT((VLOOKUP($A147,városok!$A$2:$C$346,2,0)-VLOOKUP(AN$1,városok!$A$2:$C$346,2,0))^2+(VLOOKUP($A147,városok!$A$2:$C$346,3,0)-VLOOKUP(AN$1,városok!$A$2:$C$346,3,0))^2)/1000,0)</f>
        <v>169</v>
      </c>
      <c r="AO147">
        <f ca="1">ROUND(SQRT((VLOOKUP($A147,városok!$A$2:$C$346,2,0)-VLOOKUP(AO$1,városok!$A$2:$C$346,2,0))^2+(VLOOKUP($A147,városok!$A$2:$C$346,3,0)-VLOOKUP(AO$1,városok!$A$2:$C$346,3,0))^2)/1000,0)</f>
        <v>215</v>
      </c>
      <c r="AP147">
        <f ca="1">ROUND(SQRT((VLOOKUP($A147,városok!$A$2:$C$346,2,0)-VLOOKUP(AP$1,városok!$A$2:$C$346,2,0))^2+(VLOOKUP($A147,városok!$A$2:$C$346,3,0)-VLOOKUP(AP$1,városok!$A$2:$C$346,3,0))^2)/1000,0)</f>
        <v>199</v>
      </c>
      <c r="AQ147">
        <f ca="1">ROUND(SQRT((VLOOKUP($A147,városok!$A$2:$C$346,2,0)-VLOOKUP(AQ$1,városok!$A$2:$C$346,2,0))^2+(VLOOKUP($A147,városok!$A$2:$C$346,3,0)-VLOOKUP(AQ$1,városok!$A$2:$C$346,3,0))^2)/1000,0)</f>
        <v>194</v>
      </c>
      <c r="AR147">
        <f ca="1">ROUND(SQRT((VLOOKUP($A147,városok!$A$2:$C$346,2,0)-VLOOKUP(AR$1,városok!$A$2:$C$346,2,0))^2+(VLOOKUP($A147,városok!$A$2:$C$346,3,0)-VLOOKUP(AR$1,városok!$A$2:$C$346,3,0))^2)/1000,0)</f>
        <v>100</v>
      </c>
      <c r="AS147">
        <f ca="1">ROUND(SQRT((VLOOKUP($A147,városok!$A$2:$C$346,2,0)-VLOOKUP(AS$1,városok!$A$2:$C$346,2,0))^2+(VLOOKUP($A147,városok!$A$2:$C$346,3,0)-VLOOKUP(AS$1,városok!$A$2:$C$346,3,0))^2)/1000,0)</f>
        <v>99</v>
      </c>
      <c r="AT147">
        <f ca="1">ROUND(SQRT((VLOOKUP($A147,városok!$A$2:$C$346,2,0)-VLOOKUP(AT$1,városok!$A$2:$C$346,2,0))^2+(VLOOKUP($A147,városok!$A$2:$C$346,3,0)-VLOOKUP(AT$1,városok!$A$2:$C$346,3,0))^2)/1000,0)</f>
        <v>165</v>
      </c>
      <c r="AU147">
        <f ca="1">ROUND(SQRT((VLOOKUP($A147,városok!$A$2:$C$346,2,0)-VLOOKUP(AU$1,városok!$A$2:$C$346,2,0))^2+(VLOOKUP($A147,városok!$A$2:$C$346,3,0)-VLOOKUP(AU$1,városok!$A$2:$C$346,3,0))^2)/1000,0)</f>
        <v>155</v>
      </c>
      <c r="AV147">
        <f ca="1">ROUND(SQRT((VLOOKUP($A147,városok!$A$2:$C$346,2,0)-VLOOKUP(AV$1,városok!$A$2:$C$346,2,0))^2+(VLOOKUP($A147,városok!$A$2:$C$346,3,0)-VLOOKUP(AV$1,városok!$A$2:$C$346,3,0))^2)/1000,0)</f>
        <v>157</v>
      </c>
      <c r="AW147">
        <f ca="1">ROUND(SQRT((VLOOKUP($A147,városok!$A$2:$C$346,2,0)-VLOOKUP(AW$1,városok!$A$2:$C$346,2,0))^2+(VLOOKUP($A147,városok!$A$2:$C$346,3,0)-VLOOKUP(AW$1,városok!$A$2:$C$346,3,0))^2)/1000,0)</f>
        <v>160</v>
      </c>
      <c r="AX147">
        <f ca="1">ROUND(SQRT((VLOOKUP($A147,városok!$A$2:$C$346,2,0)-VLOOKUP(AX$1,városok!$A$2:$C$346,2,0))^2+(VLOOKUP($A147,városok!$A$2:$C$346,3,0)-VLOOKUP(AX$1,városok!$A$2:$C$346,3,0))^2)/1000,0)</f>
        <v>117</v>
      </c>
      <c r="AY147">
        <f ca="1">ROUND(SQRT((VLOOKUP($A147,városok!$A$2:$C$346,2,0)-VLOOKUP(AY$1,városok!$A$2:$C$346,2,0))^2+(VLOOKUP($A147,városok!$A$2:$C$346,3,0)-VLOOKUP(AY$1,városok!$A$2:$C$346,3,0))^2)/1000,0)</f>
        <v>144</v>
      </c>
      <c r="AZ147">
        <f ca="1">ROUND(SQRT((VLOOKUP($A147,városok!$A$2:$C$346,2,0)-VLOOKUP(AZ$1,városok!$A$2:$C$346,2,0))^2+(VLOOKUP($A147,városok!$A$2:$C$346,3,0)-VLOOKUP(AZ$1,városok!$A$2:$C$346,3,0))^2)/1000,0)</f>
        <v>152</v>
      </c>
      <c r="BA147">
        <f ca="1">ROUND(SQRT((VLOOKUP($A147,városok!$A$2:$C$346,2,0)-VLOOKUP(BA$1,városok!$A$2:$C$346,2,0))^2+(VLOOKUP($A147,városok!$A$2:$C$346,3,0)-VLOOKUP(BA$1,városok!$A$2:$C$346,3,0))^2)/1000,0)</f>
        <v>269</v>
      </c>
      <c r="BB147">
        <f ca="1">ROUND(SQRT((VLOOKUP($A147,városok!$A$2:$C$346,2,0)-VLOOKUP(BB$1,városok!$A$2:$C$346,2,0))^2+(VLOOKUP($A147,városok!$A$2:$C$346,3,0)-VLOOKUP(BB$1,városok!$A$2:$C$346,3,0))^2)/1000,0)</f>
        <v>264</v>
      </c>
      <c r="BC147">
        <f ca="1">ROUND(SQRT((VLOOKUP($A147,városok!$A$2:$C$346,2,0)-VLOOKUP(BC$1,városok!$A$2:$C$346,2,0))^2+(VLOOKUP($A147,városok!$A$2:$C$346,3,0)-VLOOKUP(BC$1,városok!$A$2:$C$346,3,0))^2)/1000,0)</f>
        <v>285</v>
      </c>
      <c r="BD147">
        <f ca="1">ROUND(SQRT((VLOOKUP($A147,városok!$A$2:$C$346,2,0)-VLOOKUP(BD$1,városok!$A$2:$C$346,2,0))^2+(VLOOKUP($A147,városok!$A$2:$C$346,3,0)-VLOOKUP(BD$1,városok!$A$2:$C$346,3,0))^2)/1000,0)</f>
        <v>238</v>
      </c>
      <c r="BE147">
        <f ca="1">ROUND(SQRT((VLOOKUP($A147,városok!$A$2:$C$346,2,0)-VLOOKUP(BE$1,városok!$A$2:$C$346,2,0))^2+(VLOOKUP($A147,városok!$A$2:$C$346,3,0)-VLOOKUP(BE$1,városok!$A$2:$C$346,3,0))^2)/1000,0)</f>
        <v>127</v>
      </c>
      <c r="BF147">
        <f ca="1">ROUND(SQRT((VLOOKUP($A147,városok!$A$2:$C$346,2,0)-VLOOKUP(BF$1,városok!$A$2:$C$346,2,0))^2+(VLOOKUP($A147,városok!$A$2:$C$346,3,0)-VLOOKUP(BF$1,városok!$A$2:$C$346,3,0))^2)/1000,0)</f>
        <v>100</v>
      </c>
      <c r="BG147">
        <f ca="1">ROUND(SQRT((VLOOKUP($A147,városok!$A$2:$C$346,2,0)-VLOOKUP(BG$1,városok!$A$2:$C$346,2,0))^2+(VLOOKUP($A147,városok!$A$2:$C$346,3,0)-VLOOKUP(BG$1,városok!$A$2:$C$346,3,0))^2)/1000,0)</f>
        <v>60</v>
      </c>
      <c r="BH147">
        <f ca="1">ROUND(SQRT((VLOOKUP($A147,városok!$A$2:$C$346,2,0)-VLOOKUP(BH$1,városok!$A$2:$C$346,2,0))^2+(VLOOKUP($A147,városok!$A$2:$C$346,3,0)-VLOOKUP(BH$1,városok!$A$2:$C$346,3,0))^2)/1000,0)</f>
        <v>59</v>
      </c>
      <c r="BI147">
        <f ca="1">ROUND(SQRT((VLOOKUP($A147,városok!$A$2:$C$346,2,0)-VLOOKUP(BI$1,városok!$A$2:$C$346,2,0))^2+(VLOOKUP($A147,városok!$A$2:$C$346,3,0)-VLOOKUP(BI$1,városok!$A$2:$C$346,3,0))^2)/1000,0)</f>
        <v>230</v>
      </c>
      <c r="BJ147">
        <f ca="1">ROUND(SQRT((VLOOKUP($A147,városok!$A$2:$C$346,2,0)-VLOOKUP(BJ$1,városok!$A$2:$C$346,2,0))^2+(VLOOKUP($A147,városok!$A$2:$C$346,3,0)-VLOOKUP(BJ$1,városok!$A$2:$C$346,3,0))^2)/1000,0)</f>
        <v>248</v>
      </c>
      <c r="BK147">
        <f ca="1">ROUND(SQRT((VLOOKUP($A147,városok!$A$2:$C$346,2,0)-VLOOKUP(BK$1,városok!$A$2:$C$346,2,0))^2+(VLOOKUP($A147,városok!$A$2:$C$346,3,0)-VLOOKUP(BK$1,városok!$A$2:$C$346,3,0))^2)/1000,0)</f>
        <v>229</v>
      </c>
      <c r="BL147">
        <f ca="1">ROUND(SQRT((VLOOKUP($A147,városok!$A$2:$C$346,2,0)-VLOOKUP(BL$1,városok!$A$2:$C$346,2,0))^2+(VLOOKUP($A147,városok!$A$2:$C$346,3,0)-VLOOKUP(BL$1,városok!$A$2:$C$346,3,0))^2)/1000,0)</f>
        <v>340</v>
      </c>
      <c r="BM147">
        <f ca="1">ROUND(SQRT((VLOOKUP($A147,városok!$A$2:$C$346,2,0)-VLOOKUP(BM$1,városok!$A$2:$C$346,2,0))^2+(VLOOKUP($A147,városok!$A$2:$C$346,3,0)-VLOOKUP(BM$1,városok!$A$2:$C$346,3,0))^2)/1000,0)</f>
        <v>309</v>
      </c>
      <c r="BN147">
        <f ca="1">ROUND(SQRT((VLOOKUP($A147,városok!$A$2:$C$346,2,0)-VLOOKUP(BN$1,városok!$A$2:$C$346,2,0))^2+(VLOOKUP($A147,városok!$A$2:$C$346,3,0)-VLOOKUP(BN$1,városok!$A$2:$C$346,3,0))^2)/1000,0)</f>
        <v>333</v>
      </c>
      <c r="BO147">
        <f ca="1">ROUND(SQRT((VLOOKUP($A147,városok!$A$2:$C$346,2,0)-VLOOKUP(BO$1,városok!$A$2:$C$346,2,0))^2+(VLOOKUP($A147,városok!$A$2:$C$346,3,0)-VLOOKUP(BO$1,városok!$A$2:$C$346,3,0))^2)/1000,0)</f>
        <v>236</v>
      </c>
      <c r="BP147">
        <f ca="1">ROUND(SQRT((VLOOKUP($A147,városok!$A$2:$C$346,2,0)-VLOOKUP(BP$1,városok!$A$2:$C$346,2,0))^2+(VLOOKUP($A147,városok!$A$2:$C$346,3,0)-VLOOKUP(BP$1,városok!$A$2:$C$346,3,0))^2)/1000,0)</f>
        <v>229</v>
      </c>
      <c r="BQ147">
        <f ca="1">ROUND(SQRT((VLOOKUP($A147,városok!$A$2:$C$346,2,0)-VLOOKUP(BQ$1,városok!$A$2:$C$346,2,0))^2+(VLOOKUP($A147,városok!$A$2:$C$346,3,0)-VLOOKUP(BQ$1,városok!$A$2:$C$346,3,0))^2)/1000,0)</f>
        <v>242</v>
      </c>
      <c r="BR147">
        <f ca="1">ROUND(SQRT((VLOOKUP($A147,városok!$A$2:$C$346,2,0)-VLOOKUP(BR$1,városok!$A$2:$C$346,2,0))^2+(VLOOKUP($A147,városok!$A$2:$C$346,3,0)-VLOOKUP(BR$1,városok!$A$2:$C$346,3,0))^2)/1000,0)</f>
        <v>301</v>
      </c>
      <c r="BS147">
        <f ca="1">ROUND(SQRT((VLOOKUP($A147,városok!$A$2:$C$346,2,0)-VLOOKUP(BS$1,városok!$A$2:$C$346,2,0))^2+(VLOOKUP($A147,városok!$A$2:$C$346,3,0)-VLOOKUP(BS$1,városok!$A$2:$C$346,3,0))^2)/1000,0)</f>
        <v>333</v>
      </c>
      <c r="BT147">
        <f ca="1">ROUND(SQRT((VLOOKUP($A147,városok!$A$2:$C$346,2,0)-VLOOKUP(BT$1,városok!$A$2:$C$346,2,0))^2+(VLOOKUP($A147,városok!$A$2:$C$346,3,0)-VLOOKUP(BT$1,városok!$A$2:$C$346,3,0))^2)/1000,0)</f>
        <v>328</v>
      </c>
    </row>
    <row r="148" spans="1:72" x14ac:dyDescent="0.2">
      <c r="A148" t="str">
        <f>városok!A148</f>
        <v>Vámospércs</v>
      </c>
      <c r="B148">
        <f ca="1">ROUND(SQRT((VLOOKUP($A148,városok!$A$2:$C$346,2,0)-VLOOKUP(B$1,városok!$A$2:$C$346,2,0))^2+(VLOOKUP($A148,városok!$A$2:$C$346,3,0)-VLOOKUP(B$1,városok!$A$2:$C$346,3,0))^2)/1000,0)</f>
        <v>269</v>
      </c>
      <c r="C148">
        <f ca="1">ROUND(SQRT((VLOOKUP($A148,városok!$A$2:$C$346,2,0)-VLOOKUP(C$1,városok!$A$2:$C$346,2,0))^2+(VLOOKUP($A148,városok!$A$2:$C$346,3,0)-VLOOKUP(C$1,városok!$A$2:$C$346,3,0))^2)/1000,0)</f>
        <v>248</v>
      </c>
      <c r="D148">
        <f ca="1">ROUND(SQRT((VLOOKUP($A148,városok!$A$2:$C$346,2,0)-VLOOKUP(D$1,városok!$A$2:$C$346,2,0))^2+(VLOOKUP($A148,városok!$A$2:$C$346,3,0)-VLOOKUP(D$1,városok!$A$2:$C$346,3,0))^2)/1000,0)</f>
        <v>181</v>
      </c>
      <c r="E148">
        <f ca="1">ROUND(SQRT((VLOOKUP($A148,városok!$A$2:$C$346,2,0)-VLOOKUP(E$1,városok!$A$2:$C$346,2,0))^2+(VLOOKUP($A148,városok!$A$2:$C$346,3,0)-VLOOKUP(E$1,városok!$A$2:$C$346,3,0))^2)/1000,0)</f>
        <v>314</v>
      </c>
      <c r="F148">
        <f ca="1">ROUND(SQRT((VLOOKUP($A148,városok!$A$2:$C$346,2,0)-VLOOKUP(F$1,városok!$A$2:$C$346,2,0))^2+(VLOOKUP($A148,városok!$A$2:$C$346,3,0)-VLOOKUP(F$1,városok!$A$2:$C$346,3,0))^2)/1000,0)</f>
        <v>299</v>
      </c>
      <c r="G148">
        <f ca="1">ROUND(SQRT((VLOOKUP($A148,városok!$A$2:$C$346,2,0)-VLOOKUP(G$1,városok!$A$2:$C$346,2,0))^2+(VLOOKUP($A148,városok!$A$2:$C$346,3,0)-VLOOKUP(G$1,városok!$A$2:$C$346,3,0))^2)/1000,0)</f>
        <v>322</v>
      </c>
      <c r="H148">
        <f ca="1">ROUND(SQRT((VLOOKUP($A148,városok!$A$2:$C$346,2,0)-VLOOKUP(H$1,városok!$A$2:$C$346,2,0))^2+(VLOOKUP($A148,városok!$A$2:$C$346,3,0)-VLOOKUP(H$1,városok!$A$2:$C$346,3,0))^2)/1000,0)</f>
        <v>353</v>
      </c>
      <c r="I148">
        <f ca="1">ROUND(SQRT((VLOOKUP($A148,városok!$A$2:$C$346,2,0)-VLOOKUP(I$1,városok!$A$2:$C$346,2,0))^2+(VLOOKUP($A148,városok!$A$2:$C$346,3,0)-VLOOKUP(I$1,városok!$A$2:$C$346,3,0))^2)/1000,0)</f>
        <v>113</v>
      </c>
      <c r="J148">
        <f ca="1">ROUND(SQRT((VLOOKUP($A148,városok!$A$2:$C$346,2,0)-VLOOKUP(J$1,városok!$A$2:$C$346,2,0))^2+(VLOOKUP($A148,városok!$A$2:$C$346,3,0)-VLOOKUP(J$1,városok!$A$2:$C$346,3,0))^2)/1000,0)</f>
        <v>109</v>
      </c>
      <c r="K148">
        <f ca="1">ROUND(SQRT((VLOOKUP($A148,városok!$A$2:$C$346,2,0)-VLOOKUP(K$1,városok!$A$2:$C$346,2,0))^2+(VLOOKUP($A148,városok!$A$2:$C$346,3,0)-VLOOKUP(K$1,városok!$A$2:$C$346,3,0))^2)/1000,0)</f>
        <v>142</v>
      </c>
      <c r="L148">
        <f ca="1">ROUND(SQRT((VLOOKUP($A148,városok!$A$2:$C$346,2,0)-VLOOKUP(L$1,városok!$A$2:$C$346,2,0))^2+(VLOOKUP($A148,városok!$A$2:$C$346,3,0)-VLOOKUP(L$1,városok!$A$2:$C$346,3,0))^2)/1000,0)</f>
        <v>124</v>
      </c>
      <c r="M148">
        <f ca="1">ROUND(SQRT((VLOOKUP($A148,városok!$A$2:$C$346,2,0)-VLOOKUP(M$1,városok!$A$2:$C$346,2,0))^2+(VLOOKUP($A148,városok!$A$2:$C$346,3,0)-VLOOKUP(M$1,városok!$A$2:$C$346,3,0))^2)/1000,0)</f>
        <v>105</v>
      </c>
      <c r="N148">
        <f ca="1">ROUND(SQRT((VLOOKUP($A148,városok!$A$2:$C$346,2,0)-VLOOKUP(N$1,városok!$A$2:$C$346,2,0))^2+(VLOOKUP($A148,városok!$A$2:$C$346,3,0)-VLOOKUP(N$1,városok!$A$2:$C$346,3,0))^2)/1000,0)</f>
        <v>143</v>
      </c>
      <c r="O148">
        <f ca="1">ROUND(SQRT((VLOOKUP($A148,városok!$A$2:$C$346,2,0)-VLOOKUP(O$1,városok!$A$2:$C$346,2,0))^2+(VLOOKUP($A148,városok!$A$2:$C$346,3,0)-VLOOKUP(O$1,városok!$A$2:$C$346,3,0))^2)/1000,0)</f>
        <v>99</v>
      </c>
      <c r="P148">
        <f ca="1">ROUND(SQRT((VLOOKUP($A148,városok!$A$2:$C$346,2,0)-VLOOKUP(P$1,városok!$A$2:$C$346,2,0))^2+(VLOOKUP($A148,városok!$A$2:$C$346,3,0)-VLOOKUP(P$1,városok!$A$2:$C$346,3,0))^2)/1000,0)</f>
        <v>99</v>
      </c>
      <c r="Q148">
        <f ca="1">ROUND(SQRT((VLOOKUP($A148,városok!$A$2:$C$346,2,0)-VLOOKUP(Q$1,városok!$A$2:$C$346,2,0))^2+(VLOOKUP($A148,városok!$A$2:$C$346,3,0)-VLOOKUP(Q$1,városok!$A$2:$C$346,3,0))^2)/1000,0)</f>
        <v>172</v>
      </c>
      <c r="R148">
        <f ca="1">ROUND(SQRT((VLOOKUP($A148,városok!$A$2:$C$346,2,0)-VLOOKUP(R$1,városok!$A$2:$C$346,2,0))^2+(VLOOKUP($A148,városok!$A$2:$C$346,3,0)-VLOOKUP(R$1,városok!$A$2:$C$346,3,0))^2)/1000,0)</f>
        <v>181</v>
      </c>
      <c r="S148">
        <f ca="1">ROUND(SQRT((VLOOKUP($A148,városok!$A$2:$C$346,2,0)-VLOOKUP(S$1,városok!$A$2:$C$346,2,0))^2+(VLOOKUP($A148,városok!$A$2:$C$346,3,0)-VLOOKUP(S$1,városok!$A$2:$C$346,3,0))^2)/1000,0)</f>
        <v>194</v>
      </c>
      <c r="T148">
        <f ca="1">ROUND(SQRT((VLOOKUP($A148,városok!$A$2:$C$346,2,0)-VLOOKUP(T$1,városok!$A$2:$C$346,2,0))^2+(VLOOKUP($A148,városok!$A$2:$C$346,3,0)-VLOOKUP(T$1,városok!$A$2:$C$346,3,0))^2)/1000,0)</f>
        <v>246</v>
      </c>
      <c r="U148">
        <f ca="1">ROUND(SQRT((VLOOKUP($A148,városok!$A$2:$C$346,2,0)-VLOOKUP(U$1,városok!$A$2:$C$346,2,0))^2+(VLOOKUP($A148,városok!$A$2:$C$346,3,0)-VLOOKUP(U$1,városok!$A$2:$C$346,3,0))^2)/1000,0)</f>
        <v>233</v>
      </c>
      <c r="V148">
        <f ca="1">ROUND(SQRT((VLOOKUP($A148,városok!$A$2:$C$346,2,0)-VLOOKUP(V$1,városok!$A$2:$C$346,2,0))^2+(VLOOKUP($A148,városok!$A$2:$C$346,3,0)-VLOOKUP(V$1,városok!$A$2:$C$346,3,0))^2)/1000,0)</f>
        <v>277</v>
      </c>
      <c r="W148">
        <f ca="1">ROUND(SQRT((VLOOKUP($A148,városok!$A$2:$C$346,2,0)-VLOOKUP(W$1,városok!$A$2:$C$346,2,0))^2+(VLOOKUP($A148,városok!$A$2:$C$346,3,0)-VLOOKUP(W$1,városok!$A$2:$C$346,3,0))^2)/1000,0)</f>
        <v>258</v>
      </c>
      <c r="X148">
        <f ca="1">ROUND(SQRT((VLOOKUP($A148,városok!$A$2:$C$346,2,0)-VLOOKUP(X$1,városok!$A$2:$C$346,2,0))^2+(VLOOKUP($A148,városok!$A$2:$C$346,3,0)-VLOOKUP(X$1,városok!$A$2:$C$346,3,0))^2)/1000,0)</f>
        <v>271</v>
      </c>
      <c r="Y148">
        <f ca="1">ROUND(SQRT((VLOOKUP($A148,városok!$A$2:$C$346,2,0)-VLOOKUP(Y$1,városok!$A$2:$C$346,2,0))^2+(VLOOKUP($A148,városok!$A$2:$C$346,3,0)-VLOOKUP(Y$1,városok!$A$2:$C$346,3,0))^2)/1000,0)</f>
        <v>321</v>
      </c>
      <c r="Z148">
        <f ca="1">ROUND(SQRT((VLOOKUP($A148,városok!$A$2:$C$346,2,0)-VLOOKUP(Z$1,városok!$A$2:$C$346,2,0))^2+(VLOOKUP($A148,városok!$A$2:$C$346,3,0)-VLOOKUP(Z$1,városok!$A$2:$C$346,3,0))^2)/1000,0)</f>
        <v>339</v>
      </c>
      <c r="AA148">
        <f ca="1">ROUND(SQRT((VLOOKUP($A148,városok!$A$2:$C$346,2,0)-VLOOKUP(AA$1,városok!$A$2:$C$346,2,0))^2+(VLOOKUP($A148,városok!$A$2:$C$346,3,0)-VLOOKUP(AA$1,városok!$A$2:$C$346,3,0))^2)/1000,0)</f>
        <v>400</v>
      </c>
      <c r="AB148">
        <f ca="1">ROUND(SQRT((VLOOKUP($A148,városok!$A$2:$C$346,2,0)-VLOOKUP(AB$1,városok!$A$2:$C$346,2,0))^2+(VLOOKUP($A148,városok!$A$2:$C$346,3,0)-VLOOKUP(AB$1,városok!$A$2:$C$346,3,0))^2)/1000,0)</f>
        <v>20</v>
      </c>
      <c r="AC148">
        <f ca="1">ROUND(SQRT((VLOOKUP($A148,városok!$A$2:$C$346,2,0)-VLOOKUP(AC$1,városok!$A$2:$C$346,2,0))^2+(VLOOKUP($A148,városok!$A$2:$C$346,3,0)-VLOOKUP(AC$1,városok!$A$2:$C$346,3,0))^2)/1000,0)</f>
        <v>39</v>
      </c>
      <c r="AD148">
        <f ca="1">ROUND(SQRT((VLOOKUP($A148,városok!$A$2:$C$346,2,0)-VLOOKUP(AD$1,városok!$A$2:$C$346,2,0))^2+(VLOOKUP($A148,városok!$A$2:$C$346,3,0)-VLOOKUP(AD$1,városok!$A$2:$C$346,3,0))^2)/1000,0)</f>
        <v>57</v>
      </c>
      <c r="AE148">
        <f ca="1">ROUND(SQRT((VLOOKUP($A148,városok!$A$2:$C$346,2,0)-VLOOKUP(AE$1,városok!$A$2:$C$346,2,0))^2+(VLOOKUP($A148,városok!$A$2:$C$346,3,0)-VLOOKUP(AE$1,városok!$A$2:$C$346,3,0))^2)/1000,0)</f>
        <v>61</v>
      </c>
      <c r="AF148">
        <f ca="1">ROUND(SQRT((VLOOKUP($A148,városok!$A$2:$C$346,2,0)-VLOOKUP(AF$1,városok!$A$2:$C$346,2,0))^2+(VLOOKUP($A148,városok!$A$2:$C$346,3,0)-VLOOKUP(AF$1,városok!$A$2:$C$346,3,0))^2)/1000,0)</f>
        <v>121</v>
      </c>
      <c r="AG148">
        <f ca="1">ROUND(SQRT((VLOOKUP($A148,városok!$A$2:$C$346,2,0)-VLOOKUP(AG$1,városok!$A$2:$C$346,2,0))^2+(VLOOKUP($A148,városok!$A$2:$C$346,3,0)-VLOOKUP(AG$1,városok!$A$2:$C$346,3,0))^2)/1000,0)</f>
        <v>151</v>
      </c>
      <c r="AH148">
        <f ca="1">ROUND(SQRT((VLOOKUP($A148,városok!$A$2:$C$346,2,0)-VLOOKUP(AH$1,városok!$A$2:$C$346,2,0))^2+(VLOOKUP($A148,városok!$A$2:$C$346,3,0)-VLOOKUP(AH$1,városok!$A$2:$C$346,3,0))^2)/1000,0)</f>
        <v>168</v>
      </c>
      <c r="AI148">
        <f ca="1">ROUND(SQRT((VLOOKUP($A148,városok!$A$2:$C$346,2,0)-VLOOKUP(AI$1,városok!$A$2:$C$346,2,0))^2+(VLOOKUP($A148,városok!$A$2:$C$346,3,0)-VLOOKUP(AI$1,városok!$A$2:$C$346,3,0))^2)/1000,0)</f>
        <v>146</v>
      </c>
      <c r="AJ148">
        <f ca="1">ROUND(SQRT((VLOOKUP($A148,városok!$A$2:$C$346,2,0)-VLOOKUP(AJ$1,városok!$A$2:$C$346,2,0))^2+(VLOOKUP($A148,városok!$A$2:$C$346,3,0)-VLOOKUP(AJ$1,városok!$A$2:$C$346,3,0))^2)/1000,0)</f>
        <v>145</v>
      </c>
      <c r="AK148">
        <f ca="1">ROUND(SQRT((VLOOKUP($A148,városok!$A$2:$C$346,2,0)-VLOOKUP(AK$1,városok!$A$2:$C$346,2,0))^2+(VLOOKUP($A148,városok!$A$2:$C$346,3,0)-VLOOKUP(AK$1,városok!$A$2:$C$346,3,0))^2)/1000,0)</f>
        <v>75</v>
      </c>
      <c r="AL148">
        <f ca="1">ROUND(SQRT((VLOOKUP($A148,városok!$A$2:$C$346,2,0)-VLOOKUP(AL$1,városok!$A$2:$C$346,2,0))^2+(VLOOKUP($A148,városok!$A$2:$C$346,3,0)-VLOOKUP(AL$1,városok!$A$2:$C$346,3,0))^2)/1000,0)</f>
        <v>97</v>
      </c>
      <c r="AM148">
        <f ca="1">ROUND(SQRT((VLOOKUP($A148,városok!$A$2:$C$346,2,0)-VLOOKUP(AM$1,városok!$A$2:$C$346,2,0))^2+(VLOOKUP($A148,városok!$A$2:$C$346,3,0)-VLOOKUP(AM$1,városok!$A$2:$C$346,3,0))^2)/1000,0)</f>
        <v>135</v>
      </c>
      <c r="AN148">
        <f ca="1">ROUND(SQRT((VLOOKUP($A148,városok!$A$2:$C$346,2,0)-VLOOKUP(AN$1,városok!$A$2:$C$346,2,0))^2+(VLOOKUP($A148,városok!$A$2:$C$346,3,0)-VLOOKUP(AN$1,városok!$A$2:$C$346,3,0))^2)/1000,0)</f>
        <v>239</v>
      </c>
      <c r="AO148">
        <f ca="1">ROUND(SQRT((VLOOKUP($A148,városok!$A$2:$C$346,2,0)-VLOOKUP(AO$1,városok!$A$2:$C$346,2,0))^2+(VLOOKUP($A148,városok!$A$2:$C$346,3,0)-VLOOKUP(AO$1,városok!$A$2:$C$346,3,0))^2)/1000,0)</f>
        <v>285</v>
      </c>
      <c r="AP148">
        <f ca="1">ROUND(SQRT((VLOOKUP($A148,városok!$A$2:$C$346,2,0)-VLOOKUP(AP$1,városok!$A$2:$C$346,2,0))^2+(VLOOKUP($A148,városok!$A$2:$C$346,3,0)-VLOOKUP(AP$1,városok!$A$2:$C$346,3,0))^2)/1000,0)</f>
        <v>268</v>
      </c>
      <c r="AQ148">
        <f ca="1">ROUND(SQRT((VLOOKUP($A148,városok!$A$2:$C$346,2,0)-VLOOKUP(AQ$1,városok!$A$2:$C$346,2,0))^2+(VLOOKUP($A148,városok!$A$2:$C$346,3,0)-VLOOKUP(AQ$1,városok!$A$2:$C$346,3,0))^2)/1000,0)</f>
        <v>263</v>
      </c>
      <c r="AR148">
        <f ca="1">ROUND(SQRT((VLOOKUP($A148,városok!$A$2:$C$346,2,0)-VLOOKUP(AR$1,városok!$A$2:$C$346,2,0))^2+(VLOOKUP($A148,városok!$A$2:$C$346,3,0)-VLOOKUP(AR$1,városok!$A$2:$C$346,3,0))^2)/1000,0)</f>
        <v>171</v>
      </c>
      <c r="AS148">
        <f ca="1">ROUND(SQRT((VLOOKUP($A148,városok!$A$2:$C$346,2,0)-VLOOKUP(AS$1,városok!$A$2:$C$346,2,0))^2+(VLOOKUP($A148,városok!$A$2:$C$346,3,0)-VLOOKUP(AS$1,városok!$A$2:$C$346,3,0))^2)/1000,0)</f>
        <v>169</v>
      </c>
      <c r="AT148">
        <f ca="1">ROUND(SQRT((VLOOKUP($A148,városok!$A$2:$C$346,2,0)-VLOOKUP(AT$1,városok!$A$2:$C$346,2,0))^2+(VLOOKUP($A148,városok!$A$2:$C$346,3,0)-VLOOKUP(AT$1,városok!$A$2:$C$346,3,0))^2)/1000,0)</f>
        <v>232</v>
      </c>
      <c r="AU148">
        <f ca="1">ROUND(SQRT((VLOOKUP($A148,városok!$A$2:$C$346,2,0)-VLOOKUP(AU$1,városok!$A$2:$C$346,2,0))^2+(VLOOKUP($A148,városok!$A$2:$C$346,3,0)-VLOOKUP(AU$1,városok!$A$2:$C$346,3,0))^2)/1000,0)</f>
        <v>221</v>
      </c>
      <c r="AV148">
        <f ca="1">ROUND(SQRT((VLOOKUP($A148,városok!$A$2:$C$346,2,0)-VLOOKUP(AV$1,városok!$A$2:$C$346,2,0))^2+(VLOOKUP($A148,városok!$A$2:$C$346,3,0)-VLOOKUP(AV$1,városok!$A$2:$C$346,3,0))^2)/1000,0)</f>
        <v>223</v>
      </c>
      <c r="AW148">
        <f ca="1">ROUND(SQRT((VLOOKUP($A148,városok!$A$2:$C$346,2,0)-VLOOKUP(AW$1,városok!$A$2:$C$346,2,0))^2+(VLOOKUP($A148,városok!$A$2:$C$346,3,0)-VLOOKUP(AW$1,városok!$A$2:$C$346,3,0))^2)/1000,0)</f>
        <v>226</v>
      </c>
      <c r="AX148">
        <f ca="1">ROUND(SQRT((VLOOKUP($A148,városok!$A$2:$C$346,2,0)-VLOOKUP(AX$1,városok!$A$2:$C$346,2,0))^2+(VLOOKUP($A148,városok!$A$2:$C$346,3,0)-VLOOKUP(AX$1,városok!$A$2:$C$346,3,0))^2)/1000,0)</f>
        <v>169</v>
      </c>
      <c r="AY148">
        <f ca="1">ROUND(SQRT((VLOOKUP($A148,városok!$A$2:$C$346,2,0)-VLOOKUP(AY$1,városok!$A$2:$C$346,2,0))^2+(VLOOKUP($A148,városok!$A$2:$C$346,3,0)-VLOOKUP(AY$1,városok!$A$2:$C$346,3,0))^2)/1000,0)</f>
        <v>214</v>
      </c>
      <c r="AZ148">
        <f ca="1">ROUND(SQRT((VLOOKUP($A148,városok!$A$2:$C$346,2,0)-VLOOKUP(AZ$1,városok!$A$2:$C$346,2,0))^2+(VLOOKUP($A148,városok!$A$2:$C$346,3,0)-VLOOKUP(AZ$1,városok!$A$2:$C$346,3,0))^2)/1000,0)</f>
        <v>222</v>
      </c>
      <c r="BA148">
        <f ca="1">ROUND(SQRT((VLOOKUP($A148,városok!$A$2:$C$346,2,0)-VLOOKUP(BA$1,városok!$A$2:$C$346,2,0))^2+(VLOOKUP($A148,városok!$A$2:$C$346,3,0)-VLOOKUP(BA$1,városok!$A$2:$C$346,3,0))^2)/1000,0)</f>
        <v>329</v>
      </c>
      <c r="BB148">
        <f ca="1">ROUND(SQRT((VLOOKUP($A148,városok!$A$2:$C$346,2,0)-VLOOKUP(BB$1,városok!$A$2:$C$346,2,0))^2+(VLOOKUP($A148,városok!$A$2:$C$346,3,0)-VLOOKUP(BB$1,városok!$A$2:$C$346,3,0))^2)/1000,0)</f>
        <v>320</v>
      </c>
      <c r="BC148">
        <f ca="1">ROUND(SQRT((VLOOKUP($A148,városok!$A$2:$C$346,2,0)-VLOOKUP(BC$1,városok!$A$2:$C$346,2,0))^2+(VLOOKUP($A148,városok!$A$2:$C$346,3,0)-VLOOKUP(BC$1,városok!$A$2:$C$346,3,0))^2)/1000,0)</f>
        <v>338</v>
      </c>
      <c r="BD148">
        <f ca="1">ROUND(SQRT((VLOOKUP($A148,városok!$A$2:$C$346,2,0)-VLOOKUP(BD$1,városok!$A$2:$C$346,2,0))^2+(VLOOKUP($A148,városok!$A$2:$C$346,3,0)-VLOOKUP(BD$1,városok!$A$2:$C$346,3,0))^2)/1000,0)</f>
        <v>298</v>
      </c>
      <c r="BE148">
        <f ca="1">ROUND(SQRT((VLOOKUP($A148,városok!$A$2:$C$346,2,0)-VLOOKUP(BE$1,városok!$A$2:$C$346,2,0))^2+(VLOOKUP($A148,városok!$A$2:$C$346,3,0)-VLOOKUP(BE$1,városok!$A$2:$C$346,3,0))^2)/1000,0)</f>
        <v>68</v>
      </c>
      <c r="BF148">
        <f ca="1">ROUND(SQRT((VLOOKUP($A148,városok!$A$2:$C$346,2,0)-VLOOKUP(BF$1,városok!$A$2:$C$346,2,0))^2+(VLOOKUP($A148,városok!$A$2:$C$346,3,0)-VLOOKUP(BF$1,városok!$A$2:$C$346,3,0))^2)/1000,0)</f>
        <v>79</v>
      </c>
      <c r="BG148">
        <f ca="1">ROUND(SQRT((VLOOKUP($A148,városok!$A$2:$C$346,2,0)-VLOOKUP(BG$1,városok!$A$2:$C$346,2,0))^2+(VLOOKUP($A148,városok!$A$2:$C$346,3,0)-VLOOKUP(BG$1,városok!$A$2:$C$346,3,0))^2)/1000,0)</f>
        <v>74</v>
      </c>
      <c r="BH148">
        <f ca="1">ROUND(SQRT((VLOOKUP($A148,városok!$A$2:$C$346,2,0)-VLOOKUP(BH$1,városok!$A$2:$C$346,2,0))^2+(VLOOKUP($A148,városok!$A$2:$C$346,3,0)-VLOOKUP(BH$1,városok!$A$2:$C$346,3,0))^2)/1000,0)</f>
        <v>74</v>
      </c>
      <c r="BI148">
        <f ca="1">ROUND(SQRT((VLOOKUP($A148,városok!$A$2:$C$346,2,0)-VLOOKUP(BI$1,városok!$A$2:$C$346,2,0))^2+(VLOOKUP($A148,városok!$A$2:$C$346,3,0)-VLOOKUP(BI$1,városok!$A$2:$C$346,3,0))^2)/1000,0)</f>
        <v>279</v>
      </c>
      <c r="BJ148">
        <f ca="1">ROUND(SQRT((VLOOKUP($A148,városok!$A$2:$C$346,2,0)-VLOOKUP(BJ$1,városok!$A$2:$C$346,2,0))^2+(VLOOKUP($A148,városok!$A$2:$C$346,3,0)-VLOOKUP(BJ$1,városok!$A$2:$C$346,3,0))^2)/1000,0)</f>
        <v>296</v>
      </c>
      <c r="BK148">
        <f ca="1">ROUND(SQRT((VLOOKUP($A148,városok!$A$2:$C$346,2,0)-VLOOKUP(BK$1,városok!$A$2:$C$346,2,0))^2+(VLOOKUP($A148,városok!$A$2:$C$346,3,0)-VLOOKUP(BK$1,városok!$A$2:$C$346,3,0))^2)/1000,0)</f>
        <v>276</v>
      </c>
      <c r="BL148">
        <f ca="1">ROUND(SQRT((VLOOKUP($A148,városok!$A$2:$C$346,2,0)-VLOOKUP(BL$1,városok!$A$2:$C$346,2,0))^2+(VLOOKUP($A148,városok!$A$2:$C$346,3,0)-VLOOKUP(BL$1,városok!$A$2:$C$346,3,0))^2)/1000,0)</f>
        <v>404</v>
      </c>
      <c r="BM148">
        <f ca="1">ROUND(SQRT((VLOOKUP($A148,városok!$A$2:$C$346,2,0)-VLOOKUP(BM$1,városok!$A$2:$C$346,2,0))^2+(VLOOKUP($A148,városok!$A$2:$C$346,3,0)-VLOOKUP(BM$1,városok!$A$2:$C$346,3,0))^2)/1000,0)</f>
        <v>376</v>
      </c>
      <c r="BN148">
        <f ca="1">ROUND(SQRT((VLOOKUP($A148,városok!$A$2:$C$346,2,0)-VLOOKUP(BN$1,városok!$A$2:$C$346,2,0))^2+(VLOOKUP($A148,városok!$A$2:$C$346,3,0)-VLOOKUP(BN$1,városok!$A$2:$C$346,3,0))^2)/1000,0)</f>
        <v>399</v>
      </c>
      <c r="BO148">
        <f ca="1">ROUND(SQRT((VLOOKUP($A148,városok!$A$2:$C$346,2,0)-VLOOKUP(BO$1,városok!$A$2:$C$346,2,0))^2+(VLOOKUP($A148,városok!$A$2:$C$346,3,0)-VLOOKUP(BO$1,városok!$A$2:$C$346,3,0))^2)/1000,0)</f>
        <v>299</v>
      </c>
      <c r="BP148">
        <f ca="1">ROUND(SQRT((VLOOKUP($A148,városok!$A$2:$C$346,2,0)-VLOOKUP(BP$1,városok!$A$2:$C$346,2,0))^2+(VLOOKUP($A148,városok!$A$2:$C$346,3,0)-VLOOKUP(BP$1,városok!$A$2:$C$346,3,0))^2)/1000,0)</f>
        <v>292</v>
      </c>
      <c r="BQ148">
        <f ca="1">ROUND(SQRT((VLOOKUP($A148,városok!$A$2:$C$346,2,0)-VLOOKUP(BQ$1,városok!$A$2:$C$346,2,0))^2+(VLOOKUP($A148,városok!$A$2:$C$346,3,0)-VLOOKUP(BQ$1,városok!$A$2:$C$346,3,0))^2)/1000,0)</f>
        <v>305</v>
      </c>
      <c r="BR148">
        <f ca="1">ROUND(SQRT((VLOOKUP($A148,városok!$A$2:$C$346,2,0)-VLOOKUP(BR$1,városok!$A$2:$C$346,2,0))^2+(VLOOKUP($A148,városok!$A$2:$C$346,3,0)-VLOOKUP(BR$1,városok!$A$2:$C$346,3,0))^2)/1000,0)</f>
        <v>362</v>
      </c>
      <c r="BS148">
        <f ca="1">ROUND(SQRT((VLOOKUP($A148,városok!$A$2:$C$346,2,0)-VLOOKUP(BS$1,városok!$A$2:$C$346,2,0))^2+(VLOOKUP($A148,városok!$A$2:$C$346,3,0)-VLOOKUP(BS$1,városok!$A$2:$C$346,3,0))^2)/1000,0)</f>
        <v>392</v>
      </c>
      <c r="BT148">
        <f ca="1">ROUND(SQRT((VLOOKUP($A148,városok!$A$2:$C$346,2,0)-VLOOKUP(BT$1,városok!$A$2:$C$346,2,0))^2+(VLOOKUP($A148,városok!$A$2:$C$346,3,0)-VLOOKUP(BT$1,városok!$A$2:$C$346,3,0))^2)/1000,0)</f>
        <v>391</v>
      </c>
    </row>
    <row r="149" spans="1:72" x14ac:dyDescent="0.2">
      <c r="A149" t="str">
        <f>városok!A149</f>
        <v>Bélapátfalva</v>
      </c>
      <c r="B149">
        <f ca="1">ROUND(SQRT((VLOOKUP($A149,városok!$A$2:$C$346,2,0)-VLOOKUP(B$1,városok!$A$2:$C$346,2,0))^2+(VLOOKUP($A149,városok!$A$2:$C$346,3,0)-VLOOKUP(B$1,városok!$A$2:$C$346,3,0))^2)/1000,0)</f>
        <v>233</v>
      </c>
      <c r="C149">
        <f ca="1">ROUND(SQRT((VLOOKUP($A149,városok!$A$2:$C$346,2,0)-VLOOKUP(C$1,városok!$A$2:$C$346,2,0))^2+(VLOOKUP($A149,városok!$A$2:$C$346,3,0)-VLOOKUP(C$1,városok!$A$2:$C$346,3,0))^2)/1000,0)</f>
        <v>199</v>
      </c>
      <c r="D149">
        <f ca="1">ROUND(SQRT((VLOOKUP($A149,városok!$A$2:$C$346,2,0)-VLOOKUP(D$1,városok!$A$2:$C$346,2,0))^2+(VLOOKUP($A149,városok!$A$2:$C$346,3,0)-VLOOKUP(D$1,városok!$A$2:$C$346,3,0))^2)/1000,0)</f>
        <v>137</v>
      </c>
      <c r="E149">
        <f ca="1">ROUND(SQRT((VLOOKUP($A149,városok!$A$2:$C$346,2,0)-VLOOKUP(E$1,városok!$A$2:$C$346,2,0))^2+(VLOOKUP($A149,városok!$A$2:$C$346,3,0)-VLOOKUP(E$1,városok!$A$2:$C$346,3,0))^2)/1000,0)</f>
        <v>261</v>
      </c>
      <c r="F149">
        <f ca="1">ROUND(SQRT((VLOOKUP($A149,városok!$A$2:$C$346,2,0)-VLOOKUP(F$1,városok!$A$2:$C$346,2,0))^2+(VLOOKUP($A149,városok!$A$2:$C$346,3,0)-VLOOKUP(F$1,városok!$A$2:$C$346,3,0))^2)/1000,0)</f>
        <v>262</v>
      </c>
      <c r="G149">
        <f ca="1">ROUND(SQRT((VLOOKUP($A149,városok!$A$2:$C$346,2,0)-VLOOKUP(G$1,városok!$A$2:$C$346,2,0))^2+(VLOOKUP($A149,városok!$A$2:$C$346,3,0)-VLOOKUP(G$1,városok!$A$2:$C$346,3,0))^2)/1000,0)</f>
        <v>272</v>
      </c>
      <c r="H149">
        <f ca="1">ROUND(SQRT((VLOOKUP($A149,városok!$A$2:$C$346,2,0)-VLOOKUP(H$1,városok!$A$2:$C$346,2,0))^2+(VLOOKUP($A149,városok!$A$2:$C$346,3,0)-VLOOKUP(H$1,városok!$A$2:$C$346,3,0))^2)/1000,0)</f>
        <v>296</v>
      </c>
      <c r="I149">
        <f ca="1">ROUND(SQRT((VLOOKUP($A149,városok!$A$2:$C$346,2,0)-VLOOKUP(I$1,városok!$A$2:$C$346,2,0))^2+(VLOOKUP($A149,városok!$A$2:$C$346,3,0)-VLOOKUP(I$1,városok!$A$2:$C$346,3,0))^2)/1000,0)</f>
        <v>163</v>
      </c>
      <c r="J149">
        <f ca="1">ROUND(SQRT((VLOOKUP($A149,városok!$A$2:$C$346,2,0)-VLOOKUP(J$1,városok!$A$2:$C$346,2,0))^2+(VLOOKUP($A149,városok!$A$2:$C$346,3,0)-VLOOKUP(J$1,városok!$A$2:$C$346,3,0))^2)/1000,0)</f>
        <v>172</v>
      </c>
      <c r="K149">
        <f ca="1">ROUND(SQRT((VLOOKUP($A149,városok!$A$2:$C$346,2,0)-VLOOKUP(K$1,városok!$A$2:$C$346,2,0))^2+(VLOOKUP($A149,városok!$A$2:$C$346,3,0)-VLOOKUP(K$1,városok!$A$2:$C$346,3,0))^2)/1000,0)</f>
        <v>168</v>
      </c>
      <c r="L149">
        <f ca="1">ROUND(SQRT((VLOOKUP($A149,városok!$A$2:$C$346,2,0)-VLOOKUP(L$1,városok!$A$2:$C$346,2,0))^2+(VLOOKUP($A149,városok!$A$2:$C$346,3,0)-VLOOKUP(L$1,városok!$A$2:$C$346,3,0))^2)/1000,0)</f>
        <v>31</v>
      </c>
      <c r="M149">
        <f ca="1">ROUND(SQRT((VLOOKUP($A149,városok!$A$2:$C$346,2,0)-VLOOKUP(M$1,városok!$A$2:$C$346,2,0))^2+(VLOOKUP($A149,városok!$A$2:$C$346,3,0)-VLOOKUP(M$1,városok!$A$2:$C$346,3,0))^2)/1000,0)</f>
        <v>34</v>
      </c>
      <c r="N149">
        <f ca="1">ROUND(SQRT((VLOOKUP($A149,városok!$A$2:$C$346,2,0)-VLOOKUP(N$1,városok!$A$2:$C$346,2,0))^2+(VLOOKUP($A149,városok!$A$2:$C$346,3,0)-VLOOKUP(N$1,városok!$A$2:$C$346,3,0))^2)/1000,0)</f>
        <v>19</v>
      </c>
      <c r="O149">
        <f ca="1">ROUND(SQRT((VLOOKUP($A149,városok!$A$2:$C$346,2,0)-VLOOKUP(O$1,városok!$A$2:$C$346,2,0))^2+(VLOOKUP($A149,városok!$A$2:$C$346,3,0)-VLOOKUP(O$1,városok!$A$2:$C$346,3,0))^2)/1000,0)</f>
        <v>104</v>
      </c>
      <c r="P149">
        <f ca="1">ROUND(SQRT((VLOOKUP($A149,városok!$A$2:$C$346,2,0)-VLOOKUP(P$1,városok!$A$2:$C$346,2,0))^2+(VLOOKUP($A149,városok!$A$2:$C$346,3,0)-VLOOKUP(P$1,városok!$A$2:$C$346,3,0))^2)/1000,0)</f>
        <v>104</v>
      </c>
      <c r="Q149">
        <f ca="1">ROUND(SQRT((VLOOKUP($A149,városok!$A$2:$C$346,2,0)-VLOOKUP(Q$1,városok!$A$2:$C$346,2,0))^2+(VLOOKUP($A149,városok!$A$2:$C$346,3,0)-VLOOKUP(Q$1,városok!$A$2:$C$346,3,0))^2)/1000,0)</f>
        <v>182</v>
      </c>
      <c r="R149">
        <f ca="1">ROUND(SQRT((VLOOKUP($A149,városok!$A$2:$C$346,2,0)-VLOOKUP(R$1,városok!$A$2:$C$346,2,0))^2+(VLOOKUP($A149,városok!$A$2:$C$346,3,0)-VLOOKUP(R$1,városok!$A$2:$C$346,3,0))^2)/1000,0)</f>
        <v>204</v>
      </c>
      <c r="S149">
        <f ca="1">ROUND(SQRT((VLOOKUP($A149,városok!$A$2:$C$346,2,0)-VLOOKUP(S$1,városok!$A$2:$C$346,2,0))^2+(VLOOKUP($A149,városok!$A$2:$C$346,3,0)-VLOOKUP(S$1,városok!$A$2:$C$346,3,0))^2)/1000,0)</f>
        <v>202</v>
      </c>
      <c r="T149">
        <f ca="1">ROUND(SQRT((VLOOKUP($A149,városok!$A$2:$C$346,2,0)-VLOOKUP(T$1,városok!$A$2:$C$346,2,0))^2+(VLOOKUP($A149,városok!$A$2:$C$346,3,0)-VLOOKUP(T$1,városok!$A$2:$C$346,3,0))^2)/1000,0)</f>
        <v>143</v>
      </c>
      <c r="U149">
        <f ca="1">ROUND(SQRT((VLOOKUP($A149,városok!$A$2:$C$346,2,0)-VLOOKUP(U$1,városok!$A$2:$C$346,2,0))^2+(VLOOKUP($A149,városok!$A$2:$C$346,3,0)-VLOOKUP(U$1,városok!$A$2:$C$346,3,0))^2)/1000,0)</f>
        <v>161</v>
      </c>
      <c r="V149">
        <f ca="1">ROUND(SQRT((VLOOKUP($A149,városok!$A$2:$C$346,2,0)-VLOOKUP(V$1,városok!$A$2:$C$346,2,0))^2+(VLOOKUP($A149,városok!$A$2:$C$346,3,0)-VLOOKUP(V$1,városok!$A$2:$C$346,3,0))^2)/1000,0)</f>
        <v>190</v>
      </c>
      <c r="W149">
        <f ca="1">ROUND(SQRT((VLOOKUP($A149,városok!$A$2:$C$346,2,0)-VLOOKUP(W$1,városok!$A$2:$C$346,2,0))^2+(VLOOKUP($A149,városok!$A$2:$C$346,3,0)-VLOOKUP(W$1,városok!$A$2:$C$346,3,0))^2)/1000,0)</f>
        <v>184</v>
      </c>
      <c r="X149">
        <f ca="1">ROUND(SQRT((VLOOKUP($A149,városok!$A$2:$C$346,2,0)-VLOOKUP(X$1,városok!$A$2:$C$346,2,0))^2+(VLOOKUP($A149,városok!$A$2:$C$346,3,0)-VLOOKUP(X$1,városok!$A$2:$C$346,3,0))^2)/1000,0)</f>
        <v>174</v>
      </c>
      <c r="Y149">
        <f ca="1">ROUND(SQRT((VLOOKUP($A149,városok!$A$2:$C$346,2,0)-VLOOKUP(Y$1,városok!$A$2:$C$346,2,0))^2+(VLOOKUP($A149,városok!$A$2:$C$346,3,0)-VLOOKUP(Y$1,városok!$A$2:$C$346,3,0))^2)/1000,0)</f>
        <v>207</v>
      </c>
      <c r="Z149">
        <f ca="1">ROUND(SQRT((VLOOKUP($A149,városok!$A$2:$C$346,2,0)-VLOOKUP(Z$1,városok!$A$2:$C$346,2,0))^2+(VLOOKUP($A149,városok!$A$2:$C$346,3,0)-VLOOKUP(Z$1,városok!$A$2:$C$346,3,0))^2)/1000,0)</f>
        <v>224</v>
      </c>
      <c r="AA149">
        <f ca="1">ROUND(SQRT((VLOOKUP($A149,városok!$A$2:$C$346,2,0)-VLOOKUP(AA$1,városok!$A$2:$C$346,2,0))^2+(VLOOKUP($A149,városok!$A$2:$C$346,3,0)-VLOOKUP(AA$1,városok!$A$2:$C$346,3,0))^2)/1000,0)</f>
        <v>285</v>
      </c>
      <c r="AB149">
        <f ca="1">ROUND(SQRT((VLOOKUP($A149,városok!$A$2:$C$346,2,0)-VLOOKUP(AB$1,városok!$A$2:$C$346,2,0))^2+(VLOOKUP($A149,városok!$A$2:$C$346,3,0)-VLOOKUP(AB$1,városok!$A$2:$C$346,3,0))^2)/1000,0)</f>
        <v>113</v>
      </c>
      <c r="AC149">
        <f ca="1">ROUND(SQRT((VLOOKUP($A149,városok!$A$2:$C$346,2,0)-VLOOKUP(AC$1,városok!$A$2:$C$346,2,0))^2+(VLOOKUP($A149,városok!$A$2:$C$346,3,0)-VLOOKUP(AC$1,városok!$A$2:$C$346,3,0))^2)/1000,0)</f>
        <v>104</v>
      </c>
      <c r="AD149">
        <f ca="1">ROUND(SQRT((VLOOKUP($A149,városok!$A$2:$C$346,2,0)-VLOOKUP(AD$1,városok!$A$2:$C$346,2,0))^2+(VLOOKUP($A149,városok!$A$2:$C$346,3,0)-VLOOKUP(AD$1,városok!$A$2:$C$346,3,0))^2)/1000,0)</f>
        <v>93</v>
      </c>
      <c r="AE149">
        <f ca="1">ROUND(SQRT((VLOOKUP($A149,városok!$A$2:$C$346,2,0)-VLOOKUP(AE$1,városok!$A$2:$C$346,2,0))^2+(VLOOKUP($A149,városok!$A$2:$C$346,3,0)-VLOOKUP(AE$1,városok!$A$2:$C$346,3,0))^2)/1000,0)</f>
        <v>106</v>
      </c>
      <c r="AF149">
        <f ca="1">ROUND(SQRT((VLOOKUP($A149,városok!$A$2:$C$346,2,0)-VLOOKUP(AF$1,városok!$A$2:$C$346,2,0))^2+(VLOOKUP($A149,városok!$A$2:$C$346,3,0)-VLOOKUP(AF$1,városok!$A$2:$C$346,3,0))^2)/1000,0)</f>
        <v>17</v>
      </c>
      <c r="AG149">
        <f ca="1">ROUND(SQRT((VLOOKUP($A149,városok!$A$2:$C$346,2,0)-VLOOKUP(AG$1,városok!$A$2:$C$346,2,0))^2+(VLOOKUP($A149,városok!$A$2:$C$346,3,0)-VLOOKUP(AG$1,városok!$A$2:$C$346,3,0))^2)/1000,0)</f>
        <v>44</v>
      </c>
      <c r="AH149">
        <f ca="1">ROUND(SQRT((VLOOKUP($A149,városok!$A$2:$C$346,2,0)-VLOOKUP(AH$1,városok!$A$2:$C$346,2,0))^2+(VLOOKUP($A149,városok!$A$2:$C$346,3,0)-VLOOKUP(AH$1,városok!$A$2:$C$346,3,0))^2)/1000,0)</f>
        <v>66</v>
      </c>
      <c r="AI149">
        <f ca="1">ROUND(SQRT((VLOOKUP($A149,városok!$A$2:$C$346,2,0)-VLOOKUP(AI$1,városok!$A$2:$C$346,2,0))^2+(VLOOKUP($A149,városok!$A$2:$C$346,3,0)-VLOOKUP(AI$1,városok!$A$2:$C$346,3,0))^2)/1000,0)</f>
        <v>19</v>
      </c>
      <c r="AJ149">
        <f ca="1">ROUND(SQRT((VLOOKUP($A149,városok!$A$2:$C$346,2,0)-VLOOKUP(AJ$1,városok!$A$2:$C$346,2,0))^2+(VLOOKUP($A149,városok!$A$2:$C$346,3,0)-VLOOKUP(AJ$1,városok!$A$2:$C$346,3,0))^2)/1000,0)</f>
        <v>54</v>
      </c>
      <c r="AK149">
        <f ca="1">ROUND(SQRT((VLOOKUP($A149,városok!$A$2:$C$346,2,0)-VLOOKUP(AK$1,városok!$A$2:$C$346,2,0))^2+(VLOOKUP($A149,városok!$A$2:$C$346,3,0)-VLOOKUP(AK$1,városok!$A$2:$C$346,3,0))^2)/1000,0)</f>
        <v>98</v>
      </c>
      <c r="AL149">
        <f ca="1">ROUND(SQRT((VLOOKUP($A149,városok!$A$2:$C$346,2,0)-VLOOKUP(AL$1,városok!$A$2:$C$346,2,0))^2+(VLOOKUP($A149,városok!$A$2:$C$346,3,0)-VLOOKUP(AL$1,városok!$A$2:$C$346,3,0))^2)/1000,0)</f>
        <v>79</v>
      </c>
      <c r="AM149">
        <f ca="1">ROUND(SQRT((VLOOKUP($A149,városok!$A$2:$C$346,2,0)-VLOOKUP(AM$1,városok!$A$2:$C$346,2,0))^2+(VLOOKUP($A149,városok!$A$2:$C$346,3,0)-VLOOKUP(AM$1,városok!$A$2:$C$346,3,0))^2)/1000,0)</f>
        <v>98</v>
      </c>
      <c r="AN149">
        <f ca="1">ROUND(SQRT((VLOOKUP($A149,városok!$A$2:$C$346,2,0)-VLOOKUP(AN$1,városok!$A$2:$C$346,2,0))^2+(VLOOKUP($A149,városok!$A$2:$C$346,3,0)-VLOOKUP(AN$1,városok!$A$2:$C$346,3,0))^2)/1000,0)</f>
        <v>124</v>
      </c>
      <c r="AO149">
        <f ca="1">ROUND(SQRT((VLOOKUP($A149,városok!$A$2:$C$346,2,0)-VLOOKUP(AO$1,városok!$A$2:$C$346,2,0))^2+(VLOOKUP($A149,városok!$A$2:$C$346,3,0)-VLOOKUP(AO$1,városok!$A$2:$C$346,3,0))^2)/1000,0)</f>
        <v>170</v>
      </c>
      <c r="AP149">
        <f ca="1">ROUND(SQRT((VLOOKUP($A149,városok!$A$2:$C$346,2,0)-VLOOKUP(AP$1,városok!$A$2:$C$346,2,0))^2+(VLOOKUP($A149,városok!$A$2:$C$346,3,0)-VLOOKUP(AP$1,városok!$A$2:$C$346,3,0))^2)/1000,0)</f>
        <v>158</v>
      </c>
      <c r="AQ149">
        <f ca="1">ROUND(SQRT((VLOOKUP($A149,városok!$A$2:$C$346,2,0)-VLOOKUP(AQ$1,városok!$A$2:$C$346,2,0))^2+(VLOOKUP($A149,városok!$A$2:$C$346,3,0)-VLOOKUP(AQ$1,városok!$A$2:$C$346,3,0))^2)/1000,0)</f>
        <v>155</v>
      </c>
      <c r="AR149">
        <f ca="1">ROUND(SQRT((VLOOKUP($A149,városok!$A$2:$C$346,2,0)-VLOOKUP(AR$1,városok!$A$2:$C$346,2,0))^2+(VLOOKUP($A149,városok!$A$2:$C$346,3,0)-VLOOKUP(AR$1,városok!$A$2:$C$346,3,0))^2)/1000,0)</f>
        <v>51</v>
      </c>
      <c r="AS149">
        <f ca="1">ROUND(SQRT((VLOOKUP($A149,városok!$A$2:$C$346,2,0)-VLOOKUP(AS$1,városok!$A$2:$C$346,2,0))^2+(VLOOKUP($A149,városok!$A$2:$C$346,3,0)-VLOOKUP(AS$1,városok!$A$2:$C$346,3,0))^2)/1000,0)</f>
        <v>40</v>
      </c>
      <c r="AT149">
        <f ca="1">ROUND(SQRT((VLOOKUP($A149,városok!$A$2:$C$346,2,0)-VLOOKUP(AT$1,városok!$A$2:$C$346,2,0))^2+(VLOOKUP($A149,városok!$A$2:$C$346,3,0)-VLOOKUP(AT$1,városok!$A$2:$C$346,3,0))^2)/1000,0)</f>
        <v>132</v>
      </c>
      <c r="AU149">
        <f ca="1">ROUND(SQRT((VLOOKUP($A149,városok!$A$2:$C$346,2,0)-VLOOKUP(AU$1,városok!$A$2:$C$346,2,0))^2+(VLOOKUP($A149,városok!$A$2:$C$346,3,0)-VLOOKUP(AU$1,városok!$A$2:$C$346,3,0))^2)/1000,0)</f>
        <v>123</v>
      </c>
      <c r="AV149">
        <f ca="1">ROUND(SQRT((VLOOKUP($A149,városok!$A$2:$C$346,2,0)-VLOOKUP(AV$1,városok!$A$2:$C$346,2,0))^2+(VLOOKUP($A149,városok!$A$2:$C$346,3,0)-VLOOKUP(AV$1,városok!$A$2:$C$346,3,0))^2)/1000,0)</f>
        <v>127</v>
      </c>
      <c r="AW149">
        <f ca="1">ROUND(SQRT((VLOOKUP($A149,városok!$A$2:$C$346,2,0)-VLOOKUP(AW$1,városok!$A$2:$C$346,2,0))^2+(VLOOKUP($A149,városok!$A$2:$C$346,3,0)-VLOOKUP(AW$1,városok!$A$2:$C$346,3,0))^2)/1000,0)</f>
        <v>131</v>
      </c>
      <c r="AX149">
        <f ca="1">ROUND(SQRT((VLOOKUP($A149,városok!$A$2:$C$346,2,0)-VLOOKUP(AX$1,városok!$A$2:$C$346,2,0))^2+(VLOOKUP($A149,városok!$A$2:$C$346,3,0)-VLOOKUP(AX$1,városok!$A$2:$C$346,3,0))^2)/1000,0)</f>
        <v>122</v>
      </c>
      <c r="AY149">
        <f ca="1">ROUND(SQRT((VLOOKUP($A149,városok!$A$2:$C$346,2,0)-VLOOKUP(AY$1,városok!$A$2:$C$346,2,0))^2+(VLOOKUP($A149,városok!$A$2:$C$346,3,0)-VLOOKUP(AY$1,városok!$A$2:$C$346,3,0))^2)/1000,0)</f>
        <v>105</v>
      </c>
      <c r="AZ149">
        <f ca="1">ROUND(SQRT((VLOOKUP($A149,városok!$A$2:$C$346,2,0)-VLOOKUP(AZ$1,városok!$A$2:$C$346,2,0))^2+(VLOOKUP($A149,városok!$A$2:$C$346,3,0)-VLOOKUP(AZ$1,városok!$A$2:$C$346,3,0))^2)/1000,0)</f>
        <v>107</v>
      </c>
      <c r="BA149">
        <f ca="1">ROUND(SQRT((VLOOKUP($A149,városok!$A$2:$C$346,2,0)-VLOOKUP(BA$1,városok!$A$2:$C$346,2,0))^2+(VLOOKUP($A149,városok!$A$2:$C$346,3,0)-VLOOKUP(BA$1,városok!$A$2:$C$346,3,0))^2)/1000,0)</f>
        <v>245</v>
      </c>
      <c r="BB149">
        <f ca="1">ROUND(SQRT((VLOOKUP($A149,városok!$A$2:$C$346,2,0)-VLOOKUP(BB$1,városok!$A$2:$C$346,2,0))^2+(VLOOKUP($A149,városok!$A$2:$C$346,3,0)-VLOOKUP(BB$1,városok!$A$2:$C$346,3,0))^2)/1000,0)</f>
        <v>248</v>
      </c>
      <c r="BC149">
        <f ca="1">ROUND(SQRT((VLOOKUP($A149,városok!$A$2:$C$346,2,0)-VLOOKUP(BC$1,városok!$A$2:$C$346,2,0))^2+(VLOOKUP($A149,városok!$A$2:$C$346,3,0)-VLOOKUP(BC$1,városok!$A$2:$C$346,3,0))^2)/1000,0)</f>
        <v>270</v>
      </c>
      <c r="BD149">
        <f ca="1">ROUND(SQRT((VLOOKUP($A149,városok!$A$2:$C$346,2,0)-VLOOKUP(BD$1,városok!$A$2:$C$346,2,0))^2+(VLOOKUP($A149,városok!$A$2:$C$346,3,0)-VLOOKUP(BD$1,városok!$A$2:$C$346,3,0))^2)/1000,0)</f>
        <v>214</v>
      </c>
      <c r="BE149">
        <f ca="1">ROUND(SQRT((VLOOKUP($A149,városok!$A$2:$C$346,2,0)-VLOOKUP(BE$1,városok!$A$2:$C$346,2,0))^2+(VLOOKUP($A149,városok!$A$2:$C$346,3,0)-VLOOKUP(BE$1,városok!$A$2:$C$346,3,0))^2)/1000,0)</f>
        <v>175</v>
      </c>
      <c r="BF149">
        <f ca="1">ROUND(SQRT((VLOOKUP($A149,városok!$A$2:$C$346,2,0)-VLOOKUP(BF$1,városok!$A$2:$C$346,2,0))^2+(VLOOKUP($A149,városok!$A$2:$C$346,3,0)-VLOOKUP(BF$1,városok!$A$2:$C$346,3,0))^2)/1000,0)</f>
        <v>130</v>
      </c>
      <c r="BG149">
        <f ca="1">ROUND(SQRT((VLOOKUP($A149,városok!$A$2:$C$346,2,0)-VLOOKUP(BG$1,városok!$A$2:$C$346,2,0))^2+(VLOOKUP($A149,városok!$A$2:$C$346,3,0)-VLOOKUP(BG$1,városok!$A$2:$C$346,3,0))^2)/1000,0)</f>
        <v>84</v>
      </c>
      <c r="BH149">
        <f ca="1">ROUND(SQRT((VLOOKUP($A149,városok!$A$2:$C$346,2,0)-VLOOKUP(BH$1,városok!$A$2:$C$346,2,0))^2+(VLOOKUP($A149,városok!$A$2:$C$346,3,0)-VLOOKUP(BH$1,városok!$A$2:$C$346,3,0))^2)/1000,0)</f>
        <v>83</v>
      </c>
      <c r="BI149">
        <f ca="1">ROUND(SQRT((VLOOKUP($A149,városok!$A$2:$C$346,2,0)-VLOOKUP(BI$1,városok!$A$2:$C$346,2,0))^2+(VLOOKUP($A149,városok!$A$2:$C$346,3,0)-VLOOKUP(BI$1,városok!$A$2:$C$346,3,0))^2)/1000,0)</f>
        <v>226</v>
      </c>
      <c r="BJ149">
        <f ca="1">ROUND(SQRT((VLOOKUP($A149,városok!$A$2:$C$346,2,0)-VLOOKUP(BJ$1,városok!$A$2:$C$346,2,0))^2+(VLOOKUP($A149,városok!$A$2:$C$346,3,0)-VLOOKUP(BJ$1,városok!$A$2:$C$346,3,0))^2)/1000,0)</f>
        <v>244</v>
      </c>
      <c r="BK149">
        <f ca="1">ROUND(SQRT((VLOOKUP($A149,városok!$A$2:$C$346,2,0)-VLOOKUP(BK$1,városok!$A$2:$C$346,2,0))^2+(VLOOKUP($A149,városok!$A$2:$C$346,3,0)-VLOOKUP(BK$1,városok!$A$2:$C$346,3,0))^2)/1000,0)</f>
        <v>227</v>
      </c>
      <c r="BL149">
        <f ca="1">ROUND(SQRT((VLOOKUP($A149,városok!$A$2:$C$346,2,0)-VLOOKUP(BL$1,városok!$A$2:$C$346,2,0))^2+(VLOOKUP($A149,városok!$A$2:$C$346,3,0)-VLOOKUP(BL$1,városok!$A$2:$C$346,3,0))^2)/1000,0)</f>
        <v>305</v>
      </c>
      <c r="BM149">
        <f ca="1">ROUND(SQRT((VLOOKUP($A149,városok!$A$2:$C$346,2,0)-VLOOKUP(BM$1,városok!$A$2:$C$346,2,0))^2+(VLOOKUP($A149,városok!$A$2:$C$346,3,0)-VLOOKUP(BM$1,városok!$A$2:$C$346,3,0))^2)/1000,0)</f>
        <v>272</v>
      </c>
      <c r="BN149">
        <f ca="1">ROUND(SQRT((VLOOKUP($A149,városok!$A$2:$C$346,2,0)-VLOOKUP(BN$1,városok!$A$2:$C$346,2,0))^2+(VLOOKUP($A149,városok!$A$2:$C$346,3,0)-VLOOKUP(BN$1,városok!$A$2:$C$346,3,0))^2)/1000,0)</f>
        <v>294</v>
      </c>
      <c r="BO149">
        <f ca="1">ROUND(SQRT((VLOOKUP($A149,városok!$A$2:$C$346,2,0)-VLOOKUP(BO$1,városok!$A$2:$C$346,2,0))^2+(VLOOKUP($A149,városok!$A$2:$C$346,3,0)-VLOOKUP(BO$1,városok!$A$2:$C$346,3,0))^2)/1000,0)</f>
        <v>210</v>
      </c>
      <c r="BP149">
        <f ca="1">ROUND(SQRT((VLOOKUP($A149,városok!$A$2:$C$346,2,0)-VLOOKUP(BP$1,városok!$A$2:$C$346,2,0))^2+(VLOOKUP($A149,városok!$A$2:$C$346,3,0)-VLOOKUP(BP$1,városok!$A$2:$C$346,3,0))^2)/1000,0)</f>
        <v>203</v>
      </c>
      <c r="BQ149">
        <f ca="1">ROUND(SQRT((VLOOKUP($A149,városok!$A$2:$C$346,2,0)-VLOOKUP(BQ$1,városok!$A$2:$C$346,2,0))^2+(VLOOKUP($A149,városok!$A$2:$C$346,3,0)-VLOOKUP(BQ$1,városok!$A$2:$C$346,3,0))^2)/1000,0)</f>
        <v>212</v>
      </c>
      <c r="BR149">
        <f ca="1">ROUND(SQRT((VLOOKUP($A149,városok!$A$2:$C$346,2,0)-VLOOKUP(BR$1,városok!$A$2:$C$346,2,0))^2+(VLOOKUP($A149,városok!$A$2:$C$346,3,0)-VLOOKUP(BR$1,városok!$A$2:$C$346,3,0))^2)/1000,0)</f>
        <v>274</v>
      </c>
      <c r="BS149">
        <f ca="1">ROUND(SQRT((VLOOKUP($A149,városok!$A$2:$C$346,2,0)-VLOOKUP(BS$1,városok!$A$2:$C$346,2,0))^2+(VLOOKUP($A149,városok!$A$2:$C$346,3,0)-VLOOKUP(BS$1,városok!$A$2:$C$346,3,0))^2)/1000,0)</f>
        <v>310</v>
      </c>
      <c r="BT149">
        <f ca="1">ROUND(SQRT((VLOOKUP($A149,városok!$A$2:$C$346,2,0)-VLOOKUP(BT$1,városok!$A$2:$C$346,2,0))^2+(VLOOKUP($A149,városok!$A$2:$C$346,3,0)-VLOOKUP(BT$1,városok!$A$2:$C$346,3,0))^2)/1000,0)</f>
        <v>297</v>
      </c>
    </row>
    <row r="150" spans="1:72" x14ac:dyDescent="0.2">
      <c r="A150" t="str">
        <f>városok!A150</f>
        <v>Eger</v>
      </c>
      <c r="B150">
        <f ca="1">ROUND(SQRT((VLOOKUP($A150,városok!$A$2:$C$346,2,0)-VLOOKUP(B$1,városok!$A$2:$C$346,2,0))^2+(VLOOKUP($A150,városok!$A$2:$C$346,3,0)-VLOOKUP(B$1,városok!$A$2:$C$346,3,0))^2)/1000,0)</f>
        <v>219</v>
      </c>
      <c r="C150">
        <f ca="1">ROUND(SQRT((VLOOKUP($A150,városok!$A$2:$C$346,2,0)-VLOOKUP(C$1,városok!$A$2:$C$346,2,0))^2+(VLOOKUP($A150,városok!$A$2:$C$346,3,0)-VLOOKUP(C$1,városok!$A$2:$C$346,3,0))^2)/1000,0)</f>
        <v>186</v>
      </c>
      <c r="D150">
        <f ca="1">ROUND(SQRT((VLOOKUP($A150,városok!$A$2:$C$346,2,0)-VLOOKUP(D$1,városok!$A$2:$C$346,2,0))^2+(VLOOKUP($A150,városok!$A$2:$C$346,3,0)-VLOOKUP(D$1,városok!$A$2:$C$346,3,0))^2)/1000,0)</f>
        <v>122</v>
      </c>
      <c r="E150">
        <f ca="1">ROUND(SQRT((VLOOKUP($A150,városok!$A$2:$C$346,2,0)-VLOOKUP(E$1,városok!$A$2:$C$346,2,0))^2+(VLOOKUP($A150,városok!$A$2:$C$346,3,0)-VLOOKUP(E$1,városok!$A$2:$C$346,3,0))^2)/1000,0)</f>
        <v>249</v>
      </c>
      <c r="F150">
        <f ca="1">ROUND(SQRT((VLOOKUP($A150,városok!$A$2:$C$346,2,0)-VLOOKUP(F$1,városok!$A$2:$C$346,2,0))^2+(VLOOKUP($A150,városok!$A$2:$C$346,3,0)-VLOOKUP(F$1,városok!$A$2:$C$346,3,0))^2)/1000,0)</f>
        <v>248</v>
      </c>
      <c r="G150">
        <f ca="1">ROUND(SQRT((VLOOKUP($A150,városok!$A$2:$C$346,2,0)-VLOOKUP(G$1,városok!$A$2:$C$346,2,0))^2+(VLOOKUP($A150,városok!$A$2:$C$346,3,0)-VLOOKUP(G$1,városok!$A$2:$C$346,3,0))^2)/1000,0)</f>
        <v>259</v>
      </c>
      <c r="H150">
        <f ca="1">ROUND(SQRT((VLOOKUP($A150,városok!$A$2:$C$346,2,0)-VLOOKUP(H$1,városok!$A$2:$C$346,2,0))^2+(VLOOKUP($A150,városok!$A$2:$C$346,3,0)-VLOOKUP(H$1,városok!$A$2:$C$346,3,0))^2)/1000,0)</f>
        <v>285</v>
      </c>
      <c r="I150">
        <f ca="1">ROUND(SQRT((VLOOKUP($A150,városok!$A$2:$C$346,2,0)-VLOOKUP(I$1,városok!$A$2:$C$346,2,0))^2+(VLOOKUP($A150,városok!$A$2:$C$346,3,0)-VLOOKUP(I$1,városok!$A$2:$C$346,3,0))^2)/1000,0)</f>
        <v>146</v>
      </c>
      <c r="J150">
        <f ca="1">ROUND(SQRT((VLOOKUP($A150,városok!$A$2:$C$346,2,0)-VLOOKUP(J$1,városok!$A$2:$C$346,2,0))^2+(VLOOKUP($A150,városok!$A$2:$C$346,3,0)-VLOOKUP(J$1,városok!$A$2:$C$346,3,0))^2)/1000,0)</f>
        <v>155</v>
      </c>
      <c r="K150">
        <f ca="1">ROUND(SQRT((VLOOKUP($A150,városok!$A$2:$C$346,2,0)-VLOOKUP(K$1,városok!$A$2:$C$346,2,0))^2+(VLOOKUP($A150,városok!$A$2:$C$346,3,0)-VLOOKUP(K$1,városok!$A$2:$C$346,3,0))^2)/1000,0)</f>
        <v>150</v>
      </c>
      <c r="L150">
        <f ca="1">ROUND(SQRT((VLOOKUP($A150,városok!$A$2:$C$346,2,0)-VLOOKUP(L$1,városok!$A$2:$C$346,2,0))^2+(VLOOKUP($A150,városok!$A$2:$C$346,3,0)-VLOOKUP(L$1,városok!$A$2:$C$346,3,0))^2)/1000,0)</f>
        <v>44</v>
      </c>
      <c r="M150">
        <f ca="1">ROUND(SQRT((VLOOKUP($A150,városok!$A$2:$C$346,2,0)-VLOOKUP(M$1,városok!$A$2:$C$346,2,0))^2+(VLOOKUP($A150,városok!$A$2:$C$346,3,0)-VLOOKUP(M$1,városok!$A$2:$C$346,3,0))^2)/1000,0)</f>
        <v>39</v>
      </c>
      <c r="N150">
        <f ca="1">ROUND(SQRT((VLOOKUP($A150,városok!$A$2:$C$346,2,0)-VLOOKUP(N$1,városok!$A$2:$C$346,2,0))^2+(VLOOKUP($A150,városok!$A$2:$C$346,3,0)-VLOOKUP(N$1,városok!$A$2:$C$346,3,0))^2)/1000,0)</f>
        <v>36</v>
      </c>
      <c r="O150">
        <f ca="1">ROUND(SQRT((VLOOKUP($A150,városok!$A$2:$C$346,2,0)-VLOOKUP(O$1,városok!$A$2:$C$346,2,0))^2+(VLOOKUP($A150,városok!$A$2:$C$346,3,0)-VLOOKUP(O$1,városok!$A$2:$C$346,3,0))^2)/1000,0)</f>
        <v>110</v>
      </c>
      <c r="P150">
        <f ca="1">ROUND(SQRT((VLOOKUP($A150,városok!$A$2:$C$346,2,0)-VLOOKUP(P$1,városok!$A$2:$C$346,2,0))^2+(VLOOKUP($A150,városok!$A$2:$C$346,3,0)-VLOOKUP(P$1,városok!$A$2:$C$346,3,0))^2)/1000,0)</f>
        <v>110</v>
      </c>
      <c r="Q150">
        <f ca="1">ROUND(SQRT((VLOOKUP($A150,városok!$A$2:$C$346,2,0)-VLOOKUP(Q$1,városok!$A$2:$C$346,2,0))^2+(VLOOKUP($A150,városok!$A$2:$C$346,3,0)-VLOOKUP(Q$1,városok!$A$2:$C$346,3,0))^2)/1000,0)</f>
        <v>165</v>
      </c>
      <c r="R150">
        <f ca="1">ROUND(SQRT((VLOOKUP($A150,városok!$A$2:$C$346,2,0)-VLOOKUP(R$1,városok!$A$2:$C$346,2,0))^2+(VLOOKUP($A150,városok!$A$2:$C$346,3,0)-VLOOKUP(R$1,városok!$A$2:$C$346,3,0))^2)/1000,0)</f>
        <v>187</v>
      </c>
      <c r="S150">
        <f ca="1">ROUND(SQRT((VLOOKUP($A150,városok!$A$2:$C$346,2,0)-VLOOKUP(S$1,városok!$A$2:$C$346,2,0))^2+(VLOOKUP($A150,városok!$A$2:$C$346,3,0)-VLOOKUP(S$1,városok!$A$2:$C$346,3,0))^2)/1000,0)</f>
        <v>185</v>
      </c>
      <c r="T150">
        <f ca="1">ROUND(SQRT((VLOOKUP($A150,városok!$A$2:$C$346,2,0)-VLOOKUP(T$1,városok!$A$2:$C$346,2,0))^2+(VLOOKUP($A150,városok!$A$2:$C$346,3,0)-VLOOKUP(T$1,városok!$A$2:$C$346,3,0))^2)/1000,0)</f>
        <v>139</v>
      </c>
      <c r="U150">
        <f ca="1">ROUND(SQRT((VLOOKUP($A150,városok!$A$2:$C$346,2,0)-VLOOKUP(U$1,városok!$A$2:$C$346,2,0))^2+(VLOOKUP($A150,városok!$A$2:$C$346,3,0)-VLOOKUP(U$1,városok!$A$2:$C$346,3,0))^2)/1000,0)</f>
        <v>150</v>
      </c>
      <c r="V150">
        <f ca="1">ROUND(SQRT((VLOOKUP($A150,városok!$A$2:$C$346,2,0)-VLOOKUP(V$1,városok!$A$2:$C$346,2,0))^2+(VLOOKUP($A150,városok!$A$2:$C$346,3,0)-VLOOKUP(V$1,városok!$A$2:$C$346,3,0))^2)/1000,0)</f>
        <v>182</v>
      </c>
      <c r="W150">
        <f ca="1">ROUND(SQRT((VLOOKUP($A150,városok!$A$2:$C$346,2,0)-VLOOKUP(W$1,városok!$A$2:$C$346,2,0))^2+(VLOOKUP($A150,városok!$A$2:$C$346,3,0)-VLOOKUP(W$1,városok!$A$2:$C$346,3,0))^2)/1000,0)</f>
        <v>174</v>
      </c>
      <c r="X150">
        <f ca="1">ROUND(SQRT((VLOOKUP($A150,városok!$A$2:$C$346,2,0)-VLOOKUP(X$1,városok!$A$2:$C$346,2,0))^2+(VLOOKUP($A150,városok!$A$2:$C$346,3,0)-VLOOKUP(X$1,városok!$A$2:$C$346,3,0))^2)/1000,0)</f>
        <v>168</v>
      </c>
      <c r="Y150">
        <f ca="1">ROUND(SQRT((VLOOKUP($A150,városok!$A$2:$C$346,2,0)-VLOOKUP(Y$1,városok!$A$2:$C$346,2,0))^2+(VLOOKUP($A150,városok!$A$2:$C$346,3,0)-VLOOKUP(Y$1,városok!$A$2:$C$346,3,0))^2)/1000,0)</f>
        <v>207</v>
      </c>
      <c r="Z150">
        <f ca="1">ROUND(SQRT((VLOOKUP($A150,városok!$A$2:$C$346,2,0)-VLOOKUP(Z$1,városok!$A$2:$C$346,2,0))^2+(VLOOKUP($A150,városok!$A$2:$C$346,3,0)-VLOOKUP(Z$1,városok!$A$2:$C$346,3,0))^2)/1000,0)</f>
        <v>224</v>
      </c>
      <c r="AA150">
        <f ca="1">ROUND(SQRT((VLOOKUP($A150,városok!$A$2:$C$346,2,0)-VLOOKUP(AA$1,városok!$A$2:$C$346,2,0))^2+(VLOOKUP($A150,városok!$A$2:$C$346,3,0)-VLOOKUP(AA$1,városok!$A$2:$C$346,3,0))^2)/1000,0)</f>
        <v>285</v>
      </c>
      <c r="AB150">
        <f ca="1">ROUND(SQRT((VLOOKUP($A150,városok!$A$2:$C$346,2,0)-VLOOKUP(AB$1,városok!$A$2:$C$346,2,0))^2+(VLOOKUP($A150,városok!$A$2:$C$346,3,0)-VLOOKUP(AB$1,városok!$A$2:$C$346,3,0))^2)/1000,0)</f>
        <v>103</v>
      </c>
      <c r="AC150">
        <f ca="1">ROUND(SQRT((VLOOKUP($A150,városok!$A$2:$C$346,2,0)-VLOOKUP(AC$1,városok!$A$2:$C$346,2,0))^2+(VLOOKUP($A150,városok!$A$2:$C$346,3,0)-VLOOKUP(AC$1,városok!$A$2:$C$346,3,0))^2)/1000,0)</f>
        <v>92</v>
      </c>
      <c r="AD150">
        <f ca="1">ROUND(SQRT((VLOOKUP($A150,városok!$A$2:$C$346,2,0)-VLOOKUP(AD$1,városok!$A$2:$C$346,2,0))^2+(VLOOKUP($A150,városok!$A$2:$C$346,3,0)-VLOOKUP(AD$1,városok!$A$2:$C$346,3,0))^2)/1000,0)</f>
        <v>79</v>
      </c>
      <c r="AE150">
        <f ca="1">ROUND(SQRT((VLOOKUP($A150,városok!$A$2:$C$346,2,0)-VLOOKUP(AE$1,városok!$A$2:$C$346,2,0))^2+(VLOOKUP($A150,városok!$A$2:$C$346,3,0)-VLOOKUP(AE$1,városok!$A$2:$C$346,3,0))^2)/1000,0)</f>
        <v>91</v>
      </c>
      <c r="AF150">
        <f ca="1">ROUND(SQRT((VLOOKUP($A150,városok!$A$2:$C$346,2,0)-VLOOKUP(AF$1,városok!$A$2:$C$346,2,0))^2+(VLOOKUP($A150,városok!$A$2:$C$346,3,0)-VLOOKUP(AF$1,városok!$A$2:$C$346,3,0))^2)/1000,0)</f>
        <v>0</v>
      </c>
      <c r="AG150">
        <f ca="1">ROUND(SQRT((VLOOKUP($A150,városok!$A$2:$C$346,2,0)-VLOOKUP(AG$1,városok!$A$2:$C$346,2,0))^2+(VLOOKUP($A150,városok!$A$2:$C$346,3,0)-VLOOKUP(AG$1,városok!$A$2:$C$346,3,0))^2)/1000,0)</f>
        <v>36</v>
      </c>
      <c r="AH150">
        <f ca="1">ROUND(SQRT((VLOOKUP($A150,városok!$A$2:$C$346,2,0)-VLOOKUP(AH$1,városok!$A$2:$C$346,2,0))^2+(VLOOKUP($A150,városok!$A$2:$C$346,3,0)-VLOOKUP(AH$1,városok!$A$2:$C$346,3,0))^2)/1000,0)</f>
        <v>59</v>
      </c>
      <c r="AI150">
        <f ca="1">ROUND(SQRT((VLOOKUP($A150,városok!$A$2:$C$346,2,0)-VLOOKUP(AI$1,városok!$A$2:$C$346,2,0))^2+(VLOOKUP($A150,városok!$A$2:$C$346,3,0)-VLOOKUP(AI$1,városok!$A$2:$C$346,3,0))^2)/1000,0)</f>
        <v>25</v>
      </c>
      <c r="AJ150">
        <f ca="1">ROUND(SQRT((VLOOKUP($A150,városok!$A$2:$C$346,2,0)-VLOOKUP(AJ$1,városok!$A$2:$C$346,2,0))^2+(VLOOKUP($A150,városok!$A$2:$C$346,3,0)-VLOOKUP(AJ$1,városok!$A$2:$C$346,3,0))^2)/1000,0)</f>
        <v>41</v>
      </c>
      <c r="AK150">
        <f ca="1">ROUND(SQRT((VLOOKUP($A150,városok!$A$2:$C$346,2,0)-VLOOKUP(AK$1,városok!$A$2:$C$346,2,0))^2+(VLOOKUP($A150,városok!$A$2:$C$346,3,0)-VLOOKUP(AK$1,városok!$A$2:$C$346,3,0))^2)/1000,0)</f>
        <v>82</v>
      </c>
      <c r="AL150">
        <f ca="1">ROUND(SQRT((VLOOKUP($A150,városok!$A$2:$C$346,2,0)-VLOOKUP(AL$1,városok!$A$2:$C$346,2,0))^2+(VLOOKUP($A150,városok!$A$2:$C$346,3,0)-VLOOKUP(AL$1,városok!$A$2:$C$346,3,0))^2)/1000,0)</f>
        <v>62</v>
      </c>
      <c r="AM150">
        <f ca="1">ROUND(SQRT((VLOOKUP($A150,városok!$A$2:$C$346,2,0)-VLOOKUP(AM$1,városok!$A$2:$C$346,2,0))^2+(VLOOKUP($A150,városok!$A$2:$C$346,3,0)-VLOOKUP(AM$1,városok!$A$2:$C$346,3,0))^2)/1000,0)</f>
        <v>82</v>
      </c>
      <c r="AN150">
        <f ca="1">ROUND(SQRT((VLOOKUP($A150,városok!$A$2:$C$346,2,0)-VLOOKUP(AN$1,városok!$A$2:$C$346,2,0))^2+(VLOOKUP($A150,városok!$A$2:$C$346,3,0)-VLOOKUP(AN$1,városok!$A$2:$C$346,3,0))^2)/1000,0)</f>
        <v>123</v>
      </c>
      <c r="AO150">
        <f ca="1">ROUND(SQRT((VLOOKUP($A150,városok!$A$2:$C$346,2,0)-VLOOKUP(AO$1,városok!$A$2:$C$346,2,0))^2+(VLOOKUP($A150,városok!$A$2:$C$346,3,0)-VLOOKUP(AO$1,városok!$A$2:$C$346,3,0))^2)/1000,0)</f>
        <v>170</v>
      </c>
      <c r="AP150">
        <f ca="1">ROUND(SQRT((VLOOKUP($A150,városok!$A$2:$C$346,2,0)-VLOOKUP(AP$1,városok!$A$2:$C$346,2,0))^2+(VLOOKUP($A150,városok!$A$2:$C$346,3,0)-VLOOKUP(AP$1,városok!$A$2:$C$346,3,0))^2)/1000,0)</f>
        <v>156</v>
      </c>
      <c r="AQ150">
        <f ca="1">ROUND(SQRT((VLOOKUP($A150,városok!$A$2:$C$346,2,0)-VLOOKUP(AQ$1,városok!$A$2:$C$346,2,0))^2+(VLOOKUP($A150,városok!$A$2:$C$346,3,0)-VLOOKUP(AQ$1,városok!$A$2:$C$346,3,0))^2)/1000,0)</f>
        <v>152</v>
      </c>
      <c r="AR150">
        <f ca="1">ROUND(SQRT((VLOOKUP($A150,városok!$A$2:$C$346,2,0)-VLOOKUP(AR$1,városok!$A$2:$C$346,2,0))^2+(VLOOKUP($A150,városok!$A$2:$C$346,3,0)-VLOOKUP(AR$1,városok!$A$2:$C$346,3,0))^2)/1000,0)</f>
        <v>51</v>
      </c>
      <c r="AS150">
        <f ca="1">ROUND(SQRT((VLOOKUP($A150,városok!$A$2:$C$346,2,0)-VLOOKUP(AS$1,városok!$A$2:$C$346,2,0))^2+(VLOOKUP($A150,városok!$A$2:$C$346,3,0)-VLOOKUP(AS$1,városok!$A$2:$C$346,3,0))^2)/1000,0)</f>
        <v>48</v>
      </c>
      <c r="AT150">
        <f ca="1">ROUND(SQRT((VLOOKUP($A150,városok!$A$2:$C$346,2,0)-VLOOKUP(AT$1,városok!$A$2:$C$346,2,0))^2+(VLOOKUP($A150,városok!$A$2:$C$346,3,0)-VLOOKUP(AT$1,városok!$A$2:$C$346,3,0))^2)/1000,0)</f>
        <v>126</v>
      </c>
      <c r="AU150">
        <f ca="1">ROUND(SQRT((VLOOKUP($A150,városok!$A$2:$C$346,2,0)-VLOOKUP(AU$1,városok!$A$2:$C$346,2,0))^2+(VLOOKUP($A150,városok!$A$2:$C$346,3,0)-VLOOKUP(AU$1,városok!$A$2:$C$346,3,0))^2)/1000,0)</f>
        <v>117</v>
      </c>
      <c r="AV150">
        <f ca="1">ROUND(SQRT((VLOOKUP($A150,városok!$A$2:$C$346,2,0)-VLOOKUP(AV$1,városok!$A$2:$C$346,2,0))^2+(VLOOKUP($A150,városok!$A$2:$C$346,3,0)-VLOOKUP(AV$1,városok!$A$2:$C$346,3,0))^2)/1000,0)</f>
        <v>120</v>
      </c>
      <c r="AW150">
        <f ca="1">ROUND(SQRT((VLOOKUP($A150,városok!$A$2:$C$346,2,0)-VLOOKUP(AW$1,városok!$A$2:$C$346,2,0))^2+(VLOOKUP($A150,városok!$A$2:$C$346,3,0)-VLOOKUP(AW$1,városok!$A$2:$C$346,3,0))^2)/1000,0)</f>
        <v>124</v>
      </c>
      <c r="AX150">
        <f ca="1">ROUND(SQRT((VLOOKUP($A150,városok!$A$2:$C$346,2,0)-VLOOKUP(AX$1,városok!$A$2:$C$346,2,0))^2+(VLOOKUP($A150,városok!$A$2:$C$346,3,0)-VLOOKUP(AX$1,városok!$A$2:$C$346,3,0))^2)/1000,0)</f>
        <v>107</v>
      </c>
      <c r="AY150">
        <f ca="1">ROUND(SQRT((VLOOKUP($A150,városok!$A$2:$C$346,2,0)-VLOOKUP(AY$1,városok!$A$2:$C$346,2,0))^2+(VLOOKUP($A150,városok!$A$2:$C$346,3,0)-VLOOKUP(AY$1,városok!$A$2:$C$346,3,0))^2)/1000,0)</f>
        <v>101</v>
      </c>
      <c r="AZ150">
        <f ca="1">ROUND(SQRT((VLOOKUP($A150,városok!$A$2:$C$346,2,0)-VLOOKUP(AZ$1,városok!$A$2:$C$346,2,0))^2+(VLOOKUP($A150,városok!$A$2:$C$346,3,0)-VLOOKUP(AZ$1,városok!$A$2:$C$346,3,0))^2)/1000,0)</f>
        <v>106</v>
      </c>
      <c r="BA150">
        <f ca="1">ROUND(SQRT((VLOOKUP($A150,városok!$A$2:$C$346,2,0)-VLOOKUP(BA$1,városok!$A$2:$C$346,2,0))^2+(VLOOKUP($A150,városok!$A$2:$C$346,3,0)-VLOOKUP(BA$1,városok!$A$2:$C$346,3,0))^2)/1000,0)</f>
        <v>237</v>
      </c>
      <c r="BB150">
        <f ca="1">ROUND(SQRT((VLOOKUP($A150,városok!$A$2:$C$346,2,0)-VLOOKUP(BB$1,városok!$A$2:$C$346,2,0))^2+(VLOOKUP($A150,városok!$A$2:$C$346,3,0)-VLOOKUP(BB$1,városok!$A$2:$C$346,3,0))^2)/1000,0)</f>
        <v>239</v>
      </c>
      <c r="BC150">
        <f ca="1">ROUND(SQRT((VLOOKUP($A150,városok!$A$2:$C$346,2,0)-VLOOKUP(BC$1,városok!$A$2:$C$346,2,0))^2+(VLOOKUP($A150,városok!$A$2:$C$346,3,0)-VLOOKUP(BC$1,városok!$A$2:$C$346,3,0))^2)/1000,0)</f>
        <v>260</v>
      </c>
      <c r="BD150">
        <f ca="1">ROUND(SQRT((VLOOKUP($A150,városok!$A$2:$C$346,2,0)-VLOOKUP(BD$1,városok!$A$2:$C$346,2,0))^2+(VLOOKUP($A150,városok!$A$2:$C$346,3,0)-VLOOKUP(BD$1,városok!$A$2:$C$346,3,0))^2)/1000,0)</f>
        <v>206</v>
      </c>
      <c r="BE150">
        <f ca="1">ROUND(SQRT((VLOOKUP($A150,városok!$A$2:$C$346,2,0)-VLOOKUP(BE$1,városok!$A$2:$C$346,2,0))^2+(VLOOKUP($A150,városok!$A$2:$C$346,3,0)-VLOOKUP(BE$1,városok!$A$2:$C$346,3,0))^2)/1000,0)</f>
        <v>172</v>
      </c>
      <c r="BF150">
        <f ca="1">ROUND(SQRT((VLOOKUP($A150,városok!$A$2:$C$346,2,0)-VLOOKUP(BF$1,városok!$A$2:$C$346,2,0))^2+(VLOOKUP($A150,városok!$A$2:$C$346,3,0)-VLOOKUP(BF$1,városok!$A$2:$C$346,3,0))^2)/1000,0)</f>
        <v>132</v>
      </c>
      <c r="BG150">
        <f ca="1">ROUND(SQRT((VLOOKUP($A150,városok!$A$2:$C$346,2,0)-VLOOKUP(BG$1,városok!$A$2:$C$346,2,0))^2+(VLOOKUP($A150,városok!$A$2:$C$346,3,0)-VLOOKUP(BG$1,városok!$A$2:$C$346,3,0))^2)/1000,0)</f>
        <v>85</v>
      </c>
      <c r="BH150">
        <f ca="1">ROUND(SQRT((VLOOKUP($A150,városok!$A$2:$C$346,2,0)-VLOOKUP(BH$1,városok!$A$2:$C$346,2,0))^2+(VLOOKUP($A150,városok!$A$2:$C$346,3,0)-VLOOKUP(BH$1,városok!$A$2:$C$346,3,0))^2)/1000,0)</f>
        <v>85</v>
      </c>
      <c r="BI150">
        <f ca="1">ROUND(SQRT((VLOOKUP($A150,városok!$A$2:$C$346,2,0)-VLOOKUP(BI$1,városok!$A$2:$C$346,2,0))^2+(VLOOKUP($A150,városok!$A$2:$C$346,3,0)-VLOOKUP(BI$1,városok!$A$2:$C$346,3,0))^2)/1000,0)</f>
        <v>214</v>
      </c>
      <c r="BJ150">
        <f ca="1">ROUND(SQRT((VLOOKUP($A150,városok!$A$2:$C$346,2,0)-VLOOKUP(BJ$1,városok!$A$2:$C$346,2,0))^2+(VLOOKUP($A150,városok!$A$2:$C$346,3,0)-VLOOKUP(BJ$1,városok!$A$2:$C$346,3,0))^2)/1000,0)</f>
        <v>231</v>
      </c>
      <c r="BK150">
        <f ca="1">ROUND(SQRT((VLOOKUP($A150,városok!$A$2:$C$346,2,0)-VLOOKUP(BK$1,városok!$A$2:$C$346,2,0))^2+(VLOOKUP($A150,városok!$A$2:$C$346,3,0)-VLOOKUP(BK$1,városok!$A$2:$C$346,3,0))^2)/1000,0)</f>
        <v>214</v>
      </c>
      <c r="BL150">
        <f ca="1">ROUND(SQRT((VLOOKUP($A150,városok!$A$2:$C$346,2,0)-VLOOKUP(BL$1,városok!$A$2:$C$346,2,0))^2+(VLOOKUP($A150,városok!$A$2:$C$346,3,0)-VLOOKUP(BL$1,városok!$A$2:$C$346,3,0))^2)/1000,0)</f>
        <v>301</v>
      </c>
      <c r="BM150">
        <f ca="1">ROUND(SQRT((VLOOKUP($A150,városok!$A$2:$C$346,2,0)-VLOOKUP(BM$1,városok!$A$2:$C$346,2,0))^2+(VLOOKUP($A150,városok!$A$2:$C$346,3,0)-VLOOKUP(BM$1,városok!$A$2:$C$346,3,0))^2)/1000,0)</f>
        <v>269</v>
      </c>
      <c r="BN150">
        <f ca="1">ROUND(SQRT((VLOOKUP($A150,városok!$A$2:$C$346,2,0)-VLOOKUP(BN$1,városok!$A$2:$C$346,2,0))^2+(VLOOKUP($A150,városok!$A$2:$C$346,3,0)-VLOOKUP(BN$1,városok!$A$2:$C$346,3,0))^2)/1000,0)</f>
        <v>292</v>
      </c>
      <c r="BO150">
        <f ca="1">ROUND(SQRT((VLOOKUP($A150,városok!$A$2:$C$346,2,0)-VLOOKUP(BO$1,városok!$A$2:$C$346,2,0))^2+(VLOOKUP($A150,városok!$A$2:$C$346,3,0)-VLOOKUP(BO$1,városok!$A$2:$C$346,3,0))^2)/1000,0)</f>
        <v>203</v>
      </c>
      <c r="BP150">
        <f ca="1">ROUND(SQRT((VLOOKUP($A150,városok!$A$2:$C$346,2,0)-VLOOKUP(BP$1,városok!$A$2:$C$346,2,0))^2+(VLOOKUP($A150,városok!$A$2:$C$346,3,0)-VLOOKUP(BP$1,városok!$A$2:$C$346,3,0))^2)/1000,0)</f>
        <v>196</v>
      </c>
      <c r="BQ150">
        <f ca="1">ROUND(SQRT((VLOOKUP($A150,városok!$A$2:$C$346,2,0)-VLOOKUP(BQ$1,városok!$A$2:$C$346,2,0))^2+(VLOOKUP($A150,városok!$A$2:$C$346,3,0)-VLOOKUP(BQ$1,városok!$A$2:$C$346,3,0))^2)/1000,0)</f>
        <v>206</v>
      </c>
      <c r="BR150">
        <f ca="1">ROUND(SQRT((VLOOKUP($A150,városok!$A$2:$C$346,2,0)-VLOOKUP(BR$1,városok!$A$2:$C$346,2,0))^2+(VLOOKUP($A150,városok!$A$2:$C$346,3,0)-VLOOKUP(BR$1,városok!$A$2:$C$346,3,0))^2)/1000,0)</f>
        <v>267</v>
      </c>
      <c r="BS150">
        <f ca="1">ROUND(SQRT((VLOOKUP($A150,városok!$A$2:$C$346,2,0)-VLOOKUP(BS$1,városok!$A$2:$C$346,2,0))^2+(VLOOKUP($A150,városok!$A$2:$C$346,3,0)-VLOOKUP(BS$1,városok!$A$2:$C$346,3,0))^2)/1000,0)</f>
        <v>303</v>
      </c>
      <c r="BT150">
        <f ca="1">ROUND(SQRT((VLOOKUP($A150,városok!$A$2:$C$346,2,0)-VLOOKUP(BT$1,városok!$A$2:$C$346,2,0))^2+(VLOOKUP($A150,városok!$A$2:$C$346,3,0)-VLOOKUP(BT$1,városok!$A$2:$C$346,3,0))^2)/1000,0)</f>
        <v>292</v>
      </c>
    </row>
    <row r="151" spans="1:72" x14ac:dyDescent="0.2">
      <c r="A151" t="str">
        <f>városok!A151</f>
        <v>Füzesabony</v>
      </c>
      <c r="B151">
        <f ca="1">ROUND(SQRT((VLOOKUP($A151,városok!$A$2:$C$346,2,0)-VLOOKUP(B$1,városok!$A$2:$C$346,2,0))^2+(VLOOKUP($A151,városok!$A$2:$C$346,3,0)-VLOOKUP(B$1,városok!$A$2:$C$346,3,0))^2)/1000,0)</f>
        <v>206</v>
      </c>
      <c r="C151">
        <f ca="1">ROUND(SQRT((VLOOKUP($A151,városok!$A$2:$C$346,2,0)-VLOOKUP(C$1,városok!$A$2:$C$346,2,0))^2+(VLOOKUP($A151,városok!$A$2:$C$346,3,0)-VLOOKUP(C$1,városok!$A$2:$C$346,3,0))^2)/1000,0)</f>
        <v>174</v>
      </c>
      <c r="D151">
        <f ca="1">ROUND(SQRT((VLOOKUP($A151,városok!$A$2:$C$346,2,0)-VLOOKUP(D$1,városok!$A$2:$C$346,2,0))^2+(VLOOKUP($A151,városok!$A$2:$C$346,3,0)-VLOOKUP(D$1,városok!$A$2:$C$346,3,0))^2)/1000,0)</f>
        <v>108</v>
      </c>
      <c r="E151">
        <f ca="1">ROUND(SQRT((VLOOKUP($A151,városok!$A$2:$C$346,2,0)-VLOOKUP(E$1,városok!$A$2:$C$346,2,0))^2+(VLOOKUP($A151,városok!$A$2:$C$346,3,0)-VLOOKUP(E$1,városok!$A$2:$C$346,3,0))^2)/1000,0)</f>
        <v>239</v>
      </c>
      <c r="F151">
        <f ca="1">ROUND(SQRT((VLOOKUP($A151,városok!$A$2:$C$346,2,0)-VLOOKUP(F$1,városok!$A$2:$C$346,2,0))^2+(VLOOKUP($A151,városok!$A$2:$C$346,3,0)-VLOOKUP(F$1,városok!$A$2:$C$346,3,0))^2)/1000,0)</f>
        <v>236</v>
      </c>
      <c r="G151">
        <f ca="1">ROUND(SQRT((VLOOKUP($A151,városok!$A$2:$C$346,2,0)-VLOOKUP(G$1,városok!$A$2:$C$346,2,0))^2+(VLOOKUP($A151,városok!$A$2:$C$346,3,0)-VLOOKUP(G$1,városok!$A$2:$C$346,3,0))^2)/1000,0)</f>
        <v>249</v>
      </c>
      <c r="H151">
        <f ca="1">ROUND(SQRT((VLOOKUP($A151,városok!$A$2:$C$346,2,0)-VLOOKUP(H$1,városok!$A$2:$C$346,2,0))^2+(VLOOKUP($A151,városok!$A$2:$C$346,3,0)-VLOOKUP(H$1,városok!$A$2:$C$346,3,0))^2)/1000,0)</f>
        <v>275</v>
      </c>
      <c r="I151">
        <f ca="1">ROUND(SQRT((VLOOKUP($A151,városok!$A$2:$C$346,2,0)-VLOOKUP(I$1,városok!$A$2:$C$346,2,0))^2+(VLOOKUP($A151,városok!$A$2:$C$346,3,0)-VLOOKUP(I$1,városok!$A$2:$C$346,3,0))^2)/1000,0)</f>
        <v>130</v>
      </c>
      <c r="J151">
        <f ca="1">ROUND(SQRT((VLOOKUP($A151,városok!$A$2:$C$346,2,0)-VLOOKUP(J$1,városok!$A$2:$C$346,2,0))^2+(VLOOKUP($A151,városok!$A$2:$C$346,3,0)-VLOOKUP(J$1,városok!$A$2:$C$346,3,0))^2)/1000,0)</f>
        <v>139</v>
      </c>
      <c r="K151">
        <f ca="1">ROUND(SQRT((VLOOKUP($A151,városok!$A$2:$C$346,2,0)-VLOOKUP(K$1,városok!$A$2:$C$346,2,0))^2+(VLOOKUP($A151,városok!$A$2:$C$346,3,0)-VLOOKUP(K$1,városok!$A$2:$C$346,3,0))^2)/1000,0)</f>
        <v>133</v>
      </c>
      <c r="L151">
        <f ca="1">ROUND(SQRT((VLOOKUP($A151,városok!$A$2:$C$346,2,0)-VLOOKUP(L$1,városok!$A$2:$C$346,2,0))^2+(VLOOKUP($A151,városok!$A$2:$C$346,3,0)-VLOOKUP(L$1,városok!$A$2:$C$346,3,0))^2)/1000,0)</f>
        <v>59</v>
      </c>
      <c r="M151">
        <f ca="1">ROUND(SQRT((VLOOKUP($A151,városok!$A$2:$C$346,2,0)-VLOOKUP(M$1,városok!$A$2:$C$346,2,0))^2+(VLOOKUP($A151,városok!$A$2:$C$346,3,0)-VLOOKUP(M$1,városok!$A$2:$C$346,3,0))^2)/1000,0)</f>
        <v>49</v>
      </c>
      <c r="N151">
        <f ca="1">ROUND(SQRT((VLOOKUP($A151,városok!$A$2:$C$346,2,0)-VLOOKUP(N$1,városok!$A$2:$C$346,2,0))^2+(VLOOKUP($A151,városok!$A$2:$C$346,3,0)-VLOOKUP(N$1,városok!$A$2:$C$346,3,0))^2)/1000,0)</f>
        <v>53</v>
      </c>
      <c r="O151">
        <f ca="1">ROUND(SQRT((VLOOKUP($A151,városok!$A$2:$C$346,2,0)-VLOOKUP(O$1,városok!$A$2:$C$346,2,0))^2+(VLOOKUP($A151,városok!$A$2:$C$346,3,0)-VLOOKUP(O$1,városok!$A$2:$C$346,3,0))^2)/1000,0)</f>
        <v>117</v>
      </c>
      <c r="P151">
        <f ca="1">ROUND(SQRT((VLOOKUP($A151,városok!$A$2:$C$346,2,0)-VLOOKUP(P$1,városok!$A$2:$C$346,2,0))^2+(VLOOKUP($A151,városok!$A$2:$C$346,3,0)-VLOOKUP(P$1,városok!$A$2:$C$346,3,0))^2)/1000,0)</f>
        <v>117</v>
      </c>
      <c r="Q151">
        <f ca="1">ROUND(SQRT((VLOOKUP($A151,városok!$A$2:$C$346,2,0)-VLOOKUP(Q$1,városok!$A$2:$C$346,2,0))^2+(VLOOKUP($A151,városok!$A$2:$C$346,3,0)-VLOOKUP(Q$1,városok!$A$2:$C$346,3,0))^2)/1000,0)</f>
        <v>148</v>
      </c>
      <c r="R151">
        <f ca="1">ROUND(SQRT((VLOOKUP($A151,városok!$A$2:$C$346,2,0)-VLOOKUP(R$1,városok!$A$2:$C$346,2,0))^2+(VLOOKUP($A151,városok!$A$2:$C$346,3,0)-VLOOKUP(R$1,városok!$A$2:$C$346,3,0))^2)/1000,0)</f>
        <v>170</v>
      </c>
      <c r="S151">
        <f ca="1">ROUND(SQRT((VLOOKUP($A151,városok!$A$2:$C$346,2,0)-VLOOKUP(S$1,városok!$A$2:$C$346,2,0))^2+(VLOOKUP($A151,városok!$A$2:$C$346,3,0)-VLOOKUP(S$1,városok!$A$2:$C$346,3,0))^2)/1000,0)</f>
        <v>168</v>
      </c>
      <c r="T151">
        <f ca="1">ROUND(SQRT((VLOOKUP($A151,városok!$A$2:$C$346,2,0)-VLOOKUP(T$1,városok!$A$2:$C$346,2,0))^2+(VLOOKUP($A151,városok!$A$2:$C$346,3,0)-VLOOKUP(T$1,városok!$A$2:$C$346,3,0))^2)/1000,0)</f>
        <v>137</v>
      </c>
      <c r="U151">
        <f ca="1">ROUND(SQRT((VLOOKUP($A151,városok!$A$2:$C$346,2,0)-VLOOKUP(U$1,városok!$A$2:$C$346,2,0))^2+(VLOOKUP($A151,városok!$A$2:$C$346,3,0)-VLOOKUP(U$1,városok!$A$2:$C$346,3,0))^2)/1000,0)</f>
        <v>142</v>
      </c>
      <c r="V151">
        <f ca="1">ROUND(SQRT((VLOOKUP($A151,városok!$A$2:$C$346,2,0)-VLOOKUP(V$1,városok!$A$2:$C$346,2,0))^2+(VLOOKUP($A151,városok!$A$2:$C$346,3,0)-VLOOKUP(V$1,városok!$A$2:$C$346,3,0))^2)/1000,0)</f>
        <v>177</v>
      </c>
      <c r="W151">
        <f ca="1">ROUND(SQRT((VLOOKUP($A151,városok!$A$2:$C$346,2,0)-VLOOKUP(W$1,városok!$A$2:$C$346,2,0))^2+(VLOOKUP($A151,városok!$A$2:$C$346,3,0)-VLOOKUP(W$1,városok!$A$2:$C$346,3,0))^2)/1000,0)</f>
        <v>166</v>
      </c>
      <c r="X151">
        <f ca="1">ROUND(SQRT((VLOOKUP($A151,városok!$A$2:$C$346,2,0)-VLOOKUP(X$1,városok!$A$2:$C$346,2,0))^2+(VLOOKUP($A151,városok!$A$2:$C$346,3,0)-VLOOKUP(X$1,városok!$A$2:$C$346,3,0))^2)/1000,0)</f>
        <v>165</v>
      </c>
      <c r="Y151">
        <f ca="1">ROUND(SQRT((VLOOKUP($A151,városok!$A$2:$C$346,2,0)-VLOOKUP(Y$1,városok!$A$2:$C$346,2,0))^2+(VLOOKUP($A151,városok!$A$2:$C$346,3,0)-VLOOKUP(Y$1,városok!$A$2:$C$346,3,0))^2)/1000,0)</f>
        <v>209</v>
      </c>
      <c r="Z151">
        <f ca="1">ROUND(SQRT((VLOOKUP($A151,városok!$A$2:$C$346,2,0)-VLOOKUP(Z$1,városok!$A$2:$C$346,2,0))^2+(VLOOKUP($A151,városok!$A$2:$C$346,3,0)-VLOOKUP(Z$1,városok!$A$2:$C$346,3,0))^2)/1000,0)</f>
        <v>227</v>
      </c>
      <c r="AA151">
        <f ca="1">ROUND(SQRT((VLOOKUP($A151,városok!$A$2:$C$346,2,0)-VLOOKUP(AA$1,városok!$A$2:$C$346,2,0))^2+(VLOOKUP($A151,városok!$A$2:$C$346,3,0)-VLOOKUP(AA$1,városok!$A$2:$C$346,3,0))^2)/1000,0)</f>
        <v>288</v>
      </c>
      <c r="AB151">
        <f ca="1">ROUND(SQRT((VLOOKUP($A151,városok!$A$2:$C$346,2,0)-VLOOKUP(AB$1,városok!$A$2:$C$346,2,0))^2+(VLOOKUP($A151,városok!$A$2:$C$346,3,0)-VLOOKUP(AB$1,városok!$A$2:$C$346,3,0))^2)/1000,0)</f>
        <v>95</v>
      </c>
      <c r="AC151">
        <f ca="1">ROUND(SQRT((VLOOKUP($A151,városok!$A$2:$C$346,2,0)-VLOOKUP(AC$1,városok!$A$2:$C$346,2,0))^2+(VLOOKUP($A151,városok!$A$2:$C$346,3,0)-VLOOKUP(AC$1,városok!$A$2:$C$346,3,0))^2)/1000,0)</f>
        <v>81</v>
      </c>
      <c r="AD151">
        <f ca="1">ROUND(SQRT((VLOOKUP($A151,városok!$A$2:$C$346,2,0)-VLOOKUP(AD$1,városok!$A$2:$C$346,2,0))^2+(VLOOKUP($A151,városok!$A$2:$C$346,3,0)-VLOOKUP(AD$1,városok!$A$2:$C$346,3,0))^2)/1000,0)</f>
        <v>67</v>
      </c>
      <c r="AE151">
        <f ca="1">ROUND(SQRT((VLOOKUP($A151,városok!$A$2:$C$346,2,0)-VLOOKUP(AE$1,városok!$A$2:$C$346,2,0))^2+(VLOOKUP($A151,városok!$A$2:$C$346,3,0)-VLOOKUP(AE$1,városok!$A$2:$C$346,3,0))^2)/1000,0)</f>
        <v>77</v>
      </c>
      <c r="AF151">
        <f ca="1">ROUND(SQRT((VLOOKUP($A151,városok!$A$2:$C$346,2,0)-VLOOKUP(AF$1,városok!$A$2:$C$346,2,0))^2+(VLOOKUP($A151,városok!$A$2:$C$346,3,0)-VLOOKUP(AF$1,városok!$A$2:$C$346,3,0))^2)/1000,0)</f>
        <v>17</v>
      </c>
      <c r="AG151">
        <f ca="1">ROUND(SQRT((VLOOKUP($A151,városok!$A$2:$C$346,2,0)-VLOOKUP(AG$1,városok!$A$2:$C$346,2,0))^2+(VLOOKUP($A151,városok!$A$2:$C$346,3,0)-VLOOKUP(AG$1,városok!$A$2:$C$346,3,0))^2)/1000,0)</f>
        <v>37</v>
      </c>
      <c r="AH151">
        <f ca="1">ROUND(SQRT((VLOOKUP($A151,városok!$A$2:$C$346,2,0)-VLOOKUP(AH$1,városok!$A$2:$C$346,2,0))^2+(VLOOKUP($A151,városok!$A$2:$C$346,3,0)-VLOOKUP(AH$1,városok!$A$2:$C$346,3,0))^2)/1000,0)</f>
        <v>56</v>
      </c>
      <c r="AI151">
        <f ca="1">ROUND(SQRT((VLOOKUP($A151,városok!$A$2:$C$346,2,0)-VLOOKUP(AI$1,városok!$A$2:$C$346,2,0))^2+(VLOOKUP($A151,városok!$A$2:$C$346,3,0)-VLOOKUP(AI$1,városok!$A$2:$C$346,3,0))^2)/1000,0)</f>
        <v>38</v>
      </c>
      <c r="AJ151">
        <f ca="1">ROUND(SQRT((VLOOKUP($A151,városok!$A$2:$C$346,2,0)-VLOOKUP(AJ$1,városok!$A$2:$C$346,2,0))^2+(VLOOKUP($A151,városok!$A$2:$C$346,3,0)-VLOOKUP(AJ$1,városok!$A$2:$C$346,3,0))^2)/1000,0)</f>
        <v>35</v>
      </c>
      <c r="AK151">
        <f ca="1">ROUND(SQRT((VLOOKUP($A151,városok!$A$2:$C$346,2,0)-VLOOKUP(AK$1,városok!$A$2:$C$346,2,0))^2+(VLOOKUP($A151,városok!$A$2:$C$346,3,0)-VLOOKUP(AK$1,városok!$A$2:$C$346,3,0))^2)/1000,0)</f>
        <v>67</v>
      </c>
      <c r="AL151">
        <f ca="1">ROUND(SQRT((VLOOKUP($A151,városok!$A$2:$C$346,2,0)-VLOOKUP(AL$1,városok!$A$2:$C$346,2,0))^2+(VLOOKUP($A151,városok!$A$2:$C$346,3,0)-VLOOKUP(AL$1,városok!$A$2:$C$346,3,0))^2)/1000,0)</f>
        <v>45</v>
      </c>
      <c r="AM151">
        <f ca="1">ROUND(SQRT((VLOOKUP($A151,városok!$A$2:$C$346,2,0)-VLOOKUP(AM$1,városok!$A$2:$C$346,2,0))^2+(VLOOKUP($A151,városok!$A$2:$C$346,3,0)-VLOOKUP(AM$1,városok!$A$2:$C$346,3,0))^2)/1000,0)</f>
        <v>66</v>
      </c>
      <c r="AN151">
        <f ca="1">ROUND(SQRT((VLOOKUP($A151,városok!$A$2:$C$346,2,0)-VLOOKUP(AN$1,városok!$A$2:$C$346,2,0))^2+(VLOOKUP($A151,városok!$A$2:$C$346,3,0)-VLOOKUP(AN$1,városok!$A$2:$C$346,3,0))^2)/1000,0)</f>
        <v>125</v>
      </c>
      <c r="AO151">
        <f ca="1">ROUND(SQRT((VLOOKUP($A151,városok!$A$2:$C$346,2,0)-VLOOKUP(AO$1,városok!$A$2:$C$346,2,0))^2+(VLOOKUP($A151,városok!$A$2:$C$346,3,0)-VLOOKUP(AO$1,városok!$A$2:$C$346,3,0))^2)/1000,0)</f>
        <v>172</v>
      </c>
      <c r="AP151">
        <f ca="1">ROUND(SQRT((VLOOKUP($A151,városok!$A$2:$C$346,2,0)-VLOOKUP(AP$1,városok!$A$2:$C$346,2,0))^2+(VLOOKUP($A151,városok!$A$2:$C$346,3,0)-VLOOKUP(AP$1,városok!$A$2:$C$346,3,0))^2)/1000,0)</f>
        <v>157</v>
      </c>
      <c r="AQ151">
        <f ca="1">ROUND(SQRT((VLOOKUP($A151,városok!$A$2:$C$346,2,0)-VLOOKUP(AQ$1,városok!$A$2:$C$346,2,0))^2+(VLOOKUP($A151,városok!$A$2:$C$346,3,0)-VLOOKUP(AQ$1,városok!$A$2:$C$346,3,0))^2)/1000,0)</f>
        <v>152</v>
      </c>
      <c r="AR151">
        <f ca="1">ROUND(SQRT((VLOOKUP($A151,városok!$A$2:$C$346,2,0)-VLOOKUP(AR$1,városok!$A$2:$C$346,2,0))^2+(VLOOKUP($A151,városok!$A$2:$C$346,3,0)-VLOOKUP(AR$1,városok!$A$2:$C$346,3,0))^2)/1000,0)</f>
        <v>57</v>
      </c>
      <c r="AS151">
        <f ca="1">ROUND(SQRT((VLOOKUP($A151,városok!$A$2:$C$346,2,0)-VLOOKUP(AS$1,városok!$A$2:$C$346,2,0))^2+(VLOOKUP($A151,városok!$A$2:$C$346,3,0)-VLOOKUP(AS$1,városok!$A$2:$C$346,3,0))^2)/1000,0)</f>
        <v>60</v>
      </c>
      <c r="AT151">
        <f ca="1">ROUND(SQRT((VLOOKUP($A151,városok!$A$2:$C$346,2,0)-VLOOKUP(AT$1,városok!$A$2:$C$346,2,0))^2+(VLOOKUP($A151,városok!$A$2:$C$346,3,0)-VLOOKUP(AT$1,városok!$A$2:$C$346,3,0))^2)/1000,0)</f>
        <v>124</v>
      </c>
      <c r="AU151">
        <f ca="1">ROUND(SQRT((VLOOKUP($A151,városok!$A$2:$C$346,2,0)-VLOOKUP(AU$1,városok!$A$2:$C$346,2,0))^2+(VLOOKUP($A151,városok!$A$2:$C$346,3,0)-VLOOKUP(AU$1,városok!$A$2:$C$346,3,0))^2)/1000,0)</f>
        <v>114</v>
      </c>
      <c r="AV151">
        <f ca="1">ROUND(SQRT((VLOOKUP($A151,városok!$A$2:$C$346,2,0)-VLOOKUP(AV$1,városok!$A$2:$C$346,2,0))^2+(VLOOKUP($A151,városok!$A$2:$C$346,3,0)-VLOOKUP(AV$1,városok!$A$2:$C$346,3,0))^2)/1000,0)</f>
        <v>117</v>
      </c>
      <c r="AW151">
        <f ca="1">ROUND(SQRT((VLOOKUP($A151,városok!$A$2:$C$346,2,0)-VLOOKUP(AW$1,városok!$A$2:$C$346,2,0))^2+(VLOOKUP($A151,városok!$A$2:$C$346,3,0)-VLOOKUP(AW$1,városok!$A$2:$C$346,3,0))^2)/1000,0)</f>
        <v>120</v>
      </c>
      <c r="AX151">
        <f ca="1">ROUND(SQRT((VLOOKUP($A151,városok!$A$2:$C$346,2,0)-VLOOKUP(AX$1,városok!$A$2:$C$346,2,0))^2+(VLOOKUP($A151,városok!$A$2:$C$346,3,0)-VLOOKUP(AX$1,városok!$A$2:$C$346,3,0))^2)/1000,0)</f>
        <v>93</v>
      </c>
      <c r="AY151">
        <f ca="1">ROUND(SQRT((VLOOKUP($A151,városok!$A$2:$C$346,2,0)-VLOOKUP(AY$1,városok!$A$2:$C$346,2,0))^2+(VLOOKUP($A151,városok!$A$2:$C$346,3,0)-VLOOKUP(AY$1,városok!$A$2:$C$346,3,0))^2)/1000,0)</f>
        <v>102</v>
      </c>
      <c r="AZ151">
        <f ca="1">ROUND(SQRT((VLOOKUP($A151,városok!$A$2:$C$346,2,0)-VLOOKUP(AZ$1,városok!$A$2:$C$346,2,0))^2+(VLOOKUP($A151,városok!$A$2:$C$346,3,0)-VLOOKUP(AZ$1,városok!$A$2:$C$346,3,0))^2)/1000,0)</f>
        <v>108</v>
      </c>
      <c r="BA151">
        <f ca="1">ROUND(SQRT((VLOOKUP($A151,városok!$A$2:$C$346,2,0)-VLOOKUP(BA$1,városok!$A$2:$C$346,2,0))^2+(VLOOKUP($A151,városok!$A$2:$C$346,3,0)-VLOOKUP(BA$1,városok!$A$2:$C$346,3,0))^2)/1000,0)</f>
        <v>232</v>
      </c>
      <c r="BB151">
        <f ca="1">ROUND(SQRT((VLOOKUP($A151,városok!$A$2:$C$346,2,0)-VLOOKUP(BB$1,városok!$A$2:$C$346,2,0))^2+(VLOOKUP($A151,városok!$A$2:$C$346,3,0)-VLOOKUP(BB$1,városok!$A$2:$C$346,3,0))^2)/1000,0)</f>
        <v>231</v>
      </c>
      <c r="BC151">
        <f ca="1">ROUND(SQRT((VLOOKUP($A151,városok!$A$2:$C$346,2,0)-VLOOKUP(BC$1,városok!$A$2:$C$346,2,0))^2+(VLOOKUP($A151,városok!$A$2:$C$346,3,0)-VLOOKUP(BC$1,városok!$A$2:$C$346,3,0))^2)/1000,0)</f>
        <v>252</v>
      </c>
      <c r="BD151">
        <f ca="1">ROUND(SQRT((VLOOKUP($A151,városok!$A$2:$C$346,2,0)-VLOOKUP(BD$1,városok!$A$2:$C$346,2,0))^2+(VLOOKUP($A151,városok!$A$2:$C$346,3,0)-VLOOKUP(BD$1,városok!$A$2:$C$346,3,0))^2)/1000,0)</f>
        <v>201</v>
      </c>
      <c r="BE151">
        <f ca="1">ROUND(SQRT((VLOOKUP($A151,városok!$A$2:$C$346,2,0)-VLOOKUP(BE$1,városok!$A$2:$C$346,2,0))^2+(VLOOKUP($A151,városok!$A$2:$C$346,3,0)-VLOOKUP(BE$1,városok!$A$2:$C$346,3,0))^2)/1000,0)</f>
        <v>169</v>
      </c>
      <c r="BF151">
        <f ca="1">ROUND(SQRT((VLOOKUP($A151,városok!$A$2:$C$346,2,0)-VLOOKUP(BF$1,városok!$A$2:$C$346,2,0))^2+(VLOOKUP($A151,városok!$A$2:$C$346,3,0)-VLOOKUP(BF$1,városok!$A$2:$C$346,3,0))^2)/1000,0)</f>
        <v>135</v>
      </c>
      <c r="BG151">
        <f ca="1">ROUND(SQRT((VLOOKUP($A151,városok!$A$2:$C$346,2,0)-VLOOKUP(BG$1,városok!$A$2:$C$346,2,0))^2+(VLOOKUP($A151,városok!$A$2:$C$346,3,0)-VLOOKUP(BG$1,városok!$A$2:$C$346,3,0))^2)/1000,0)</f>
        <v>89</v>
      </c>
      <c r="BH151">
        <f ca="1">ROUND(SQRT((VLOOKUP($A151,városok!$A$2:$C$346,2,0)-VLOOKUP(BH$1,városok!$A$2:$C$346,2,0))^2+(VLOOKUP($A151,városok!$A$2:$C$346,3,0)-VLOOKUP(BH$1,városok!$A$2:$C$346,3,0))^2)/1000,0)</f>
        <v>89</v>
      </c>
      <c r="BI151">
        <f ca="1">ROUND(SQRT((VLOOKUP($A151,városok!$A$2:$C$346,2,0)-VLOOKUP(BI$1,városok!$A$2:$C$346,2,0))^2+(VLOOKUP($A151,városok!$A$2:$C$346,3,0)-VLOOKUP(BI$1,városok!$A$2:$C$346,3,0))^2)/1000,0)</f>
        <v>203</v>
      </c>
      <c r="BJ151">
        <f ca="1">ROUND(SQRT((VLOOKUP($A151,városok!$A$2:$C$346,2,0)-VLOOKUP(BJ$1,városok!$A$2:$C$346,2,0))^2+(VLOOKUP($A151,városok!$A$2:$C$346,3,0)-VLOOKUP(BJ$1,városok!$A$2:$C$346,3,0))^2)/1000,0)</f>
        <v>221</v>
      </c>
      <c r="BK151">
        <f ca="1">ROUND(SQRT((VLOOKUP($A151,városok!$A$2:$C$346,2,0)-VLOOKUP(BK$1,városok!$A$2:$C$346,2,0))^2+(VLOOKUP($A151,városok!$A$2:$C$346,3,0)-VLOOKUP(BK$1,városok!$A$2:$C$346,3,0))^2)/1000,0)</f>
        <v>203</v>
      </c>
      <c r="BL151">
        <f ca="1">ROUND(SQRT((VLOOKUP($A151,városok!$A$2:$C$346,2,0)-VLOOKUP(BL$1,városok!$A$2:$C$346,2,0))^2+(VLOOKUP($A151,városok!$A$2:$C$346,3,0)-VLOOKUP(BL$1,városok!$A$2:$C$346,3,0))^2)/1000,0)</f>
        <v>299</v>
      </c>
      <c r="BM151">
        <f ca="1">ROUND(SQRT((VLOOKUP($A151,városok!$A$2:$C$346,2,0)-VLOOKUP(BM$1,városok!$A$2:$C$346,2,0))^2+(VLOOKUP($A151,városok!$A$2:$C$346,3,0)-VLOOKUP(BM$1,városok!$A$2:$C$346,3,0))^2)/1000,0)</f>
        <v>268</v>
      </c>
      <c r="BN151">
        <f ca="1">ROUND(SQRT((VLOOKUP($A151,városok!$A$2:$C$346,2,0)-VLOOKUP(BN$1,városok!$A$2:$C$346,2,0))^2+(VLOOKUP($A151,városok!$A$2:$C$346,3,0)-VLOOKUP(BN$1,városok!$A$2:$C$346,3,0))^2)/1000,0)</f>
        <v>291</v>
      </c>
      <c r="BO151">
        <f ca="1">ROUND(SQRT((VLOOKUP($A151,városok!$A$2:$C$346,2,0)-VLOOKUP(BO$1,városok!$A$2:$C$346,2,0))^2+(VLOOKUP($A151,városok!$A$2:$C$346,3,0)-VLOOKUP(BO$1,városok!$A$2:$C$346,3,0))^2)/1000,0)</f>
        <v>198</v>
      </c>
      <c r="BP151">
        <f ca="1">ROUND(SQRT((VLOOKUP($A151,városok!$A$2:$C$346,2,0)-VLOOKUP(BP$1,városok!$A$2:$C$346,2,0))^2+(VLOOKUP($A151,városok!$A$2:$C$346,3,0)-VLOOKUP(BP$1,városok!$A$2:$C$346,3,0))^2)/1000,0)</f>
        <v>191</v>
      </c>
      <c r="BQ151">
        <f ca="1">ROUND(SQRT((VLOOKUP($A151,városok!$A$2:$C$346,2,0)-VLOOKUP(BQ$1,városok!$A$2:$C$346,2,0))^2+(VLOOKUP($A151,városok!$A$2:$C$346,3,0)-VLOOKUP(BQ$1,városok!$A$2:$C$346,3,0))^2)/1000,0)</f>
        <v>203</v>
      </c>
      <c r="BR151">
        <f ca="1">ROUND(SQRT((VLOOKUP($A151,városok!$A$2:$C$346,2,0)-VLOOKUP(BR$1,városok!$A$2:$C$346,2,0))^2+(VLOOKUP($A151,városok!$A$2:$C$346,3,0)-VLOOKUP(BR$1,városok!$A$2:$C$346,3,0))^2)/1000,0)</f>
        <v>263</v>
      </c>
      <c r="BS151">
        <f ca="1">ROUND(SQRT((VLOOKUP($A151,városok!$A$2:$C$346,2,0)-VLOOKUP(BS$1,városok!$A$2:$C$346,2,0))^2+(VLOOKUP($A151,városok!$A$2:$C$346,3,0)-VLOOKUP(BS$1,városok!$A$2:$C$346,3,0))^2)/1000,0)</f>
        <v>297</v>
      </c>
      <c r="BT151">
        <f ca="1">ROUND(SQRT((VLOOKUP($A151,városok!$A$2:$C$346,2,0)-VLOOKUP(BT$1,városok!$A$2:$C$346,2,0))^2+(VLOOKUP($A151,városok!$A$2:$C$346,3,0)-VLOOKUP(BT$1,városok!$A$2:$C$346,3,0))^2)/1000,0)</f>
        <v>289</v>
      </c>
    </row>
    <row r="152" spans="1:72" x14ac:dyDescent="0.2">
      <c r="A152" t="str">
        <f>városok!A152</f>
        <v>Gyöngyös</v>
      </c>
      <c r="B152">
        <f ca="1">ROUND(SQRT((VLOOKUP($A152,városok!$A$2:$C$346,2,0)-VLOOKUP(B$1,városok!$A$2:$C$346,2,0))^2+(VLOOKUP($A152,városok!$A$2:$C$346,3,0)-VLOOKUP(B$1,városok!$A$2:$C$346,3,0))^2)/1000,0)</f>
        <v>192</v>
      </c>
      <c r="C152">
        <f ca="1">ROUND(SQRT((VLOOKUP($A152,városok!$A$2:$C$346,2,0)-VLOOKUP(C$1,városok!$A$2:$C$346,2,0))^2+(VLOOKUP($A152,városok!$A$2:$C$346,3,0)-VLOOKUP(C$1,városok!$A$2:$C$346,3,0))^2)/1000,0)</f>
        <v>157</v>
      </c>
      <c r="D152">
        <f ca="1">ROUND(SQRT((VLOOKUP($A152,városok!$A$2:$C$346,2,0)-VLOOKUP(D$1,városok!$A$2:$C$346,2,0))^2+(VLOOKUP($A152,városok!$A$2:$C$346,3,0)-VLOOKUP(D$1,városok!$A$2:$C$346,3,0))^2)/1000,0)</f>
        <v>99</v>
      </c>
      <c r="E152">
        <f ca="1">ROUND(SQRT((VLOOKUP($A152,városok!$A$2:$C$346,2,0)-VLOOKUP(E$1,városok!$A$2:$C$346,2,0))^2+(VLOOKUP($A152,városok!$A$2:$C$346,3,0)-VLOOKUP(E$1,városok!$A$2:$C$346,3,0))^2)/1000,0)</f>
        <v>218</v>
      </c>
      <c r="F152">
        <f ca="1">ROUND(SQRT((VLOOKUP($A152,városok!$A$2:$C$346,2,0)-VLOOKUP(F$1,városok!$A$2:$C$346,2,0))^2+(VLOOKUP($A152,városok!$A$2:$C$346,3,0)-VLOOKUP(F$1,városok!$A$2:$C$346,3,0))^2)/1000,0)</f>
        <v>220</v>
      </c>
      <c r="G152">
        <f ca="1">ROUND(SQRT((VLOOKUP($A152,városok!$A$2:$C$346,2,0)-VLOOKUP(G$1,városok!$A$2:$C$346,2,0))^2+(VLOOKUP($A152,városok!$A$2:$C$346,3,0)-VLOOKUP(G$1,városok!$A$2:$C$346,3,0))^2)/1000,0)</f>
        <v>228</v>
      </c>
      <c r="H152">
        <f ca="1">ROUND(SQRT((VLOOKUP($A152,városok!$A$2:$C$346,2,0)-VLOOKUP(H$1,városok!$A$2:$C$346,2,0))^2+(VLOOKUP($A152,városok!$A$2:$C$346,3,0)-VLOOKUP(H$1,városok!$A$2:$C$346,3,0))^2)/1000,0)</f>
        <v>252</v>
      </c>
      <c r="I152">
        <f ca="1">ROUND(SQRT((VLOOKUP($A152,városok!$A$2:$C$346,2,0)-VLOOKUP(I$1,városok!$A$2:$C$346,2,0))^2+(VLOOKUP($A152,városok!$A$2:$C$346,3,0)-VLOOKUP(I$1,városok!$A$2:$C$346,3,0))^2)/1000,0)</f>
        <v>151</v>
      </c>
      <c r="J152">
        <f ca="1">ROUND(SQRT((VLOOKUP($A152,városok!$A$2:$C$346,2,0)-VLOOKUP(J$1,városok!$A$2:$C$346,2,0))^2+(VLOOKUP($A152,városok!$A$2:$C$346,3,0)-VLOOKUP(J$1,városok!$A$2:$C$346,3,0))^2)/1000,0)</f>
        <v>163</v>
      </c>
      <c r="K152">
        <f ca="1">ROUND(SQRT((VLOOKUP($A152,városok!$A$2:$C$346,2,0)-VLOOKUP(K$1,városok!$A$2:$C$346,2,0))^2+(VLOOKUP($A152,városok!$A$2:$C$346,3,0)-VLOOKUP(K$1,városok!$A$2:$C$346,3,0))^2)/1000,0)</f>
        <v>147</v>
      </c>
      <c r="L152">
        <f ca="1">ROUND(SQRT((VLOOKUP($A152,városok!$A$2:$C$346,2,0)-VLOOKUP(L$1,városok!$A$2:$C$346,2,0))^2+(VLOOKUP($A152,városok!$A$2:$C$346,3,0)-VLOOKUP(L$1,városok!$A$2:$C$346,3,0))^2)/1000,0)</f>
        <v>75</v>
      </c>
      <c r="M152">
        <f ca="1">ROUND(SQRT((VLOOKUP($A152,városok!$A$2:$C$346,2,0)-VLOOKUP(M$1,városok!$A$2:$C$346,2,0))^2+(VLOOKUP($A152,városok!$A$2:$C$346,3,0)-VLOOKUP(M$1,városok!$A$2:$C$346,3,0))^2)/1000,0)</f>
        <v>74</v>
      </c>
      <c r="N152">
        <f ca="1">ROUND(SQRT((VLOOKUP($A152,városok!$A$2:$C$346,2,0)-VLOOKUP(N$1,városok!$A$2:$C$346,2,0))^2+(VLOOKUP($A152,városok!$A$2:$C$346,3,0)-VLOOKUP(N$1,városok!$A$2:$C$346,3,0))^2)/1000,0)</f>
        <v>56</v>
      </c>
      <c r="O152">
        <f ca="1">ROUND(SQRT((VLOOKUP($A152,városok!$A$2:$C$346,2,0)-VLOOKUP(O$1,városok!$A$2:$C$346,2,0))^2+(VLOOKUP($A152,városok!$A$2:$C$346,3,0)-VLOOKUP(O$1,városok!$A$2:$C$346,3,0))^2)/1000,0)</f>
        <v>146</v>
      </c>
      <c r="P152">
        <f ca="1">ROUND(SQRT((VLOOKUP($A152,városok!$A$2:$C$346,2,0)-VLOOKUP(P$1,városok!$A$2:$C$346,2,0))^2+(VLOOKUP($A152,városok!$A$2:$C$346,3,0)-VLOOKUP(P$1,városok!$A$2:$C$346,3,0))^2)/1000,0)</f>
        <v>146</v>
      </c>
      <c r="Q152">
        <f ca="1">ROUND(SQRT((VLOOKUP($A152,városok!$A$2:$C$346,2,0)-VLOOKUP(Q$1,városok!$A$2:$C$346,2,0))^2+(VLOOKUP($A152,városok!$A$2:$C$346,3,0)-VLOOKUP(Q$1,városok!$A$2:$C$346,3,0))^2)/1000,0)</f>
        <v>154</v>
      </c>
      <c r="R152">
        <f ca="1">ROUND(SQRT((VLOOKUP($A152,városok!$A$2:$C$346,2,0)-VLOOKUP(R$1,városok!$A$2:$C$346,2,0))^2+(VLOOKUP($A152,városok!$A$2:$C$346,3,0)-VLOOKUP(R$1,városok!$A$2:$C$346,3,0))^2)/1000,0)</f>
        <v>179</v>
      </c>
      <c r="S152">
        <f ca="1">ROUND(SQRT((VLOOKUP($A152,városok!$A$2:$C$346,2,0)-VLOOKUP(S$1,városok!$A$2:$C$346,2,0))^2+(VLOOKUP($A152,városok!$A$2:$C$346,3,0)-VLOOKUP(S$1,városok!$A$2:$C$346,3,0))^2)/1000,0)</f>
        <v>171</v>
      </c>
      <c r="T152">
        <f ca="1">ROUND(SQRT((VLOOKUP($A152,városok!$A$2:$C$346,2,0)-VLOOKUP(T$1,városok!$A$2:$C$346,2,0))^2+(VLOOKUP($A152,városok!$A$2:$C$346,3,0)-VLOOKUP(T$1,városok!$A$2:$C$346,3,0))^2)/1000,0)</f>
        <v>102</v>
      </c>
      <c r="U152">
        <f ca="1">ROUND(SQRT((VLOOKUP($A152,városok!$A$2:$C$346,2,0)-VLOOKUP(U$1,városok!$A$2:$C$346,2,0))^2+(VLOOKUP($A152,városok!$A$2:$C$346,3,0)-VLOOKUP(U$1,városok!$A$2:$C$346,3,0))^2)/1000,0)</f>
        <v>118</v>
      </c>
      <c r="V152">
        <f ca="1">ROUND(SQRT((VLOOKUP($A152,városok!$A$2:$C$346,2,0)-VLOOKUP(V$1,városok!$A$2:$C$346,2,0))^2+(VLOOKUP($A152,városok!$A$2:$C$346,3,0)-VLOOKUP(V$1,városok!$A$2:$C$346,3,0))^2)/1000,0)</f>
        <v>146</v>
      </c>
      <c r="W152">
        <f ca="1">ROUND(SQRT((VLOOKUP($A152,városok!$A$2:$C$346,2,0)-VLOOKUP(W$1,városok!$A$2:$C$346,2,0))^2+(VLOOKUP($A152,városok!$A$2:$C$346,3,0)-VLOOKUP(W$1,városok!$A$2:$C$346,3,0))^2)/1000,0)</f>
        <v>140</v>
      </c>
      <c r="X152">
        <f ca="1">ROUND(SQRT((VLOOKUP($A152,városok!$A$2:$C$346,2,0)-VLOOKUP(X$1,városok!$A$2:$C$346,2,0))^2+(VLOOKUP($A152,városok!$A$2:$C$346,3,0)-VLOOKUP(X$1,városok!$A$2:$C$346,3,0))^2)/1000,0)</f>
        <v>132</v>
      </c>
      <c r="Y152">
        <f ca="1">ROUND(SQRT((VLOOKUP($A152,városok!$A$2:$C$346,2,0)-VLOOKUP(Y$1,városok!$A$2:$C$346,2,0))^2+(VLOOKUP($A152,városok!$A$2:$C$346,3,0)-VLOOKUP(Y$1,városok!$A$2:$C$346,3,0))^2)/1000,0)</f>
        <v>172</v>
      </c>
      <c r="Z152">
        <f ca="1">ROUND(SQRT((VLOOKUP($A152,városok!$A$2:$C$346,2,0)-VLOOKUP(Z$1,városok!$A$2:$C$346,2,0))^2+(VLOOKUP($A152,városok!$A$2:$C$346,3,0)-VLOOKUP(Z$1,városok!$A$2:$C$346,3,0))^2)/1000,0)</f>
        <v>190</v>
      </c>
      <c r="AA152">
        <f ca="1">ROUND(SQRT((VLOOKUP($A152,városok!$A$2:$C$346,2,0)-VLOOKUP(AA$1,városok!$A$2:$C$346,2,0))^2+(VLOOKUP($A152,városok!$A$2:$C$346,3,0)-VLOOKUP(AA$1,városok!$A$2:$C$346,3,0))^2)/1000,0)</f>
        <v>251</v>
      </c>
      <c r="AB152">
        <f ca="1">ROUND(SQRT((VLOOKUP($A152,városok!$A$2:$C$346,2,0)-VLOOKUP(AB$1,városok!$A$2:$C$346,2,0))^2+(VLOOKUP($A152,városok!$A$2:$C$346,3,0)-VLOOKUP(AB$1,városok!$A$2:$C$346,3,0))^2)/1000,0)</f>
        <v>131</v>
      </c>
      <c r="AC152">
        <f ca="1">ROUND(SQRT((VLOOKUP($A152,városok!$A$2:$C$346,2,0)-VLOOKUP(AC$1,városok!$A$2:$C$346,2,0))^2+(VLOOKUP($A152,városok!$A$2:$C$346,3,0)-VLOOKUP(AC$1,városok!$A$2:$C$346,3,0))^2)/1000,0)</f>
        <v>117</v>
      </c>
      <c r="AD152">
        <f ca="1">ROUND(SQRT((VLOOKUP($A152,városok!$A$2:$C$346,2,0)-VLOOKUP(AD$1,városok!$A$2:$C$346,2,0))^2+(VLOOKUP($A152,városok!$A$2:$C$346,3,0)-VLOOKUP(AD$1,városok!$A$2:$C$346,3,0))^2)/1000,0)</f>
        <v>101</v>
      </c>
      <c r="AE152">
        <f ca="1">ROUND(SQRT((VLOOKUP($A152,városok!$A$2:$C$346,2,0)-VLOOKUP(AE$1,városok!$A$2:$C$346,2,0))^2+(VLOOKUP($A152,városok!$A$2:$C$346,3,0)-VLOOKUP(AE$1,városok!$A$2:$C$346,3,0))^2)/1000,0)</f>
        <v>109</v>
      </c>
      <c r="AF152">
        <f ca="1">ROUND(SQRT((VLOOKUP($A152,városok!$A$2:$C$346,2,0)-VLOOKUP(AF$1,városok!$A$2:$C$346,2,0))^2+(VLOOKUP($A152,városok!$A$2:$C$346,3,0)-VLOOKUP(AF$1,városok!$A$2:$C$346,3,0))^2)/1000,0)</f>
        <v>36</v>
      </c>
      <c r="AG152">
        <f ca="1">ROUND(SQRT((VLOOKUP($A152,városok!$A$2:$C$346,2,0)-VLOOKUP(AG$1,városok!$A$2:$C$346,2,0))^2+(VLOOKUP($A152,városok!$A$2:$C$346,3,0)-VLOOKUP(AG$1,városok!$A$2:$C$346,3,0))^2)/1000,0)</f>
        <v>0</v>
      </c>
      <c r="AH152">
        <f ca="1">ROUND(SQRT((VLOOKUP($A152,városok!$A$2:$C$346,2,0)-VLOOKUP(AH$1,városok!$A$2:$C$346,2,0))^2+(VLOOKUP($A152,városok!$A$2:$C$346,3,0)-VLOOKUP(AH$1,városok!$A$2:$C$346,3,0))^2)/1000,0)</f>
        <v>23</v>
      </c>
      <c r="AI152">
        <f ca="1">ROUND(SQRT((VLOOKUP($A152,városok!$A$2:$C$346,2,0)-VLOOKUP(AI$1,városok!$A$2:$C$346,2,0))^2+(VLOOKUP($A152,városok!$A$2:$C$346,3,0)-VLOOKUP(AI$1,városok!$A$2:$C$346,3,0))^2)/1000,0)</f>
        <v>29</v>
      </c>
      <c r="AJ152">
        <f ca="1">ROUND(SQRT((VLOOKUP($A152,városok!$A$2:$C$346,2,0)-VLOOKUP(AJ$1,városok!$A$2:$C$346,2,0))^2+(VLOOKUP($A152,városok!$A$2:$C$346,3,0)-VLOOKUP(AJ$1,városok!$A$2:$C$346,3,0))^2)/1000,0)</f>
        <v>16</v>
      </c>
      <c r="AK152">
        <f ca="1">ROUND(SQRT((VLOOKUP($A152,városok!$A$2:$C$346,2,0)-VLOOKUP(AK$1,városok!$A$2:$C$346,2,0))^2+(VLOOKUP($A152,városok!$A$2:$C$346,3,0)-VLOOKUP(AK$1,városok!$A$2:$C$346,3,0))^2)/1000,0)</f>
        <v>96</v>
      </c>
      <c r="AL152">
        <f ca="1">ROUND(SQRT((VLOOKUP($A152,városok!$A$2:$C$346,2,0)-VLOOKUP(AL$1,városok!$A$2:$C$346,2,0))^2+(VLOOKUP($A152,városok!$A$2:$C$346,3,0)-VLOOKUP(AL$1,városok!$A$2:$C$346,3,0))^2)/1000,0)</f>
        <v>70</v>
      </c>
      <c r="AM152">
        <f ca="1">ROUND(SQRT((VLOOKUP($A152,városok!$A$2:$C$346,2,0)-VLOOKUP(AM$1,városok!$A$2:$C$346,2,0))^2+(VLOOKUP($A152,városok!$A$2:$C$346,3,0)-VLOOKUP(AM$1,városok!$A$2:$C$346,3,0))^2)/1000,0)</f>
        <v>70</v>
      </c>
      <c r="AN152">
        <f ca="1">ROUND(SQRT((VLOOKUP($A152,városok!$A$2:$C$346,2,0)-VLOOKUP(AN$1,városok!$A$2:$C$346,2,0))^2+(VLOOKUP($A152,városok!$A$2:$C$346,3,0)-VLOOKUP(AN$1,városok!$A$2:$C$346,3,0))^2)/1000,0)</f>
        <v>89</v>
      </c>
      <c r="AO152">
        <f ca="1">ROUND(SQRT((VLOOKUP($A152,városok!$A$2:$C$346,2,0)-VLOOKUP(AO$1,városok!$A$2:$C$346,2,0))^2+(VLOOKUP($A152,városok!$A$2:$C$346,3,0)-VLOOKUP(AO$1,városok!$A$2:$C$346,3,0))^2)/1000,0)</f>
        <v>135</v>
      </c>
      <c r="AP152">
        <f ca="1">ROUND(SQRT((VLOOKUP($A152,városok!$A$2:$C$346,2,0)-VLOOKUP(AP$1,városok!$A$2:$C$346,2,0))^2+(VLOOKUP($A152,városok!$A$2:$C$346,3,0)-VLOOKUP(AP$1,városok!$A$2:$C$346,3,0))^2)/1000,0)</f>
        <v>121</v>
      </c>
      <c r="AQ152">
        <f ca="1">ROUND(SQRT((VLOOKUP($A152,városok!$A$2:$C$346,2,0)-VLOOKUP(AQ$1,városok!$A$2:$C$346,2,0))^2+(VLOOKUP($A152,városok!$A$2:$C$346,3,0)-VLOOKUP(AQ$1,városok!$A$2:$C$346,3,0))^2)/1000,0)</f>
        <v>116</v>
      </c>
      <c r="AR152">
        <f ca="1">ROUND(SQRT((VLOOKUP($A152,városok!$A$2:$C$346,2,0)-VLOOKUP(AR$1,városok!$A$2:$C$346,2,0))^2+(VLOOKUP($A152,városok!$A$2:$C$346,3,0)-VLOOKUP(AR$1,városok!$A$2:$C$346,3,0))^2)/1000,0)</f>
        <v>23</v>
      </c>
      <c r="AS152">
        <f ca="1">ROUND(SQRT((VLOOKUP($A152,városok!$A$2:$C$346,2,0)-VLOOKUP(AS$1,városok!$A$2:$C$346,2,0))^2+(VLOOKUP($A152,városok!$A$2:$C$346,3,0)-VLOOKUP(AS$1,városok!$A$2:$C$346,3,0))^2)/1000,0)</f>
        <v>38</v>
      </c>
      <c r="AT152">
        <f ca="1">ROUND(SQRT((VLOOKUP($A152,városok!$A$2:$C$346,2,0)-VLOOKUP(AT$1,városok!$A$2:$C$346,2,0))^2+(VLOOKUP($A152,városok!$A$2:$C$346,3,0)-VLOOKUP(AT$1,városok!$A$2:$C$346,3,0))^2)/1000,0)</f>
        <v>90</v>
      </c>
      <c r="AU152">
        <f ca="1">ROUND(SQRT((VLOOKUP($A152,városok!$A$2:$C$346,2,0)-VLOOKUP(AU$1,városok!$A$2:$C$346,2,0))^2+(VLOOKUP($A152,városok!$A$2:$C$346,3,0)-VLOOKUP(AU$1,városok!$A$2:$C$346,3,0))^2)/1000,0)</f>
        <v>81</v>
      </c>
      <c r="AV152">
        <f ca="1">ROUND(SQRT((VLOOKUP($A152,városok!$A$2:$C$346,2,0)-VLOOKUP(AV$1,városok!$A$2:$C$346,2,0))^2+(VLOOKUP($A152,városok!$A$2:$C$346,3,0)-VLOOKUP(AV$1,városok!$A$2:$C$346,3,0))^2)/1000,0)</f>
        <v>84</v>
      </c>
      <c r="AW152">
        <f ca="1">ROUND(SQRT((VLOOKUP($A152,városok!$A$2:$C$346,2,0)-VLOOKUP(AW$1,városok!$A$2:$C$346,2,0))^2+(VLOOKUP($A152,városok!$A$2:$C$346,3,0)-VLOOKUP(AW$1,városok!$A$2:$C$346,3,0))^2)/1000,0)</f>
        <v>88</v>
      </c>
      <c r="AX152">
        <f ca="1">ROUND(SQRT((VLOOKUP($A152,városok!$A$2:$C$346,2,0)-VLOOKUP(AX$1,városok!$A$2:$C$346,2,0))^2+(VLOOKUP($A152,városok!$A$2:$C$346,3,0)-VLOOKUP(AX$1,városok!$A$2:$C$346,3,0))^2)/1000,0)</f>
        <v>84</v>
      </c>
      <c r="AY152">
        <f ca="1">ROUND(SQRT((VLOOKUP($A152,városok!$A$2:$C$346,2,0)-VLOOKUP(AY$1,városok!$A$2:$C$346,2,0))^2+(VLOOKUP($A152,városok!$A$2:$C$346,3,0)-VLOOKUP(AY$1,városok!$A$2:$C$346,3,0))^2)/1000,0)</f>
        <v>66</v>
      </c>
      <c r="AZ152">
        <f ca="1">ROUND(SQRT((VLOOKUP($A152,városok!$A$2:$C$346,2,0)-VLOOKUP(AZ$1,városok!$A$2:$C$346,2,0))^2+(VLOOKUP($A152,városok!$A$2:$C$346,3,0)-VLOOKUP(AZ$1,városok!$A$2:$C$346,3,0))^2)/1000,0)</f>
        <v>72</v>
      </c>
      <c r="BA152">
        <f ca="1">ROUND(SQRT((VLOOKUP($A152,városok!$A$2:$C$346,2,0)-VLOOKUP(BA$1,városok!$A$2:$C$346,2,0))^2+(VLOOKUP($A152,városok!$A$2:$C$346,3,0)-VLOOKUP(BA$1,városok!$A$2:$C$346,3,0))^2)/1000,0)</f>
        <v>202</v>
      </c>
      <c r="BB152">
        <f ca="1">ROUND(SQRT((VLOOKUP($A152,városok!$A$2:$C$346,2,0)-VLOOKUP(BB$1,városok!$A$2:$C$346,2,0))^2+(VLOOKUP($A152,városok!$A$2:$C$346,3,0)-VLOOKUP(BB$1,városok!$A$2:$C$346,3,0))^2)/1000,0)</f>
        <v>204</v>
      </c>
      <c r="BC152">
        <f ca="1">ROUND(SQRT((VLOOKUP($A152,városok!$A$2:$C$346,2,0)-VLOOKUP(BC$1,városok!$A$2:$C$346,2,0))^2+(VLOOKUP($A152,városok!$A$2:$C$346,3,0)-VLOOKUP(BC$1,városok!$A$2:$C$346,3,0))^2)/1000,0)</f>
        <v>226</v>
      </c>
      <c r="BD152">
        <f ca="1">ROUND(SQRT((VLOOKUP($A152,városok!$A$2:$C$346,2,0)-VLOOKUP(BD$1,városok!$A$2:$C$346,2,0))^2+(VLOOKUP($A152,városok!$A$2:$C$346,3,0)-VLOOKUP(BD$1,városok!$A$2:$C$346,3,0))^2)/1000,0)</f>
        <v>171</v>
      </c>
      <c r="BE152">
        <f ca="1">ROUND(SQRT((VLOOKUP($A152,városok!$A$2:$C$346,2,0)-VLOOKUP(BE$1,városok!$A$2:$C$346,2,0))^2+(VLOOKUP($A152,városok!$A$2:$C$346,3,0)-VLOOKUP(BE$1,városok!$A$2:$C$346,3,0))^2)/1000,0)</f>
        <v>206</v>
      </c>
      <c r="BF152">
        <f ca="1">ROUND(SQRT((VLOOKUP($A152,városok!$A$2:$C$346,2,0)-VLOOKUP(BF$1,városok!$A$2:$C$346,2,0))^2+(VLOOKUP($A152,városok!$A$2:$C$346,3,0)-VLOOKUP(BF$1,városok!$A$2:$C$346,3,0))^2)/1000,0)</f>
        <v>168</v>
      </c>
      <c r="BG152">
        <f ca="1">ROUND(SQRT((VLOOKUP($A152,városok!$A$2:$C$346,2,0)-VLOOKUP(BG$1,városok!$A$2:$C$346,2,0))^2+(VLOOKUP($A152,városok!$A$2:$C$346,3,0)-VLOOKUP(BG$1,városok!$A$2:$C$346,3,0))^2)/1000,0)</f>
        <v>121</v>
      </c>
      <c r="BH152">
        <f ca="1">ROUND(SQRT((VLOOKUP($A152,városok!$A$2:$C$346,2,0)-VLOOKUP(BH$1,városok!$A$2:$C$346,2,0))^2+(VLOOKUP($A152,városok!$A$2:$C$346,3,0)-VLOOKUP(BH$1,városok!$A$2:$C$346,3,0))^2)/1000,0)</f>
        <v>121</v>
      </c>
      <c r="BI152">
        <f ca="1">ROUND(SQRT((VLOOKUP($A152,városok!$A$2:$C$346,2,0)-VLOOKUP(BI$1,városok!$A$2:$C$346,2,0))^2+(VLOOKUP($A152,városok!$A$2:$C$346,3,0)-VLOOKUP(BI$1,városok!$A$2:$C$346,3,0))^2)/1000,0)</f>
        <v>183</v>
      </c>
      <c r="BJ152">
        <f ca="1">ROUND(SQRT((VLOOKUP($A152,városok!$A$2:$C$346,2,0)-VLOOKUP(BJ$1,városok!$A$2:$C$346,2,0))^2+(VLOOKUP($A152,városok!$A$2:$C$346,3,0)-VLOOKUP(BJ$1,városok!$A$2:$C$346,3,0))^2)/1000,0)</f>
        <v>200</v>
      </c>
      <c r="BK152">
        <f ca="1">ROUND(SQRT((VLOOKUP($A152,városok!$A$2:$C$346,2,0)-VLOOKUP(BK$1,városok!$A$2:$C$346,2,0))^2+(VLOOKUP($A152,városok!$A$2:$C$346,3,0)-VLOOKUP(BK$1,városok!$A$2:$C$346,3,0))^2)/1000,0)</f>
        <v>184</v>
      </c>
      <c r="BL152">
        <f ca="1">ROUND(SQRT((VLOOKUP($A152,városok!$A$2:$C$346,2,0)-VLOOKUP(BL$1,városok!$A$2:$C$346,2,0))^2+(VLOOKUP($A152,városok!$A$2:$C$346,3,0)-VLOOKUP(BL$1,városok!$A$2:$C$346,3,0))^2)/1000,0)</f>
        <v>265</v>
      </c>
      <c r="BM152">
        <f ca="1">ROUND(SQRT((VLOOKUP($A152,városok!$A$2:$C$346,2,0)-VLOOKUP(BM$1,városok!$A$2:$C$346,2,0))^2+(VLOOKUP($A152,városok!$A$2:$C$346,3,0)-VLOOKUP(BM$1,városok!$A$2:$C$346,3,0))^2)/1000,0)</f>
        <v>233</v>
      </c>
      <c r="BN152">
        <f ca="1">ROUND(SQRT((VLOOKUP($A152,városok!$A$2:$C$346,2,0)-VLOOKUP(BN$1,városok!$A$2:$C$346,2,0))^2+(VLOOKUP($A152,városok!$A$2:$C$346,3,0)-VLOOKUP(BN$1,városok!$A$2:$C$346,3,0))^2)/1000,0)</f>
        <v>256</v>
      </c>
      <c r="BO152">
        <f ca="1">ROUND(SQRT((VLOOKUP($A152,városok!$A$2:$C$346,2,0)-VLOOKUP(BO$1,városok!$A$2:$C$346,2,0))^2+(VLOOKUP($A152,városok!$A$2:$C$346,3,0)-VLOOKUP(BO$1,városok!$A$2:$C$346,3,0))^2)/1000,0)</f>
        <v>167</v>
      </c>
      <c r="BP152">
        <f ca="1">ROUND(SQRT((VLOOKUP($A152,városok!$A$2:$C$346,2,0)-VLOOKUP(BP$1,városok!$A$2:$C$346,2,0))^2+(VLOOKUP($A152,városok!$A$2:$C$346,3,0)-VLOOKUP(BP$1,városok!$A$2:$C$346,3,0))^2)/1000,0)</f>
        <v>160</v>
      </c>
      <c r="BQ152">
        <f ca="1">ROUND(SQRT((VLOOKUP($A152,városok!$A$2:$C$346,2,0)-VLOOKUP(BQ$1,városok!$A$2:$C$346,2,0))^2+(VLOOKUP($A152,városok!$A$2:$C$346,3,0)-VLOOKUP(BQ$1,városok!$A$2:$C$346,3,0))^2)/1000,0)</f>
        <v>170</v>
      </c>
      <c r="BR152">
        <f ca="1">ROUND(SQRT((VLOOKUP($A152,városok!$A$2:$C$346,2,0)-VLOOKUP(BR$1,városok!$A$2:$C$346,2,0))^2+(VLOOKUP($A152,városok!$A$2:$C$346,3,0)-VLOOKUP(BR$1,városok!$A$2:$C$346,3,0))^2)/1000,0)</f>
        <v>231</v>
      </c>
      <c r="BS152">
        <f ca="1">ROUND(SQRT((VLOOKUP($A152,városok!$A$2:$C$346,2,0)-VLOOKUP(BS$1,városok!$A$2:$C$346,2,0))^2+(VLOOKUP($A152,városok!$A$2:$C$346,3,0)-VLOOKUP(BS$1,városok!$A$2:$C$346,3,0))^2)/1000,0)</f>
        <v>267</v>
      </c>
      <c r="BT152">
        <f ca="1">ROUND(SQRT((VLOOKUP($A152,városok!$A$2:$C$346,2,0)-VLOOKUP(BT$1,városok!$A$2:$C$346,2,0))^2+(VLOOKUP($A152,városok!$A$2:$C$346,3,0)-VLOOKUP(BT$1,városok!$A$2:$C$346,3,0))^2)/1000,0)</f>
        <v>256</v>
      </c>
    </row>
    <row r="153" spans="1:72" x14ac:dyDescent="0.2">
      <c r="A153" t="str">
        <f>városok!A153</f>
        <v>Gyöngyöspata</v>
      </c>
      <c r="B153">
        <f ca="1">ROUND(SQRT((VLOOKUP($A153,városok!$A$2:$C$346,2,0)-VLOOKUP(B$1,városok!$A$2:$C$346,2,0))^2+(VLOOKUP($A153,városok!$A$2:$C$346,3,0)-VLOOKUP(B$1,városok!$A$2:$C$346,3,0))^2)/1000,0)</f>
        <v>192</v>
      </c>
      <c r="C153">
        <f ca="1">ROUND(SQRT((VLOOKUP($A153,városok!$A$2:$C$346,2,0)-VLOOKUP(C$1,városok!$A$2:$C$346,2,0))^2+(VLOOKUP($A153,városok!$A$2:$C$346,3,0)-VLOOKUP(C$1,városok!$A$2:$C$346,3,0))^2)/1000,0)</f>
        <v>156</v>
      </c>
      <c r="D153">
        <f ca="1">ROUND(SQRT((VLOOKUP($A153,városok!$A$2:$C$346,2,0)-VLOOKUP(D$1,városok!$A$2:$C$346,2,0))^2+(VLOOKUP($A153,városok!$A$2:$C$346,3,0)-VLOOKUP(D$1,városok!$A$2:$C$346,3,0))^2)/1000,0)</f>
        <v>101</v>
      </c>
      <c r="E153">
        <f ca="1">ROUND(SQRT((VLOOKUP($A153,városok!$A$2:$C$346,2,0)-VLOOKUP(E$1,városok!$A$2:$C$346,2,0))^2+(VLOOKUP($A153,városok!$A$2:$C$346,3,0)-VLOOKUP(E$1,városok!$A$2:$C$346,3,0))^2)/1000,0)</f>
        <v>215</v>
      </c>
      <c r="F153">
        <f ca="1">ROUND(SQRT((VLOOKUP($A153,városok!$A$2:$C$346,2,0)-VLOOKUP(F$1,városok!$A$2:$C$346,2,0))^2+(VLOOKUP($A153,városok!$A$2:$C$346,3,0)-VLOOKUP(F$1,városok!$A$2:$C$346,3,0))^2)/1000,0)</f>
        <v>220</v>
      </c>
      <c r="G153">
        <f ca="1">ROUND(SQRT((VLOOKUP($A153,városok!$A$2:$C$346,2,0)-VLOOKUP(G$1,városok!$A$2:$C$346,2,0))^2+(VLOOKUP($A153,városok!$A$2:$C$346,3,0)-VLOOKUP(G$1,városok!$A$2:$C$346,3,0))^2)/1000,0)</f>
        <v>226</v>
      </c>
      <c r="H153">
        <f ca="1">ROUND(SQRT((VLOOKUP($A153,városok!$A$2:$C$346,2,0)-VLOOKUP(H$1,városok!$A$2:$C$346,2,0))^2+(VLOOKUP($A153,városok!$A$2:$C$346,3,0)-VLOOKUP(H$1,városok!$A$2:$C$346,3,0))^2)/1000,0)</f>
        <v>248</v>
      </c>
      <c r="I153">
        <f ca="1">ROUND(SQRT((VLOOKUP($A153,városok!$A$2:$C$346,2,0)-VLOOKUP(I$1,városok!$A$2:$C$346,2,0))^2+(VLOOKUP($A153,városok!$A$2:$C$346,3,0)-VLOOKUP(I$1,városok!$A$2:$C$346,3,0))^2)/1000,0)</f>
        <v>160</v>
      </c>
      <c r="J153">
        <f ca="1">ROUND(SQRT((VLOOKUP($A153,városok!$A$2:$C$346,2,0)-VLOOKUP(J$1,városok!$A$2:$C$346,2,0))^2+(VLOOKUP($A153,városok!$A$2:$C$346,3,0)-VLOOKUP(J$1,városok!$A$2:$C$346,3,0))^2)/1000,0)</f>
        <v>172</v>
      </c>
      <c r="K153">
        <f ca="1">ROUND(SQRT((VLOOKUP($A153,városok!$A$2:$C$346,2,0)-VLOOKUP(K$1,városok!$A$2:$C$346,2,0))^2+(VLOOKUP($A153,városok!$A$2:$C$346,3,0)-VLOOKUP(K$1,városok!$A$2:$C$346,3,0))^2)/1000,0)</f>
        <v>154</v>
      </c>
      <c r="L153">
        <f ca="1">ROUND(SQRT((VLOOKUP($A153,városok!$A$2:$C$346,2,0)-VLOOKUP(L$1,városok!$A$2:$C$346,2,0))^2+(VLOOKUP($A153,városok!$A$2:$C$346,3,0)-VLOOKUP(L$1,városok!$A$2:$C$346,3,0))^2)/1000,0)</f>
        <v>80</v>
      </c>
      <c r="M153">
        <f ca="1">ROUND(SQRT((VLOOKUP($A153,városok!$A$2:$C$346,2,0)-VLOOKUP(M$1,városok!$A$2:$C$346,2,0))^2+(VLOOKUP($A153,városok!$A$2:$C$346,3,0)-VLOOKUP(M$1,városok!$A$2:$C$346,3,0))^2)/1000,0)</f>
        <v>82</v>
      </c>
      <c r="N153">
        <f ca="1">ROUND(SQRT((VLOOKUP($A153,városok!$A$2:$C$346,2,0)-VLOOKUP(N$1,városok!$A$2:$C$346,2,0))^2+(VLOOKUP($A153,városok!$A$2:$C$346,3,0)-VLOOKUP(N$1,városok!$A$2:$C$346,3,0))^2)/1000,0)</f>
        <v>59</v>
      </c>
      <c r="O153">
        <f ca="1">ROUND(SQRT((VLOOKUP($A153,városok!$A$2:$C$346,2,0)-VLOOKUP(O$1,városok!$A$2:$C$346,2,0))^2+(VLOOKUP($A153,városok!$A$2:$C$346,3,0)-VLOOKUP(O$1,városok!$A$2:$C$346,3,0))^2)/1000,0)</f>
        <v>153</v>
      </c>
      <c r="P153">
        <f ca="1">ROUND(SQRT((VLOOKUP($A153,városok!$A$2:$C$346,2,0)-VLOOKUP(P$1,városok!$A$2:$C$346,2,0))^2+(VLOOKUP($A153,városok!$A$2:$C$346,3,0)-VLOOKUP(P$1,városok!$A$2:$C$346,3,0))^2)/1000,0)</f>
        <v>153</v>
      </c>
      <c r="Q153">
        <f ca="1">ROUND(SQRT((VLOOKUP($A153,városok!$A$2:$C$346,2,0)-VLOOKUP(Q$1,városok!$A$2:$C$346,2,0))^2+(VLOOKUP($A153,városok!$A$2:$C$346,3,0)-VLOOKUP(Q$1,városok!$A$2:$C$346,3,0))^2)/1000,0)</f>
        <v>160</v>
      </c>
      <c r="R153">
        <f ca="1">ROUND(SQRT((VLOOKUP($A153,városok!$A$2:$C$346,2,0)-VLOOKUP(R$1,városok!$A$2:$C$346,2,0))^2+(VLOOKUP($A153,városok!$A$2:$C$346,3,0)-VLOOKUP(R$1,városok!$A$2:$C$346,3,0))^2)/1000,0)</f>
        <v>185</v>
      </c>
      <c r="S153">
        <f ca="1">ROUND(SQRT((VLOOKUP($A153,városok!$A$2:$C$346,2,0)-VLOOKUP(S$1,városok!$A$2:$C$346,2,0))^2+(VLOOKUP($A153,városok!$A$2:$C$346,3,0)-VLOOKUP(S$1,városok!$A$2:$C$346,3,0))^2)/1000,0)</f>
        <v>177</v>
      </c>
      <c r="T153">
        <f ca="1">ROUND(SQRT((VLOOKUP($A153,városok!$A$2:$C$346,2,0)-VLOOKUP(T$1,városok!$A$2:$C$346,2,0))^2+(VLOOKUP($A153,városok!$A$2:$C$346,3,0)-VLOOKUP(T$1,városok!$A$2:$C$346,3,0))^2)/1000,0)</f>
        <v>94</v>
      </c>
      <c r="U153">
        <f ca="1">ROUND(SQRT((VLOOKUP($A153,városok!$A$2:$C$346,2,0)-VLOOKUP(U$1,városok!$A$2:$C$346,2,0))^2+(VLOOKUP($A153,városok!$A$2:$C$346,3,0)-VLOOKUP(U$1,városok!$A$2:$C$346,3,0))^2)/1000,0)</f>
        <v>114</v>
      </c>
      <c r="V153">
        <f ca="1">ROUND(SQRT((VLOOKUP($A153,városok!$A$2:$C$346,2,0)-VLOOKUP(V$1,városok!$A$2:$C$346,2,0))^2+(VLOOKUP($A153,városok!$A$2:$C$346,3,0)-VLOOKUP(V$1,városok!$A$2:$C$346,3,0))^2)/1000,0)</f>
        <v>140</v>
      </c>
      <c r="W153">
        <f ca="1">ROUND(SQRT((VLOOKUP($A153,városok!$A$2:$C$346,2,0)-VLOOKUP(W$1,városok!$A$2:$C$346,2,0))^2+(VLOOKUP($A153,városok!$A$2:$C$346,3,0)-VLOOKUP(W$1,városok!$A$2:$C$346,3,0))^2)/1000,0)</f>
        <v>136</v>
      </c>
      <c r="X153">
        <f ca="1">ROUND(SQRT((VLOOKUP($A153,városok!$A$2:$C$346,2,0)-VLOOKUP(X$1,városok!$A$2:$C$346,2,0))^2+(VLOOKUP($A153,városok!$A$2:$C$346,3,0)-VLOOKUP(X$1,városok!$A$2:$C$346,3,0))^2)/1000,0)</f>
        <v>125</v>
      </c>
      <c r="Y153">
        <f ca="1">ROUND(SQRT((VLOOKUP($A153,városok!$A$2:$C$346,2,0)-VLOOKUP(Y$1,városok!$A$2:$C$346,2,0))^2+(VLOOKUP($A153,városok!$A$2:$C$346,3,0)-VLOOKUP(Y$1,városok!$A$2:$C$346,3,0))^2)/1000,0)</f>
        <v>162</v>
      </c>
      <c r="Z153">
        <f ca="1">ROUND(SQRT((VLOOKUP($A153,városok!$A$2:$C$346,2,0)-VLOOKUP(Z$1,városok!$A$2:$C$346,2,0))^2+(VLOOKUP($A153,városok!$A$2:$C$346,3,0)-VLOOKUP(Z$1,városok!$A$2:$C$346,3,0))^2)/1000,0)</f>
        <v>180</v>
      </c>
      <c r="AA153">
        <f ca="1">ROUND(SQRT((VLOOKUP($A153,városok!$A$2:$C$346,2,0)-VLOOKUP(AA$1,városok!$A$2:$C$346,2,0))^2+(VLOOKUP($A153,városok!$A$2:$C$346,3,0)-VLOOKUP(AA$1,városok!$A$2:$C$346,3,0))^2)/1000,0)</f>
        <v>241</v>
      </c>
      <c r="AB153">
        <f ca="1">ROUND(SQRT((VLOOKUP($A153,városok!$A$2:$C$346,2,0)-VLOOKUP(AB$1,városok!$A$2:$C$346,2,0))^2+(VLOOKUP($A153,városok!$A$2:$C$346,3,0)-VLOOKUP(AB$1,városok!$A$2:$C$346,3,0))^2)/1000,0)</f>
        <v>142</v>
      </c>
      <c r="AC153">
        <f ca="1">ROUND(SQRT((VLOOKUP($A153,városok!$A$2:$C$346,2,0)-VLOOKUP(AC$1,városok!$A$2:$C$346,2,0))^2+(VLOOKUP($A153,városok!$A$2:$C$346,3,0)-VLOOKUP(AC$1,városok!$A$2:$C$346,3,0))^2)/1000,0)</f>
        <v>128</v>
      </c>
      <c r="AD153">
        <f ca="1">ROUND(SQRT((VLOOKUP($A153,városok!$A$2:$C$346,2,0)-VLOOKUP(AD$1,városok!$A$2:$C$346,2,0))^2+(VLOOKUP($A153,városok!$A$2:$C$346,3,0)-VLOOKUP(AD$1,városok!$A$2:$C$346,3,0))^2)/1000,0)</f>
        <v>112</v>
      </c>
      <c r="AE153">
        <f ca="1">ROUND(SQRT((VLOOKUP($A153,városok!$A$2:$C$346,2,0)-VLOOKUP(AE$1,városok!$A$2:$C$346,2,0))^2+(VLOOKUP($A153,városok!$A$2:$C$346,3,0)-VLOOKUP(AE$1,városok!$A$2:$C$346,3,0))^2)/1000,0)</f>
        <v>119</v>
      </c>
      <c r="AF153">
        <f ca="1">ROUND(SQRT((VLOOKUP($A153,városok!$A$2:$C$346,2,0)-VLOOKUP(AF$1,városok!$A$2:$C$346,2,0))^2+(VLOOKUP($A153,városok!$A$2:$C$346,3,0)-VLOOKUP(AF$1,városok!$A$2:$C$346,3,0))^2)/1000,0)</f>
        <v>45</v>
      </c>
      <c r="AG153">
        <f ca="1">ROUND(SQRT((VLOOKUP($A153,városok!$A$2:$C$346,2,0)-VLOOKUP(AG$1,városok!$A$2:$C$346,2,0))^2+(VLOOKUP($A153,városok!$A$2:$C$346,3,0)-VLOOKUP(AG$1,városok!$A$2:$C$346,3,0))^2)/1000,0)</f>
        <v>11</v>
      </c>
      <c r="AH153">
        <f ca="1">ROUND(SQRT((VLOOKUP($A153,városok!$A$2:$C$346,2,0)-VLOOKUP(AH$1,városok!$A$2:$C$346,2,0))^2+(VLOOKUP($A153,városok!$A$2:$C$346,3,0)-VLOOKUP(AH$1,városok!$A$2:$C$346,3,0))^2)/1000,0)</f>
        <v>19</v>
      </c>
      <c r="AI153">
        <f ca="1">ROUND(SQRT((VLOOKUP($A153,városok!$A$2:$C$346,2,0)-VLOOKUP(AI$1,városok!$A$2:$C$346,2,0))^2+(VLOOKUP($A153,városok!$A$2:$C$346,3,0)-VLOOKUP(AI$1,városok!$A$2:$C$346,3,0))^2)/1000,0)</f>
        <v>32</v>
      </c>
      <c r="AJ153">
        <f ca="1">ROUND(SQRT((VLOOKUP($A153,városok!$A$2:$C$346,2,0)-VLOOKUP(AJ$1,városok!$A$2:$C$346,2,0))^2+(VLOOKUP($A153,városok!$A$2:$C$346,3,0)-VLOOKUP(AJ$1,városok!$A$2:$C$346,3,0))^2)/1000,0)</f>
        <v>24</v>
      </c>
      <c r="AK153">
        <f ca="1">ROUND(SQRT((VLOOKUP($A153,városok!$A$2:$C$346,2,0)-VLOOKUP(AK$1,városok!$A$2:$C$346,2,0))^2+(VLOOKUP($A153,városok!$A$2:$C$346,3,0)-VLOOKUP(AK$1,városok!$A$2:$C$346,3,0))^2)/1000,0)</f>
        <v>107</v>
      </c>
      <c r="AL153">
        <f ca="1">ROUND(SQRT((VLOOKUP($A153,városok!$A$2:$C$346,2,0)-VLOOKUP(AL$1,városok!$A$2:$C$346,2,0))^2+(VLOOKUP($A153,városok!$A$2:$C$346,3,0)-VLOOKUP(AL$1,városok!$A$2:$C$346,3,0))^2)/1000,0)</f>
        <v>80</v>
      </c>
      <c r="AM153">
        <f ca="1">ROUND(SQRT((VLOOKUP($A153,városok!$A$2:$C$346,2,0)-VLOOKUP(AM$1,városok!$A$2:$C$346,2,0))^2+(VLOOKUP($A153,városok!$A$2:$C$346,3,0)-VLOOKUP(AM$1,városok!$A$2:$C$346,3,0))^2)/1000,0)</f>
        <v>77</v>
      </c>
      <c r="AN153">
        <f ca="1">ROUND(SQRT((VLOOKUP($A153,városok!$A$2:$C$346,2,0)-VLOOKUP(AN$1,városok!$A$2:$C$346,2,0))^2+(VLOOKUP($A153,városok!$A$2:$C$346,3,0)-VLOOKUP(AN$1,városok!$A$2:$C$346,3,0))^2)/1000,0)</f>
        <v>78</v>
      </c>
      <c r="AO153">
        <f ca="1">ROUND(SQRT((VLOOKUP($A153,városok!$A$2:$C$346,2,0)-VLOOKUP(AO$1,városok!$A$2:$C$346,2,0))^2+(VLOOKUP($A153,városok!$A$2:$C$346,3,0)-VLOOKUP(AO$1,városok!$A$2:$C$346,3,0))^2)/1000,0)</f>
        <v>125</v>
      </c>
      <c r="AP153">
        <f ca="1">ROUND(SQRT((VLOOKUP($A153,városok!$A$2:$C$346,2,0)-VLOOKUP(AP$1,városok!$A$2:$C$346,2,0))^2+(VLOOKUP($A153,városok!$A$2:$C$346,3,0)-VLOOKUP(AP$1,városok!$A$2:$C$346,3,0))^2)/1000,0)</f>
        <v>111</v>
      </c>
      <c r="AQ153">
        <f ca="1">ROUND(SQRT((VLOOKUP($A153,városok!$A$2:$C$346,2,0)-VLOOKUP(AQ$1,városok!$A$2:$C$346,2,0))^2+(VLOOKUP($A153,városok!$A$2:$C$346,3,0)-VLOOKUP(AQ$1,városok!$A$2:$C$346,3,0))^2)/1000,0)</f>
        <v>107</v>
      </c>
      <c r="AR153">
        <f ca="1">ROUND(SQRT((VLOOKUP($A153,városok!$A$2:$C$346,2,0)-VLOOKUP(AR$1,városok!$A$2:$C$346,2,0))^2+(VLOOKUP($A153,városok!$A$2:$C$346,3,0)-VLOOKUP(AR$1,városok!$A$2:$C$346,3,0))^2)/1000,0)</f>
        <v>14</v>
      </c>
      <c r="AS153">
        <f ca="1">ROUND(SQRT((VLOOKUP($A153,városok!$A$2:$C$346,2,0)-VLOOKUP(AS$1,városok!$A$2:$C$346,2,0))^2+(VLOOKUP($A153,városok!$A$2:$C$346,3,0)-VLOOKUP(AS$1,városok!$A$2:$C$346,3,0))^2)/1000,0)</f>
        <v>33</v>
      </c>
      <c r="AT153">
        <f ca="1">ROUND(SQRT((VLOOKUP($A153,városok!$A$2:$C$346,2,0)-VLOOKUP(AT$1,városok!$A$2:$C$346,2,0))^2+(VLOOKUP($A153,városok!$A$2:$C$346,3,0)-VLOOKUP(AT$1,városok!$A$2:$C$346,3,0))^2)/1000,0)</f>
        <v>82</v>
      </c>
      <c r="AU153">
        <f ca="1">ROUND(SQRT((VLOOKUP($A153,városok!$A$2:$C$346,2,0)-VLOOKUP(AU$1,városok!$A$2:$C$346,2,0))^2+(VLOOKUP($A153,városok!$A$2:$C$346,3,0)-VLOOKUP(AU$1,városok!$A$2:$C$346,3,0))^2)/1000,0)</f>
        <v>74</v>
      </c>
      <c r="AV153">
        <f ca="1">ROUND(SQRT((VLOOKUP($A153,városok!$A$2:$C$346,2,0)-VLOOKUP(AV$1,városok!$A$2:$C$346,2,0))^2+(VLOOKUP($A153,városok!$A$2:$C$346,3,0)-VLOOKUP(AV$1,városok!$A$2:$C$346,3,0))^2)/1000,0)</f>
        <v>78</v>
      </c>
      <c r="AW153">
        <f ca="1">ROUND(SQRT((VLOOKUP($A153,városok!$A$2:$C$346,2,0)-VLOOKUP(AW$1,városok!$A$2:$C$346,2,0))^2+(VLOOKUP($A153,városok!$A$2:$C$346,3,0)-VLOOKUP(AW$1,városok!$A$2:$C$346,3,0))^2)/1000,0)</f>
        <v>81</v>
      </c>
      <c r="AX153">
        <f ca="1">ROUND(SQRT((VLOOKUP($A153,városok!$A$2:$C$346,2,0)-VLOOKUP(AX$1,városok!$A$2:$C$346,2,0))^2+(VLOOKUP($A153,városok!$A$2:$C$346,3,0)-VLOOKUP(AX$1,városok!$A$2:$C$346,3,0))^2)/1000,0)</f>
        <v>87</v>
      </c>
      <c r="AY153">
        <f ca="1">ROUND(SQRT((VLOOKUP($A153,városok!$A$2:$C$346,2,0)-VLOOKUP(AY$1,városok!$A$2:$C$346,2,0))^2+(VLOOKUP($A153,városok!$A$2:$C$346,3,0)-VLOOKUP(AY$1,városok!$A$2:$C$346,3,0))^2)/1000,0)</f>
        <v>56</v>
      </c>
      <c r="AZ153">
        <f ca="1">ROUND(SQRT((VLOOKUP($A153,városok!$A$2:$C$346,2,0)-VLOOKUP(AZ$1,városok!$A$2:$C$346,2,0))^2+(VLOOKUP($A153,városok!$A$2:$C$346,3,0)-VLOOKUP(AZ$1,városok!$A$2:$C$346,3,0))^2)/1000,0)</f>
        <v>61</v>
      </c>
      <c r="BA153">
        <f ca="1">ROUND(SQRT((VLOOKUP($A153,városok!$A$2:$C$346,2,0)-VLOOKUP(BA$1,városok!$A$2:$C$346,2,0))^2+(VLOOKUP($A153,városok!$A$2:$C$346,3,0)-VLOOKUP(BA$1,városok!$A$2:$C$346,3,0))^2)/1000,0)</f>
        <v>195</v>
      </c>
      <c r="BB153">
        <f ca="1">ROUND(SQRT((VLOOKUP($A153,városok!$A$2:$C$346,2,0)-VLOOKUP(BB$1,városok!$A$2:$C$346,2,0))^2+(VLOOKUP($A153,városok!$A$2:$C$346,3,0)-VLOOKUP(BB$1,városok!$A$2:$C$346,3,0))^2)/1000,0)</f>
        <v>199</v>
      </c>
      <c r="BC153">
        <f ca="1">ROUND(SQRT((VLOOKUP($A153,városok!$A$2:$C$346,2,0)-VLOOKUP(BC$1,városok!$A$2:$C$346,2,0))^2+(VLOOKUP($A153,városok!$A$2:$C$346,3,0)-VLOOKUP(BC$1,városok!$A$2:$C$346,3,0))^2)/1000,0)</f>
        <v>222</v>
      </c>
      <c r="BD153">
        <f ca="1">ROUND(SQRT((VLOOKUP($A153,városok!$A$2:$C$346,2,0)-VLOOKUP(BD$1,városok!$A$2:$C$346,2,0))^2+(VLOOKUP($A153,városok!$A$2:$C$346,3,0)-VLOOKUP(BD$1,városok!$A$2:$C$346,3,0))^2)/1000,0)</f>
        <v>165</v>
      </c>
      <c r="BE153">
        <f ca="1">ROUND(SQRT((VLOOKUP($A153,városok!$A$2:$C$346,2,0)-VLOOKUP(BE$1,városok!$A$2:$C$346,2,0))^2+(VLOOKUP($A153,városok!$A$2:$C$346,3,0)-VLOOKUP(BE$1,városok!$A$2:$C$346,3,0))^2)/1000,0)</f>
        <v>216</v>
      </c>
      <c r="BF153">
        <f ca="1">ROUND(SQRT((VLOOKUP($A153,városok!$A$2:$C$346,2,0)-VLOOKUP(BF$1,városok!$A$2:$C$346,2,0))^2+(VLOOKUP($A153,városok!$A$2:$C$346,3,0)-VLOOKUP(BF$1,városok!$A$2:$C$346,3,0))^2)/1000,0)</f>
        <v>176</v>
      </c>
      <c r="BG153">
        <f ca="1">ROUND(SQRT((VLOOKUP($A153,városok!$A$2:$C$346,2,0)-VLOOKUP(BG$1,városok!$A$2:$C$346,2,0))^2+(VLOOKUP($A153,városok!$A$2:$C$346,3,0)-VLOOKUP(BG$1,városok!$A$2:$C$346,3,0))^2)/1000,0)</f>
        <v>130</v>
      </c>
      <c r="BH153">
        <f ca="1">ROUND(SQRT((VLOOKUP($A153,városok!$A$2:$C$346,2,0)-VLOOKUP(BH$1,városok!$A$2:$C$346,2,0))^2+(VLOOKUP($A153,városok!$A$2:$C$346,3,0)-VLOOKUP(BH$1,városok!$A$2:$C$346,3,0))^2)/1000,0)</f>
        <v>130</v>
      </c>
      <c r="BI153">
        <f ca="1">ROUND(SQRT((VLOOKUP($A153,városok!$A$2:$C$346,2,0)-VLOOKUP(BI$1,városok!$A$2:$C$346,2,0))^2+(VLOOKUP($A153,városok!$A$2:$C$346,3,0)-VLOOKUP(BI$1,városok!$A$2:$C$346,3,0))^2)/1000,0)</f>
        <v>181</v>
      </c>
      <c r="BJ153">
        <f ca="1">ROUND(SQRT((VLOOKUP($A153,városok!$A$2:$C$346,2,0)-VLOOKUP(BJ$1,városok!$A$2:$C$346,2,0))^2+(VLOOKUP($A153,városok!$A$2:$C$346,3,0)-VLOOKUP(BJ$1,városok!$A$2:$C$346,3,0))^2)/1000,0)</f>
        <v>198</v>
      </c>
      <c r="BK153">
        <f ca="1">ROUND(SQRT((VLOOKUP($A153,városok!$A$2:$C$346,2,0)-VLOOKUP(BK$1,városok!$A$2:$C$346,2,0))^2+(VLOOKUP($A153,városok!$A$2:$C$346,3,0)-VLOOKUP(BK$1,városok!$A$2:$C$346,3,0))^2)/1000,0)</f>
        <v>182</v>
      </c>
      <c r="BL153">
        <f ca="1">ROUND(SQRT((VLOOKUP($A153,városok!$A$2:$C$346,2,0)-VLOOKUP(BL$1,városok!$A$2:$C$346,2,0))^2+(VLOOKUP($A153,városok!$A$2:$C$346,3,0)-VLOOKUP(BL$1,városok!$A$2:$C$346,3,0))^2)/1000,0)</f>
        <v>256</v>
      </c>
      <c r="BM153">
        <f ca="1">ROUND(SQRT((VLOOKUP($A153,városok!$A$2:$C$346,2,0)-VLOOKUP(BM$1,városok!$A$2:$C$346,2,0))^2+(VLOOKUP($A153,városok!$A$2:$C$346,3,0)-VLOOKUP(BM$1,városok!$A$2:$C$346,3,0))^2)/1000,0)</f>
        <v>224</v>
      </c>
      <c r="BN153">
        <f ca="1">ROUND(SQRT((VLOOKUP($A153,városok!$A$2:$C$346,2,0)-VLOOKUP(BN$1,városok!$A$2:$C$346,2,0))^2+(VLOOKUP($A153,városok!$A$2:$C$346,3,0)-VLOOKUP(BN$1,városok!$A$2:$C$346,3,0))^2)/1000,0)</f>
        <v>247</v>
      </c>
      <c r="BO153">
        <f ca="1">ROUND(SQRT((VLOOKUP($A153,városok!$A$2:$C$346,2,0)-VLOOKUP(BO$1,városok!$A$2:$C$346,2,0))^2+(VLOOKUP($A153,városok!$A$2:$C$346,3,0)-VLOOKUP(BO$1,városok!$A$2:$C$346,3,0))^2)/1000,0)</f>
        <v>160</v>
      </c>
      <c r="BP153">
        <f ca="1">ROUND(SQRT((VLOOKUP($A153,városok!$A$2:$C$346,2,0)-VLOOKUP(BP$1,városok!$A$2:$C$346,2,0))^2+(VLOOKUP($A153,városok!$A$2:$C$346,3,0)-VLOOKUP(BP$1,városok!$A$2:$C$346,3,0))^2)/1000,0)</f>
        <v>153</v>
      </c>
      <c r="BQ153">
        <f ca="1">ROUND(SQRT((VLOOKUP($A153,városok!$A$2:$C$346,2,0)-VLOOKUP(BQ$1,városok!$A$2:$C$346,2,0))^2+(VLOOKUP($A153,városok!$A$2:$C$346,3,0)-VLOOKUP(BQ$1,városok!$A$2:$C$346,3,0))^2)/1000,0)</f>
        <v>163</v>
      </c>
      <c r="BR153">
        <f ca="1">ROUND(SQRT((VLOOKUP($A153,városok!$A$2:$C$346,2,0)-VLOOKUP(BR$1,városok!$A$2:$C$346,2,0))^2+(VLOOKUP($A153,városok!$A$2:$C$346,3,0)-VLOOKUP(BR$1,városok!$A$2:$C$346,3,0))^2)/1000,0)</f>
        <v>224</v>
      </c>
      <c r="BS153">
        <f ca="1">ROUND(SQRT((VLOOKUP($A153,városok!$A$2:$C$346,2,0)-VLOOKUP(BS$1,városok!$A$2:$C$346,2,0))^2+(VLOOKUP($A153,városok!$A$2:$C$346,3,0)-VLOOKUP(BS$1,városok!$A$2:$C$346,3,0))^2)/1000,0)</f>
        <v>261</v>
      </c>
      <c r="BT153">
        <f ca="1">ROUND(SQRT((VLOOKUP($A153,városok!$A$2:$C$346,2,0)-VLOOKUP(BT$1,városok!$A$2:$C$346,2,0))^2+(VLOOKUP($A153,városok!$A$2:$C$346,3,0)-VLOOKUP(BT$1,városok!$A$2:$C$346,3,0))^2)/1000,0)</f>
        <v>248</v>
      </c>
    </row>
    <row r="154" spans="1:72" x14ac:dyDescent="0.2">
      <c r="A154" t="str">
        <f>városok!A154</f>
        <v>Hatvan</v>
      </c>
      <c r="B154">
        <f ca="1">ROUND(SQRT((VLOOKUP($A154,városok!$A$2:$C$346,2,0)-VLOOKUP(B$1,városok!$A$2:$C$346,2,0))^2+(VLOOKUP($A154,városok!$A$2:$C$346,3,0)-VLOOKUP(B$1,városok!$A$2:$C$346,3,0))^2)/1000,0)</f>
        <v>174</v>
      </c>
      <c r="C154">
        <f ca="1">ROUND(SQRT((VLOOKUP($A154,városok!$A$2:$C$346,2,0)-VLOOKUP(C$1,városok!$A$2:$C$346,2,0))^2+(VLOOKUP($A154,városok!$A$2:$C$346,3,0)-VLOOKUP(C$1,városok!$A$2:$C$346,3,0))^2)/1000,0)</f>
        <v>137</v>
      </c>
      <c r="D154">
        <f ca="1">ROUND(SQRT((VLOOKUP($A154,városok!$A$2:$C$346,2,0)-VLOOKUP(D$1,városok!$A$2:$C$346,2,0))^2+(VLOOKUP($A154,városok!$A$2:$C$346,3,0)-VLOOKUP(D$1,városok!$A$2:$C$346,3,0))^2)/1000,0)</f>
        <v>84</v>
      </c>
      <c r="E154">
        <f ca="1">ROUND(SQRT((VLOOKUP($A154,városok!$A$2:$C$346,2,0)-VLOOKUP(E$1,városok!$A$2:$C$346,2,0))^2+(VLOOKUP($A154,városok!$A$2:$C$346,3,0)-VLOOKUP(E$1,városok!$A$2:$C$346,3,0))^2)/1000,0)</f>
        <v>196</v>
      </c>
      <c r="F154">
        <f ca="1">ROUND(SQRT((VLOOKUP($A154,városok!$A$2:$C$346,2,0)-VLOOKUP(F$1,városok!$A$2:$C$346,2,0))^2+(VLOOKUP($A154,városok!$A$2:$C$346,3,0)-VLOOKUP(F$1,városok!$A$2:$C$346,3,0))^2)/1000,0)</f>
        <v>201</v>
      </c>
      <c r="G154">
        <f ca="1">ROUND(SQRT((VLOOKUP($A154,városok!$A$2:$C$346,2,0)-VLOOKUP(G$1,városok!$A$2:$C$346,2,0))^2+(VLOOKUP($A154,városok!$A$2:$C$346,3,0)-VLOOKUP(G$1,városok!$A$2:$C$346,3,0))^2)/1000,0)</f>
        <v>207</v>
      </c>
      <c r="H154">
        <f ca="1">ROUND(SQRT((VLOOKUP($A154,városok!$A$2:$C$346,2,0)-VLOOKUP(H$1,városok!$A$2:$C$346,2,0))^2+(VLOOKUP($A154,városok!$A$2:$C$346,3,0)-VLOOKUP(H$1,városok!$A$2:$C$346,3,0))^2)/1000,0)</f>
        <v>230</v>
      </c>
      <c r="I154">
        <f ca="1">ROUND(SQRT((VLOOKUP($A154,városok!$A$2:$C$346,2,0)-VLOOKUP(I$1,városok!$A$2:$C$346,2,0))^2+(VLOOKUP($A154,városok!$A$2:$C$346,3,0)-VLOOKUP(I$1,városok!$A$2:$C$346,3,0))^2)/1000,0)</f>
        <v>153</v>
      </c>
      <c r="J154">
        <f ca="1">ROUND(SQRT((VLOOKUP($A154,városok!$A$2:$C$346,2,0)-VLOOKUP(J$1,városok!$A$2:$C$346,2,0))^2+(VLOOKUP($A154,városok!$A$2:$C$346,3,0)-VLOOKUP(J$1,városok!$A$2:$C$346,3,0))^2)/1000,0)</f>
        <v>166</v>
      </c>
      <c r="K154">
        <f ca="1">ROUND(SQRT((VLOOKUP($A154,városok!$A$2:$C$346,2,0)-VLOOKUP(K$1,városok!$A$2:$C$346,2,0))^2+(VLOOKUP($A154,városok!$A$2:$C$346,3,0)-VLOOKUP(K$1,városok!$A$2:$C$346,3,0))^2)/1000,0)</f>
        <v>144</v>
      </c>
      <c r="L154">
        <f ca="1">ROUND(SQRT((VLOOKUP($A154,városok!$A$2:$C$346,2,0)-VLOOKUP(L$1,városok!$A$2:$C$346,2,0))^2+(VLOOKUP($A154,városok!$A$2:$C$346,3,0)-VLOOKUP(L$1,városok!$A$2:$C$346,3,0))^2)/1000,0)</f>
        <v>97</v>
      </c>
      <c r="M154">
        <f ca="1">ROUND(SQRT((VLOOKUP($A154,városok!$A$2:$C$346,2,0)-VLOOKUP(M$1,városok!$A$2:$C$346,2,0))^2+(VLOOKUP($A154,városok!$A$2:$C$346,3,0)-VLOOKUP(M$1,városok!$A$2:$C$346,3,0))^2)/1000,0)</f>
        <v>97</v>
      </c>
      <c r="N154">
        <f ca="1">ROUND(SQRT((VLOOKUP($A154,városok!$A$2:$C$346,2,0)-VLOOKUP(N$1,városok!$A$2:$C$346,2,0))^2+(VLOOKUP($A154,városok!$A$2:$C$346,3,0)-VLOOKUP(N$1,városok!$A$2:$C$346,3,0))^2)/1000,0)</f>
        <v>77</v>
      </c>
      <c r="O154">
        <f ca="1">ROUND(SQRT((VLOOKUP($A154,városok!$A$2:$C$346,2,0)-VLOOKUP(O$1,városok!$A$2:$C$346,2,0))^2+(VLOOKUP($A154,városok!$A$2:$C$346,3,0)-VLOOKUP(O$1,városok!$A$2:$C$346,3,0))^2)/1000,0)</f>
        <v>168</v>
      </c>
      <c r="P154">
        <f ca="1">ROUND(SQRT((VLOOKUP($A154,városok!$A$2:$C$346,2,0)-VLOOKUP(P$1,városok!$A$2:$C$346,2,0))^2+(VLOOKUP($A154,városok!$A$2:$C$346,3,0)-VLOOKUP(P$1,városok!$A$2:$C$346,3,0))^2)/1000,0)</f>
        <v>168</v>
      </c>
      <c r="Q154">
        <f ca="1">ROUND(SQRT((VLOOKUP($A154,városok!$A$2:$C$346,2,0)-VLOOKUP(Q$1,városok!$A$2:$C$346,2,0))^2+(VLOOKUP($A154,városok!$A$2:$C$346,3,0)-VLOOKUP(Q$1,városok!$A$2:$C$346,3,0))^2)/1000,0)</f>
        <v>147</v>
      </c>
      <c r="R154">
        <f ca="1">ROUND(SQRT((VLOOKUP($A154,városok!$A$2:$C$346,2,0)-VLOOKUP(R$1,városok!$A$2:$C$346,2,0))^2+(VLOOKUP($A154,városok!$A$2:$C$346,3,0)-VLOOKUP(R$1,városok!$A$2:$C$346,3,0))^2)/1000,0)</f>
        <v>172</v>
      </c>
      <c r="S154">
        <f ca="1">ROUND(SQRT((VLOOKUP($A154,városok!$A$2:$C$346,2,0)-VLOOKUP(S$1,városok!$A$2:$C$346,2,0))^2+(VLOOKUP($A154,városok!$A$2:$C$346,3,0)-VLOOKUP(S$1,városok!$A$2:$C$346,3,0))^2)/1000,0)</f>
        <v>162</v>
      </c>
      <c r="T154">
        <f ca="1">ROUND(SQRT((VLOOKUP($A154,városok!$A$2:$C$346,2,0)-VLOOKUP(T$1,városok!$A$2:$C$346,2,0))^2+(VLOOKUP($A154,városok!$A$2:$C$346,3,0)-VLOOKUP(T$1,városok!$A$2:$C$346,3,0))^2)/1000,0)</f>
        <v>81</v>
      </c>
      <c r="U154">
        <f ca="1">ROUND(SQRT((VLOOKUP($A154,városok!$A$2:$C$346,2,0)-VLOOKUP(U$1,városok!$A$2:$C$346,2,0))^2+(VLOOKUP($A154,városok!$A$2:$C$346,3,0)-VLOOKUP(U$1,városok!$A$2:$C$346,3,0))^2)/1000,0)</f>
        <v>96</v>
      </c>
      <c r="V154">
        <f ca="1">ROUND(SQRT((VLOOKUP($A154,városok!$A$2:$C$346,2,0)-VLOOKUP(V$1,városok!$A$2:$C$346,2,0))^2+(VLOOKUP($A154,városok!$A$2:$C$346,3,0)-VLOOKUP(V$1,városok!$A$2:$C$346,3,0))^2)/1000,0)</f>
        <v>124</v>
      </c>
      <c r="W154">
        <f ca="1">ROUND(SQRT((VLOOKUP($A154,városok!$A$2:$C$346,2,0)-VLOOKUP(W$1,városok!$A$2:$C$346,2,0))^2+(VLOOKUP($A154,városok!$A$2:$C$346,3,0)-VLOOKUP(W$1,városok!$A$2:$C$346,3,0))^2)/1000,0)</f>
        <v>118</v>
      </c>
      <c r="X154">
        <f ca="1">ROUND(SQRT((VLOOKUP($A154,városok!$A$2:$C$346,2,0)-VLOOKUP(X$1,városok!$A$2:$C$346,2,0))^2+(VLOOKUP($A154,városok!$A$2:$C$346,3,0)-VLOOKUP(X$1,városok!$A$2:$C$346,3,0))^2)/1000,0)</f>
        <v>110</v>
      </c>
      <c r="Y154">
        <f ca="1">ROUND(SQRT((VLOOKUP($A154,városok!$A$2:$C$346,2,0)-VLOOKUP(Y$1,városok!$A$2:$C$346,2,0))^2+(VLOOKUP($A154,városok!$A$2:$C$346,3,0)-VLOOKUP(Y$1,városok!$A$2:$C$346,3,0))^2)/1000,0)</f>
        <v>153</v>
      </c>
      <c r="Z154">
        <f ca="1">ROUND(SQRT((VLOOKUP($A154,városok!$A$2:$C$346,2,0)-VLOOKUP(Z$1,városok!$A$2:$C$346,2,0))^2+(VLOOKUP($A154,városok!$A$2:$C$346,3,0)-VLOOKUP(Z$1,városok!$A$2:$C$346,3,0))^2)/1000,0)</f>
        <v>172</v>
      </c>
      <c r="AA154">
        <f ca="1">ROUND(SQRT((VLOOKUP($A154,városok!$A$2:$C$346,2,0)-VLOOKUP(AA$1,városok!$A$2:$C$346,2,0))^2+(VLOOKUP($A154,városok!$A$2:$C$346,3,0)-VLOOKUP(AA$1,városok!$A$2:$C$346,3,0))^2)/1000,0)</f>
        <v>232</v>
      </c>
      <c r="AB154">
        <f ca="1">ROUND(SQRT((VLOOKUP($A154,városok!$A$2:$C$346,2,0)-VLOOKUP(AB$1,városok!$A$2:$C$346,2,0))^2+(VLOOKUP($A154,városok!$A$2:$C$346,3,0)-VLOOKUP(AB$1,városok!$A$2:$C$346,3,0))^2)/1000,0)</f>
        <v>148</v>
      </c>
      <c r="AC154">
        <f ca="1">ROUND(SQRT((VLOOKUP($A154,városok!$A$2:$C$346,2,0)-VLOOKUP(AC$1,városok!$A$2:$C$346,2,0))^2+(VLOOKUP($A154,városok!$A$2:$C$346,3,0)-VLOOKUP(AC$1,városok!$A$2:$C$346,3,0))^2)/1000,0)</f>
        <v>132</v>
      </c>
      <c r="AD154">
        <f ca="1">ROUND(SQRT((VLOOKUP($A154,városok!$A$2:$C$346,2,0)-VLOOKUP(AD$1,városok!$A$2:$C$346,2,0))^2+(VLOOKUP($A154,városok!$A$2:$C$346,3,0)-VLOOKUP(AD$1,városok!$A$2:$C$346,3,0))^2)/1000,0)</f>
        <v>115</v>
      </c>
      <c r="AE154">
        <f ca="1">ROUND(SQRT((VLOOKUP($A154,városok!$A$2:$C$346,2,0)-VLOOKUP(AE$1,városok!$A$2:$C$346,2,0))^2+(VLOOKUP($A154,városok!$A$2:$C$346,3,0)-VLOOKUP(AE$1,városok!$A$2:$C$346,3,0))^2)/1000,0)</f>
        <v>120</v>
      </c>
      <c r="AF154">
        <f ca="1">ROUND(SQRT((VLOOKUP($A154,városok!$A$2:$C$346,2,0)-VLOOKUP(AF$1,városok!$A$2:$C$346,2,0))^2+(VLOOKUP($A154,városok!$A$2:$C$346,3,0)-VLOOKUP(AF$1,városok!$A$2:$C$346,3,0))^2)/1000,0)</f>
        <v>59</v>
      </c>
      <c r="AG154">
        <f ca="1">ROUND(SQRT((VLOOKUP($A154,városok!$A$2:$C$346,2,0)-VLOOKUP(AG$1,városok!$A$2:$C$346,2,0))^2+(VLOOKUP($A154,városok!$A$2:$C$346,3,0)-VLOOKUP(AG$1,városok!$A$2:$C$346,3,0))^2)/1000,0)</f>
        <v>23</v>
      </c>
      <c r="AH154">
        <f ca="1">ROUND(SQRT((VLOOKUP($A154,városok!$A$2:$C$346,2,0)-VLOOKUP(AH$1,városok!$A$2:$C$346,2,0))^2+(VLOOKUP($A154,városok!$A$2:$C$346,3,0)-VLOOKUP(AH$1,városok!$A$2:$C$346,3,0))^2)/1000,0)</f>
        <v>0</v>
      </c>
      <c r="AI154">
        <f ca="1">ROUND(SQRT((VLOOKUP($A154,városok!$A$2:$C$346,2,0)-VLOOKUP(AI$1,városok!$A$2:$C$346,2,0))^2+(VLOOKUP($A154,városok!$A$2:$C$346,3,0)-VLOOKUP(AI$1,városok!$A$2:$C$346,3,0))^2)/1000,0)</f>
        <v>50</v>
      </c>
      <c r="AJ154">
        <f ca="1">ROUND(SQRT((VLOOKUP($A154,városok!$A$2:$C$346,2,0)-VLOOKUP(AJ$1,városok!$A$2:$C$346,2,0))^2+(VLOOKUP($A154,városok!$A$2:$C$346,3,0)-VLOOKUP(AJ$1,városok!$A$2:$C$346,3,0))^2)/1000,0)</f>
        <v>23</v>
      </c>
      <c r="AK154">
        <f ca="1">ROUND(SQRT((VLOOKUP($A154,városok!$A$2:$C$346,2,0)-VLOOKUP(AK$1,városok!$A$2:$C$346,2,0))^2+(VLOOKUP($A154,városok!$A$2:$C$346,3,0)-VLOOKUP(AK$1,városok!$A$2:$C$346,3,0))^2)/1000,0)</f>
        <v>107</v>
      </c>
      <c r="AL154">
        <f ca="1">ROUND(SQRT((VLOOKUP($A154,városok!$A$2:$C$346,2,0)-VLOOKUP(AL$1,városok!$A$2:$C$346,2,0))^2+(VLOOKUP($A154,városok!$A$2:$C$346,3,0)-VLOOKUP(AL$1,városok!$A$2:$C$346,3,0))^2)/1000,0)</f>
        <v>79</v>
      </c>
      <c r="AM154">
        <f ca="1">ROUND(SQRT((VLOOKUP($A154,városok!$A$2:$C$346,2,0)-VLOOKUP(AM$1,városok!$A$2:$C$346,2,0))^2+(VLOOKUP($A154,városok!$A$2:$C$346,3,0)-VLOOKUP(AM$1,városok!$A$2:$C$346,3,0))^2)/1000,0)</f>
        <v>66</v>
      </c>
      <c r="AN154">
        <f ca="1">ROUND(SQRT((VLOOKUP($A154,városok!$A$2:$C$346,2,0)-VLOOKUP(AN$1,városok!$A$2:$C$346,2,0))^2+(VLOOKUP($A154,városok!$A$2:$C$346,3,0)-VLOOKUP(AN$1,városok!$A$2:$C$346,3,0))^2)/1000,0)</f>
        <v>71</v>
      </c>
      <c r="AO154">
        <f ca="1">ROUND(SQRT((VLOOKUP($A154,városok!$A$2:$C$346,2,0)-VLOOKUP(AO$1,városok!$A$2:$C$346,2,0))^2+(VLOOKUP($A154,városok!$A$2:$C$346,3,0)-VLOOKUP(AO$1,városok!$A$2:$C$346,3,0))^2)/1000,0)</f>
        <v>117</v>
      </c>
      <c r="AP154">
        <f ca="1">ROUND(SQRT((VLOOKUP($A154,városok!$A$2:$C$346,2,0)-VLOOKUP(AP$1,városok!$A$2:$C$346,2,0))^2+(VLOOKUP($A154,városok!$A$2:$C$346,3,0)-VLOOKUP(AP$1,városok!$A$2:$C$346,3,0))^2)/1000,0)</f>
        <v>101</v>
      </c>
      <c r="AQ154">
        <f ca="1">ROUND(SQRT((VLOOKUP($A154,városok!$A$2:$C$346,2,0)-VLOOKUP(AQ$1,városok!$A$2:$C$346,2,0))^2+(VLOOKUP($A154,városok!$A$2:$C$346,3,0)-VLOOKUP(AQ$1,városok!$A$2:$C$346,3,0))^2)/1000,0)</f>
        <v>96</v>
      </c>
      <c r="AR154">
        <f ca="1">ROUND(SQRT((VLOOKUP($A154,városok!$A$2:$C$346,2,0)-VLOOKUP(AR$1,városok!$A$2:$C$346,2,0))^2+(VLOOKUP($A154,városok!$A$2:$C$346,3,0)-VLOOKUP(AR$1,városok!$A$2:$C$346,3,0))^2)/1000,0)</f>
        <v>28</v>
      </c>
      <c r="AS154">
        <f ca="1">ROUND(SQRT((VLOOKUP($A154,városok!$A$2:$C$346,2,0)-VLOOKUP(AS$1,városok!$A$2:$C$346,2,0))^2+(VLOOKUP($A154,városok!$A$2:$C$346,3,0)-VLOOKUP(AS$1,városok!$A$2:$C$346,3,0))^2)/1000,0)</f>
        <v>51</v>
      </c>
      <c r="AT154">
        <f ca="1">ROUND(SQRT((VLOOKUP($A154,városok!$A$2:$C$346,2,0)-VLOOKUP(AT$1,városok!$A$2:$C$346,2,0))^2+(VLOOKUP($A154,városok!$A$2:$C$346,3,0)-VLOOKUP(AT$1,városok!$A$2:$C$346,3,0))^2)/1000,0)</f>
        <v>68</v>
      </c>
      <c r="AU154">
        <f ca="1">ROUND(SQRT((VLOOKUP($A154,városok!$A$2:$C$346,2,0)-VLOOKUP(AU$1,városok!$A$2:$C$346,2,0))^2+(VLOOKUP($A154,városok!$A$2:$C$346,3,0)-VLOOKUP(AU$1,városok!$A$2:$C$346,3,0))^2)/1000,0)</f>
        <v>58</v>
      </c>
      <c r="AV154">
        <f ca="1">ROUND(SQRT((VLOOKUP($A154,városok!$A$2:$C$346,2,0)-VLOOKUP(AV$1,városok!$A$2:$C$346,2,0))^2+(VLOOKUP($A154,városok!$A$2:$C$346,3,0)-VLOOKUP(AV$1,városok!$A$2:$C$346,3,0))^2)/1000,0)</f>
        <v>62</v>
      </c>
      <c r="AW154">
        <f ca="1">ROUND(SQRT((VLOOKUP($A154,városok!$A$2:$C$346,2,0)-VLOOKUP(AW$1,városok!$A$2:$C$346,2,0))^2+(VLOOKUP($A154,városok!$A$2:$C$346,3,0)-VLOOKUP(AW$1,városok!$A$2:$C$346,3,0))^2)/1000,0)</f>
        <v>65</v>
      </c>
      <c r="AX154">
        <f ca="1">ROUND(SQRT((VLOOKUP($A154,városok!$A$2:$C$346,2,0)-VLOOKUP(AX$1,városok!$A$2:$C$346,2,0))^2+(VLOOKUP($A154,városok!$A$2:$C$346,3,0)-VLOOKUP(AX$1,városok!$A$2:$C$346,3,0))^2)/1000,0)</f>
        <v>71</v>
      </c>
      <c r="AY154">
        <f ca="1">ROUND(SQRT((VLOOKUP($A154,városok!$A$2:$C$346,2,0)-VLOOKUP(AY$1,városok!$A$2:$C$346,2,0))^2+(VLOOKUP($A154,városok!$A$2:$C$346,3,0)-VLOOKUP(AY$1,városok!$A$2:$C$346,3,0))^2)/1000,0)</f>
        <v>46</v>
      </c>
      <c r="AZ154">
        <f ca="1">ROUND(SQRT((VLOOKUP($A154,városok!$A$2:$C$346,2,0)-VLOOKUP(AZ$1,városok!$A$2:$C$346,2,0))^2+(VLOOKUP($A154,városok!$A$2:$C$346,3,0)-VLOOKUP(AZ$1,városok!$A$2:$C$346,3,0))^2)/1000,0)</f>
        <v>55</v>
      </c>
      <c r="BA154">
        <f ca="1">ROUND(SQRT((VLOOKUP($A154,városok!$A$2:$C$346,2,0)-VLOOKUP(BA$1,városok!$A$2:$C$346,2,0))^2+(VLOOKUP($A154,városok!$A$2:$C$346,3,0)-VLOOKUP(BA$1,városok!$A$2:$C$346,3,0))^2)/1000,0)</f>
        <v>179</v>
      </c>
      <c r="BB154">
        <f ca="1">ROUND(SQRT((VLOOKUP($A154,városok!$A$2:$C$346,2,0)-VLOOKUP(BB$1,városok!$A$2:$C$346,2,0))^2+(VLOOKUP($A154,városok!$A$2:$C$346,3,0)-VLOOKUP(BB$1,városok!$A$2:$C$346,3,0))^2)/1000,0)</f>
        <v>182</v>
      </c>
      <c r="BC154">
        <f ca="1">ROUND(SQRT((VLOOKUP($A154,városok!$A$2:$C$346,2,0)-VLOOKUP(BC$1,városok!$A$2:$C$346,2,0))^2+(VLOOKUP($A154,városok!$A$2:$C$346,3,0)-VLOOKUP(BC$1,városok!$A$2:$C$346,3,0))^2)/1000,0)</f>
        <v>204</v>
      </c>
      <c r="BD154">
        <f ca="1">ROUND(SQRT((VLOOKUP($A154,városok!$A$2:$C$346,2,0)-VLOOKUP(BD$1,városok!$A$2:$C$346,2,0))^2+(VLOOKUP($A154,városok!$A$2:$C$346,3,0)-VLOOKUP(BD$1,városok!$A$2:$C$346,3,0))^2)/1000,0)</f>
        <v>148</v>
      </c>
      <c r="BE154">
        <f ca="1">ROUND(SQRT((VLOOKUP($A154,városok!$A$2:$C$346,2,0)-VLOOKUP(BE$1,városok!$A$2:$C$346,2,0))^2+(VLOOKUP($A154,városok!$A$2:$C$346,3,0)-VLOOKUP(BE$1,városok!$A$2:$C$346,3,0))^2)/1000,0)</f>
        <v>225</v>
      </c>
      <c r="BF154">
        <f ca="1">ROUND(SQRT((VLOOKUP($A154,városok!$A$2:$C$346,2,0)-VLOOKUP(BF$1,városok!$A$2:$C$346,2,0))^2+(VLOOKUP($A154,városok!$A$2:$C$346,3,0)-VLOOKUP(BF$1,városok!$A$2:$C$346,3,0))^2)/1000,0)</f>
        <v>190</v>
      </c>
      <c r="BG154">
        <f ca="1">ROUND(SQRT((VLOOKUP($A154,városok!$A$2:$C$346,2,0)-VLOOKUP(BG$1,városok!$A$2:$C$346,2,0))^2+(VLOOKUP($A154,városok!$A$2:$C$346,3,0)-VLOOKUP(BG$1,városok!$A$2:$C$346,3,0))^2)/1000,0)</f>
        <v>143</v>
      </c>
      <c r="BH154">
        <f ca="1">ROUND(SQRT((VLOOKUP($A154,városok!$A$2:$C$346,2,0)-VLOOKUP(BH$1,városok!$A$2:$C$346,2,0))^2+(VLOOKUP($A154,városok!$A$2:$C$346,3,0)-VLOOKUP(BH$1,városok!$A$2:$C$346,3,0))^2)/1000,0)</f>
        <v>143</v>
      </c>
      <c r="BI154">
        <f ca="1">ROUND(SQRT((VLOOKUP($A154,városok!$A$2:$C$346,2,0)-VLOOKUP(BI$1,városok!$A$2:$C$346,2,0))^2+(VLOOKUP($A154,városok!$A$2:$C$346,3,0)-VLOOKUP(BI$1,városok!$A$2:$C$346,3,0))^2)/1000,0)</f>
        <v>162</v>
      </c>
      <c r="BJ154">
        <f ca="1">ROUND(SQRT((VLOOKUP($A154,városok!$A$2:$C$346,2,0)-VLOOKUP(BJ$1,városok!$A$2:$C$346,2,0))^2+(VLOOKUP($A154,városok!$A$2:$C$346,3,0)-VLOOKUP(BJ$1,városok!$A$2:$C$346,3,0))^2)/1000,0)</f>
        <v>179</v>
      </c>
      <c r="BK154">
        <f ca="1">ROUND(SQRT((VLOOKUP($A154,városok!$A$2:$C$346,2,0)-VLOOKUP(BK$1,városok!$A$2:$C$346,2,0))^2+(VLOOKUP($A154,városok!$A$2:$C$346,3,0)-VLOOKUP(BK$1,városok!$A$2:$C$346,3,0))^2)/1000,0)</f>
        <v>164</v>
      </c>
      <c r="BL154">
        <f ca="1">ROUND(SQRT((VLOOKUP($A154,városok!$A$2:$C$346,2,0)-VLOOKUP(BL$1,városok!$A$2:$C$346,2,0))^2+(VLOOKUP($A154,városok!$A$2:$C$346,3,0)-VLOOKUP(BL$1,városok!$A$2:$C$346,3,0))^2)/1000,0)</f>
        <v>243</v>
      </c>
      <c r="BM154">
        <f ca="1">ROUND(SQRT((VLOOKUP($A154,városok!$A$2:$C$346,2,0)-VLOOKUP(BM$1,városok!$A$2:$C$346,2,0))^2+(VLOOKUP($A154,városok!$A$2:$C$346,3,0)-VLOOKUP(BM$1,városok!$A$2:$C$346,3,0))^2)/1000,0)</f>
        <v>212</v>
      </c>
      <c r="BN154">
        <f ca="1">ROUND(SQRT((VLOOKUP($A154,városok!$A$2:$C$346,2,0)-VLOOKUP(BN$1,városok!$A$2:$C$346,2,0))^2+(VLOOKUP($A154,városok!$A$2:$C$346,3,0)-VLOOKUP(BN$1,városok!$A$2:$C$346,3,0))^2)/1000,0)</f>
        <v>235</v>
      </c>
      <c r="BO154">
        <f ca="1">ROUND(SQRT((VLOOKUP($A154,városok!$A$2:$C$346,2,0)-VLOOKUP(BO$1,városok!$A$2:$C$346,2,0))^2+(VLOOKUP($A154,városok!$A$2:$C$346,3,0)-VLOOKUP(BO$1,városok!$A$2:$C$346,3,0))^2)/1000,0)</f>
        <v>144</v>
      </c>
      <c r="BP154">
        <f ca="1">ROUND(SQRT((VLOOKUP($A154,városok!$A$2:$C$346,2,0)-VLOOKUP(BP$1,városok!$A$2:$C$346,2,0))^2+(VLOOKUP($A154,városok!$A$2:$C$346,3,0)-VLOOKUP(BP$1,városok!$A$2:$C$346,3,0))^2)/1000,0)</f>
        <v>138</v>
      </c>
      <c r="BQ154">
        <f ca="1">ROUND(SQRT((VLOOKUP($A154,városok!$A$2:$C$346,2,0)-VLOOKUP(BQ$1,városok!$A$2:$C$346,2,0))^2+(VLOOKUP($A154,városok!$A$2:$C$346,3,0)-VLOOKUP(BQ$1,városok!$A$2:$C$346,3,0))^2)/1000,0)</f>
        <v>148</v>
      </c>
      <c r="BR154">
        <f ca="1">ROUND(SQRT((VLOOKUP($A154,városok!$A$2:$C$346,2,0)-VLOOKUP(BR$1,városok!$A$2:$C$346,2,0))^2+(VLOOKUP($A154,városok!$A$2:$C$346,3,0)-VLOOKUP(BR$1,városok!$A$2:$C$346,3,0))^2)/1000,0)</f>
        <v>209</v>
      </c>
      <c r="BS154">
        <f ca="1">ROUND(SQRT((VLOOKUP($A154,városok!$A$2:$C$346,2,0)-VLOOKUP(BS$1,városok!$A$2:$C$346,2,0))^2+(VLOOKUP($A154,városok!$A$2:$C$346,3,0)-VLOOKUP(BS$1,városok!$A$2:$C$346,3,0))^2)/1000,0)</f>
        <v>245</v>
      </c>
      <c r="BT154">
        <f ca="1">ROUND(SQRT((VLOOKUP($A154,városok!$A$2:$C$346,2,0)-VLOOKUP(BT$1,városok!$A$2:$C$346,2,0))^2+(VLOOKUP($A154,városok!$A$2:$C$346,3,0)-VLOOKUP(BT$1,városok!$A$2:$C$346,3,0))^2)/1000,0)</f>
        <v>234</v>
      </c>
    </row>
    <row r="155" spans="1:72" x14ac:dyDescent="0.2">
      <c r="A155" t="str">
        <f>városok!A155</f>
        <v>Heves</v>
      </c>
      <c r="B155">
        <f ca="1">ROUND(SQRT((VLOOKUP($A155,városok!$A$2:$C$346,2,0)-VLOOKUP(B$1,városok!$A$2:$C$346,2,0))^2+(VLOOKUP($A155,városok!$A$2:$C$346,3,0)-VLOOKUP(B$1,városok!$A$2:$C$346,3,0))^2)/1000,0)</f>
        <v>187</v>
      </c>
      <c r="C155">
        <f ca="1">ROUND(SQRT((VLOOKUP($A155,városok!$A$2:$C$346,2,0)-VLOOKUP(C$1,városok!$A$2:$C$346,2,0))^2+(VLOOKUP($A155,városok!$A$2:$C$346,3,0)-VLOOKUP(C$1,városok!$A$2:$C$346,3,0))^2)/1000,0)</f>
        <v>155</v>
      </c>
      <c r="D155">
        <f ca="1">ROUND(SQRT((VLOOKUP($A155,városok!$A$2:$C$346,2,0)-VLOOKUP(D$1,városok!$A$2:$C$346,2,0))^2+(VLOOKUP($A155,városok!$A$2:$C$346,3,0)-VLOOKUP(D$1,városok!$A$2:$C$346,3,0))^2)/1000,0)</f>
        <v>89</v>
      </c>
      <c r="E155">
        <f ca="1">ROUND(SQRT((VLOOKUP($A155,városok!$A$2:$C$346,2,0)-VLOOKUP(E$1,városok!$A$2:$C$346,2,0))^2+(VLOOKUP($A155,városok!$A$2:$C$346,3,0)-VLOOKUP(E$1,városok!$A$2:$C$346,3,0))^2)/1000,0)</f>
        <v>220</v>
      </c>
      <c r="F155">
        <f ca="1">ROUND(SQRT((VLOOKUP($A155,városok!$A$2:$C$346,2,0)-VLOOKUP(F$1,városok!$A$2:$C$346,2,0))^2+(VLOOKUP($A155,városok!$A$2:$C$346,3,0)-VLOOKUP(F$1,városok!$A$2:$C$346,3,0))^2)/1000,0)</f>
        <v>216</v>
      </c>
      <c r="G155">
        <f ca="1">ROUND(SQRT((VLOOKUP($A155,városok!$A$2:$C$346,2,0)-VLOOKUP(G$1,városok!$A$2:$C$346,2,0))^2+(VLOOKUP($A155,városok!$A$2:$C$346,3,0)-VLOOKUP(G$1,városok!$A$2:$C$346,3,0))^2)/1000,0)</f>
        <v>229</v>
      </c>
      <c r="H155">
        <f ca="1">ROUND(SQRT((VLOOKUP($A155,városok!$A$2:$C$346,2,0)-VLOOKUP(H$1,városok!$A$2:$C$346,2,0))^2+(VLOOKUP($A155,városok!$A$2:$C$346,3,0)-VLOOKUP(H$1,városok!$A$2:$C$346,3,0))^2)/1000,0)</f>
        <v>256</v>
      </c>
      <c r="I155">
        <f ca="1">ROUND(SQRT((VLOOKUP($A155,városok!$A$2:$C$346,2,0)-VLOOKUP(I$1,városok!$A$2:$C$346,2,0))^2+(VLOOKUP($A155,városok!$A$2:$C$346,3,0)-VLOOKUP(I$1,városok!$A$2:$C$346,3,0))^2)/1000,0)</f>
        <v>119</v>
      </c>
      <c r="J155">
        <f ca="1">ROUND(SQRT((VLOOKUP($A155,városok!$A$2:$C$346,2,0)-VLOOKUP(J$1,városok!$A$2:$C$346,2,0))^2+(VLOOKUP($A155,városok!$A$2:$C$346,3,0)-VLOOKUP(J$1,városok!$A$2:$C$346,3,0))^2)/1000,0)</f>
        <v>130</v>
      </c>
      <c r="K155">
        <f ca="1">ROUND(SQRT((VLOOKUP($A155,városok!$A$2:$C$346,2,0)-VLOOKUP(K$1,városok!$A$2:$C$346,2,0))^2+(VLOOKUP($A155,városok!$A$2:$C$346,3,0)-VLOOKUP(K$1,városok!$A$2:$C$346,3,0))^2)/1000,0)</f>
        <v>119</v>
      </c>
      <c r="L155">
        <f ca="1">ROUND(SQRT((VLOOKUP($A155,városok!$A$2:$C$346,2,0)-VLOOKUP(L$1,városok!$A$2:$C$346,2,0))^2+(VLOOKUP($A155,városok!$A$2:$C$346,3,0)-VLOOKUP(L$1,városok!$A$2:$C$346,3,0))^2)/1000,0)</f>
        <v>78</v>
      </c>
      <c r="M155">
        <f ca="1">ROUND(SQRT((VLOOKUP($A155,városok!$A$2:$C$346,2,0)-VLOOKUP(M$1,városok!$A$2:$C$346,2,0))^2+(VLOOKUP($A155,városok!$A$2:$C$346,3,0)-VLOOKUP(M$1,városok!$A$2:$C$346,3,0))^2)/1000,0)</f>
        <v>68</v>
      </c>
      <c r="N155">
        <f ca="1">ROUND(SQRT((VLOOKUP($A155,városok!$A$2:$C$346,2,0)-VLOOKUP(N$1,városok!$A$2:$C$346,2,0))^2+(VLOOKUP($A155,városok!$A$2:$C$346,3,0)-VLOOKUP(N$1,városok!$A$2:$C$346,3,0))^2)/1000,0)</f>
        <v>70</v>
      </c>
      <c r="O155">
        <f ca="1">ROUND(SQRT((VLOOKUP($A155,városok!$A$2:$C$346,2,0)-VLOOKUP(O$1,városok!$A$2:$C$346,2,0))^2+(VLOOKUP($A155,városok!$A$2:$C$346,3,0)-VLOOKUP(O$1,városok!$A$2:$C$346,3,0))^2)/1000,0)</f>
        <v>135</v>
      </c>
      <c r="P155">
        <f ca="1">ROUND(SQRT((VLOOKUP($A155,városok!$A$2:$C$346,2,0)-VLOOKUP(P$1,városok!$A$2:$C$346,2,0))^2+(VLOOKUP($A155,városok!$A$2:$C$346,3,0)-VLOOKUP(P$1,városok!$A$2:$C$346,3,0))^2)/1000,0)</f>
        <v>135</v>
      </c>
      <c r="Q155">
        <f ca="1">ROUND(SQRT((VLOOKUP($A155,városok!$A$2:$C$346,2,0)-VLOOKUP(Q$1,városok!$A$2:$C$346,2,0))^2+(VLOOKUP($A155,városok!$A$2:$C$346,3,0)-VLOOKUP(Q$1,városok!$A$2:$C$346,3,0))^2)/1000,0)</f>
        <v>131</v>
      </c>
      <c r="R155">
        <f ca="1">ROUND(SQRT((VLOOKUP($A155,városok!$A$2:$C$346,2,0)-VLOOKUP(R$1,városok!$A$2:$C$346,2,0))^2+(VLOOKUP($A155,városok!$A$2:$C$346,3,0)-VLOOKUP(R$1,városok!$A$2:$C$346,3,0))^2)/1000,0)</f>
        <v>154</v>
      </c>
      <c r="S155">
        <f ca="1">ROUND(SQRT((VLOOKUP($A155,városok!$A$2:$C$346,2,0)-VLOOKUP(S$1,városok!$A$2:$C$346,2,0))^2+(VLOOKUP($A155,városok!$A$2:$C$346,3,0)-VLOOKUP(S$1,városok!$A$2:$C$346,3,0))^2)/1000,0)</f>
        <v>150</v>
      </c>
      <c r="T155">
        <f ca="1">ROUND(SQRT((VLOOKUP($A155,városok!$A$2:$C$346,2,0)-VLOOKUP(T$1,városok!$A$2:$C$346,2,0))^2+(VLOOKUP($A155,városok!$A$2:$C$346,3,0)-VLOOKUP(T$1,városok!$A$2:$C$346,3,0))^2)/1000,0)</f>
        <v>125</v>
      </c>
      <c r="U155">
        <f ca="1">ROUND(SQRT((VLOOKUP($A155,városok!$A$2:$C$346,2,0)-VLOOKUP(U$1,városok!$A$2:$C$346,2,0))^2+(VLOOKUP($A155,városok!$A$2:$C$346,3,0)-VLOOKUP(U$1,városok!$A$2:$C$346,3,0))^2)/1000,0)</f>
        <v>124</v>
      </c>
      <c r="V155">
        <f ca="1">ROUND(SQRT((VLOOKUP($A155,városok!$A$2:$C$346,2,0)-VLOOKUP(V$1,városok!$A$2:$C$346,2,0))^2+(VLOOKUP($A155,városok!$A$2:$C$346,3,0)-VLOOKUP(V$1,városok!$A$2:$C$346,3,0))^2)/1000,0)</f>
        <v>161</v>
      </c>
      <c r="W155">
        <f ca="1">ROUND(SQRT((VLOOKUP($A155,városok!$A$2:$C$346,2,0)-VLOOKUP(W$1,városok!$A$2:$C$346,2,0))^2+(VLOOKUP($A155,városok!$A$2:$C$346,3,0)-VLOOKUP(W$1,városok!$A$2:$C$346,3,0))^2)/1000,0)</f>
        <v>149</v>
      </c>
      <c r="X155">
        <f ca="1">ROUND(SQRT((VLOOKUP($A155,városok!$A$2:$C$346,2,0)-VLOOKUP(X$1,városok!$A$2:$C$346,2,0))^2+(VLOOKUP($A155,városok!$A$2:$C$346,3,0)-VLOOKUP(X$1,városok!$A$2:$C$346,3,0))^2)/1000,0)</f>
        <v>152</v>
      </c>
      <c r="Y155">
        <f ca="1">ROUND(SQRT((VLOOKUP($A155,városok!$A$2:$C$346,2,0)-VLOOKUP(Y$1,városok!$A$2:$C$346,2,0))^2+(VLOOKUP($A155,városok!$A$2:$C$346,3,0)-VLOOKUP(Y$1,városok!$A$2:$C$346,3,0))^2)/1000,0)</f>
        <v>199</v>
      </c>
      <c r="Z155">
        <f ca="1">ROUND(SQRT((VLOOKUP($A155,városok!$A$2:$C$346,2,0)-VLOOKUP(Z$1,városok!$A$2:$C$346,2,0))^2+(VLOOKUP($A155,városok!$A$2:$C$346,3,0)-VLOOKUP(Z$1,városok!$A$2:$C$346,3,0))^2)/1000,0)</f>
        <v>218</v>
      </c>
      <c r="AA155">
        <f ca="1">ROUND(SQRT((VLOOKUP($A155,városok!$A$2:$C$346,2,0)-VLOOKUP(AA$1,városok!$A$2:$C$346,2,0))^2+(VLOOKUP($A155,városok!$A$2:$C$346,3,0)-VLOOKUP(AA$1,városok!$A$2:$C$346,3,0))^2)/1000,0)</f>
        <v>278</v>
      </c>
      <c r="AB155">
        <f ca="1">ROUND(SQRT((VLOOKUP($A155,városok!$A$2:$C$346,2,0)-VLOOKUP(AB$1,városok!$A$2:$C$346,2,0))^2+(VLOOKUP($A155,városok!$A$2:$C$346,3,0)-VLOOKUP(AB$1,városok!$A$2:$C$346,3,0))^2)/1000,0)</f>
        <v>102</v>
      </c>
      <c r="AC155">
        <f ca="1">ROUND(SQRT((VLOOKUP($A155,városok!$A$2:$C$346,2,0)-VLOOKUP(AC$1,városok!$A$2:$C$346,2,0))^2+(VLOOKUP($A155,városok!$A$2:$C$346,3,0)-VLOOKUP(AC$1,városok!$A$2:$C$346,3,0))^2)/1000,0)</f>
        <v>85</v>
      </c>
      <c r="AD155">
        <f ca="1">ROUND(SQRT((VLOOKUP($A155,városok!$A$2:$C$346,2,0)-VLOOKUP(AD$1,városok!$A$2:$C$346,2,0))^2+(VLOOKUP($A155,városok!$A$2:$C$346,3,0)-VLOOKUP(AD$1,városok!$A$2:$C$346,3,0))^2)/1000,0)</f>
        <v>69</v>
      </c>
      <c r="AE155">
        <f ca="1">ROUND(SQRT((VLOOKUP($A155,városok!$A$2:$C$346,2,0)-VLOOKUP(AE$1,városok!$A$2:$C$346,2,0))^2+(VLOOKUP($A155,városok!$A$2:$C$346,3,0)-VLOOKUP(AE$1,városok!$A$2:$C$346,3,0))^2)/1000,0)</f>
        <v>75</v>
      </c>
      <c r="AF155">
        <f ca="1">ROUND(SQRT((VLOOKUP($A155,városok!$A$2:$C$346,2,0)-VLOOKUP(AF$1,városok!$A$2:$C$346,2,0))^2+(VLOOKUP($A155,városok!$A$2:$C$346,3,0)-VLOOKUP(AF$1,városok!$A$2:$C$346,3,0))^2)/1000,0)</f>
        <v>35</v>
      </c>
      <c r="AG155">
        <f ca="1">ROUND(SQRT((VLOOKUP($A155,városok!$A$2:$C$346,2,0)-VLOOKUP(AG$1,városok!$A$2:$C$346,2,0))^2+(VLOOKUP($A155,városok!$A$2:$C$346,3,0)-VLOOKUP(AG$1,városok!$A$2:$C$346,3,0))^2)/1000,0)</f>
        <v>34</v>
      </c>
      <c r="AH155">
        <f ca="1">ROUND(SQRT((VLOOKUP($A155,városok!$A$2:$C$346,2,0)-VLOOKUP(AH$1,városok!$A$2:$C$346,2,0))^2+(VLOOKUP($A155,városok!$A$2:$C$346,3,0)-VLOOKUP(AH$1,városok!$A$2:$C$346,3,0))^2)/1000,0)</f>
        <v>46</v>
      </c>
      <c r="AI155">
        <f ca="1">ROUND(SQRT((VLOOKUP($A155,városok!$A$2:$C$346,2,0)-VLOOKUP(AI$1,városok!$A$2:$C$346,2,0))^2+(VLOOKUP($A155,városok!$A$2:$C$346,3,0)-VLOOKUP(AI$1,városok!$A$2:$C$346,3,0))^2)/1000,0)</f>
        <v>49</v>
      </c>
      <c r="AJ155">
        <f ca="1">ROUND(SQRT((VLOOKUP($A155,városok!$A$2:$C$346,2,0)-VLOOKUP(AJ$1,városok!$A$2:$C$346,2,0))^2+(VLOOKUP($A155,városok!$A$2:$C$346,3,0)-VLOOKUP(AJ$1,városok!$A$2:$C$346,3,0))^2)/1000,0)</f>
        <v>24</v>
      </c>
      <c r="AK155">
        <f ca="1">ROUND(SQRT((VLOOKUP($A155,városok!$A$2:$C$346,2,0)-VLOOKUP(AK$1,városok!$A$2:$C$346,2,0))^2+(VLOOKUP($A155,városok!$A$2:$C$346,3,0)-VLOOKUP(AK$1,városok!$A$2:$C$346,3,0))^2)/1000,0)</f>
        <v>63</v>
      </c>
      <c r="AL155">
        <f ca="1">ROUND(SQRT((VLOOKUP($A155,városok!$A$2:$C$346,2,0)-VLOOKUP(AL$1,városok!$A$2:$C$346,2,0))^2+(VLOOKUP($A155,városok!$A$2:$C$346,3,0)-VLOOKUP(AL$1,városok!$A$2:$C$346,3,0))^2)/1000,0)</f>
        <v>36</v>
      </c>
      <c r="AM155">
        <f ca="1">ROUND(SQRT((VLOOKUP($A155,városok!$A$2:$C$346,2,0)-VLOOKUP(AM$1,városok!$A$2:$C$346,2,0))^2+(VLOOKUP($A155,városok!$A$2:$C$346,3,0)-VLOOKUP(AM$1,városok!$A$2:$C$346,3,0))^2)/1000,0)</f>
        <v>47</v>
      </c>
      <c r="AN155">
        <f ca="1">ROUND(SQRT((VLOOKUP($A155,városok!$A$2:$C$346,2,0)-VLOOKUP(AN$1,városok!$A$2:$C$346,2,0))^2+(VLOOKUP($A155,városok!$A$2:$C$346,3,0)-VLOOKUP(AN$1,városok!$A$2:$C$346,3,0))^2)/1000,0)</f>
        <v>118</v>
      </c>
      <c r="AO155">
        <f ca="1">ROUND(SQRT((VLOOKUP($A155,városok!$A$2:$C$346,2,0)-VLOOKUP(AO$1,városok!$A$2:$C$346,2,0))^2+(VLOOKUP($A155,városok!$A$2:$C$346,3,0)-VLOOKUP(AO$1,városok!$A$2:$C$346,3,0))^2)/1000,0)</f>
        <v>163</v>
      </c>
      <c r="AP155">
        <f ca="1">ROUND(SQRT((VLOOKUP($A155,városok!$A$2:$C$346,2,0)-VLOOKUP(AP$1,városok!$A$2:$C$346,2,0))^2+(VLOOKUP($A155,városok!$A$2:$C$346,3,0)-VLOOKUP(AP$1,városok!$A$2:$C$346,3,0))^2)/1000,0)</f>
        <v>147</v>
      </c>
      <c r="AQ155">
        <f ca="1">ROUND(SQRT((VLOOKUP($A155,városok!$A$2:$C$346,2,0)-VLOOKUP(AQ$1,városok!$A$2:$C$346,2,0))^2+(VLOOKUP($A155,városok!$A$2:$C$346,3,0)-VLOOKUP(AQ$1,városok!$A$2:$C$346,3,0))^2)/1000,0)</f>
        <v>141</v>
      </c>
      <c r="AR155">
        <f ca="1">ROUND(SQRT((VLOOKUP($A155,városok!$A$2:$C$346,2,0)-VLOOKUP(AR$1,városok!$A$2:$C$346,2,0))^2+(VLOOKUP($A155,városok!$A$2:$C$346,3,0)-VLOOKUP(AR$1,városok!$A$2:$C$346,3,0))^2)/1000,0)</f>
        <v>57</v>
      </c>
      <c r="AS155">
        <f ca="1">ROUND(SQRT((VLOOKUP($A155,városok!$A$2:$C$346,2,0)-VLOOKUP(AS$1,városok!$A$2:$C$346,2,0))^2+(VLOOKUP($A155,városok!$A$2:$C$346,3,0)-VLOOKUP(AS$1,városok!$A$2:$C$346,3,0))^2)/1000,0)</f>
        <v>67</v>
      </c>
      <c r="AT155">
        <f ca="1">ROUND(SQRT((VLOOKUP($A155,városok!$A$2:$C$346,2,0)-VLOOKUP(AT$1,városok!$A$2:$C$346,2,0))^2+(VLOOKUP($A155,városok!$A$2:$C$346,3,0)-VLOOKUP(AT$1,városok!$A$2:$C$346,3,0))^2)/1000,0)</f>
        <v>111</v>
      </c>
      <c r="AU155">
        <f ca="1">ROUND(SQRT((VLOOKUP($A155,városok!$A$2:$C$346,2,0)-VLOOKUP(AU$1,városok!$A$2:$C$346,2,0))^2+(VLOOKUP($A155,városok!$A$2:$C$346,3,0)-VLOOKUP(AU$1,városok!$A$2:$C$346,3,0))^2)/1000,0)</f>
        <v>101</v>
      </c>
      <c r="AV155">
        <f ca="1">ROUND(SQRT((VLOOKUP($A155,városok!$A$2:$C$346,2,0)-VLOOKUP(AV$1,városok!$A$2:$C$346,2,0))^2+(VLOOKUP($A155,városok!$A$2:$C$346,3,0)-VLOOKUP(AV$1,városok!$A$2:$C$346,3,0))^2)/1000,0)</f>
        <v>103</v>
      </c>
      <c r="AW155">
        <f ca="1">ROUND(SQRT((VLOOKUP($A155,városok!$A$2:$C$346,2,0)-VLOOKUP(AW$1,városok!$A$2:$C$346,2,0))^2+(VLOOKUP($A155,városok!$A$2:$C$346,3,0)-VLOOKUP(AW$1,városok!$A$2:$C$346,3,0))^2)/1000,0)</f>
        <v>106</v>
      </c>
      <c r="AX155">
        <f ca="1">ROUND(SQRT((VLOOKUP($A155,városok!$A$2:$C$346,2,0)-VLOOKUP(AX$1,városok!$A$2:$C$346,2,0))^2+(VLOOKUP($A155,városok!$A$2:$C$346,3,0)-VLOOKUP(AX$1,városok!$A$2:$C$346,3,0))^2)/1000,0)</f>
        <v>74</v>
      </c>
      <c r="AY155">
        <f ca="1">ROUND(SQRT((VLOOKUP($A155,városok!$A$2:$C$346,2,0)-VLOOKUP(AY$1,városok!$A$2:$C$346,2,0))^2+(VLOOKUP($A155,városok!$A$2:$C$346,3,0)-VLOOKUP(AY$1,városok!$A$2:$C$346,3,0))^2)/1000,0)</f>
        <v>92</v>
      </c>
      <c r="AZ155">
        <f ca="1">ROUND(SQRT((VLOOKUP($A155,városok!$A$2:$C$346,2,0)-VLOOKUP(AZ$1,városok!$A$2:$C$346,2,0))^2+(VLOOKUP($A155,városok!$A$2:$C$346,3,0)-VLOOKUP(AZ$1,városok!$A$2:$C$346,3,0))^2)/1000,0)</f>
        <v>101</v>
      </c>
      <c r="BA155">
        <f ca="1">ROUND(SQRT((VLOOKUP($A155,városok!$A$2:$C$346,2,0)-VLOOKUP(BA$1,városok!$A$2:$C$346,2,0))^2+(VLOOKUP($A155,városok!$A$2:$C$346,3,0)-VLOOKUP(BA$1,városok!$A$2:$C$346,3,0))^2)/1000,0)</f>
        <v>216</v>
      </c>
      <c r="BB155">
        <f ca="1">ROUND(SQRT((VLOOKUP($A155,városok!$A$2:$C$346,2,0)-VLOOKUP(BB$1,városok!$A$2:$C$346,2,0))^2+(VLOOKUP($A155,városok!$A$2:$C$346,3,0)-VLOOKUP(BB$1,városok!$A$2:$C$346,3,0))^2)/1000,0)</f>
        <v>213</v>
      </c>
      <c r="BC155">
        <f ca="1">ROUND(SQRT((VLOOKUP($A155,városok!$A$2:$C$346,2,0)-VLOOKUP(BC$1,városok!$A$2:$C$346,2,0))^2+(VLOOKUP($A155,városok!$A$2:$C$346,3,0)-VLOOKUP(BC$1,városok!$A$2:$C$346,3,0))^2)/1000,0)</f>
        <v>234</v>
      </c>
      <c r="BD155">
        <f ca="1">ROUND(SQRT((VLOOKUP($A155,városok!$A$2:$C$346,2,0)-VLOOKUP(BD$1,városok!$A$2:$C$346,2,0))^2+(VLOOKUP($A155,városok!$A$2:$C$346,3,0)-VLOOKUP(BD$1,városok!$A$2:$C$346,3,0))^2)/1000,0)</f>
        <v>185</v>
      </c>
      <c r="BE155">
        <f ca="1">ROUND(SQRT((VLOOKUP($A155,városok!$A$2:$C$346,2,0)-VLOOKUP(BE$1,városok!$A$2:$C$346,2,0))^2+(VLOOKUP($A155,városok!$A$2:$C$346,3,0)-VLOOKUP(BE$1,városok!$A$2:$C$346,3,0))^2)/1000,0)</f>
        <v>181</v>
      </c>
      <c r="BF155">
        <f ca="1">ROUND(SQRT((VLOOKUP($A155,városok!$A$2:$C$346,2,0)-VLOOKUP(BF$1,városok!$A$2:$C$346,2,0))^2+(VLOOKUP($A155,városok!$A$2:$C$346,3,0)-VLOOKUP(BF$1,városok!$A$2:$C$346,3,0))^2)/1000,0)</f>
        <v>151</v>
      </c>
      <c r="BG155">
        <f ca="1">ROUND(SQRT((VLOOKUP($A155,városok!$A$2:$C$346,2,0)-VLOOKUP(BG$1,városok!$A$2:$C$346,2,0))^2+(VLOOKUP($A155,városok!$A$2:$C$346,3,0)-VLOOKUP(BG$1,városok!$A$2:$C$346,3,0))^2)/1000,0)</f>
        <v>106</v>
      </c>
      <c r="BH155">
        <f ca="1">ROUND(SQRT((VLOOKUP($A155,városok!$A$2:$C$346,2,0)-VLOOKUP(BH$1,városok!$A$2:$C$346,2,0))^2+(VLOOKUP($A155,városok!$A$2:$C$346,3,0)-VLOOKUP(BH$1,városok!$A$2:$C$346,3,0))^2)/1000,0)</f>
        <v>106</v>
      </c>
      <c r="BI155">
        <f ca="1">ROUND(SQRT((VLOOKUP($A155,városok!$A$2:$C$346,2,0)-VLOOKUP(BI$1,városok!$A$2:$C$346,2,0))^2+(VLOOKUP($A155,városok!$A$2:$C$346,3,0)-VLOOKUP(BI$1,városok!$A$2:$C$346,3,0))^2)/1000,0)</f>
        <v>184</v>
      </c>
      <c r="BJ155">
        <f ca="1">ROUND(SQRT((VLOOKUP($A155,városok!$A$2:$C$346,2,0)-VLOOKUP(BJ$1,városok!$A$2:$C$346,2,0))^2+(VLOOKUP($A155,városok!$A$2:$C$346,3,0)-VLOOKUP(BJ$1,városok!$A$2:$C$346,3,0))^2)/1000,0)</f>
        <v>202</v>
      </c>
      <c r="BK155">
        <f ca="1">ROUND(SQRT((VLOOKUP($A155,városok!$A$2:$C$346,2,0)-VLOOKUP(BK$1,városok!$A$2:$C$346,2,0))^2+(VLOOKUP($A155,városok!$A$2:$C$346,3,0)-VLOOKUP(BK$1,városok!$A$2:$C$346,3,0))^2)/1000,0)</f>
        <v>183</v>
      </c>
      <c r="BL155">
        <f ca="1">ROUND(SQRT((VLOOKUP($A155,városok!$A$2:$C$346,2,0)-VLOOKUP(BL$1,városok!$A$2:$C$346,2,0))^2+(VLOOKUP($A155,városok!$A$2:$C$346,3,0)-VLOOKUP(BL$1,városok!$A$2:$C$346,3,0))^2)/1000,0)</f>
        <v>286</v>
      </c>
      <c r="BM155">
        <f ca="1">ROUND(SQRT((VLOOKUP($A155,városok!$A$2:$C$346,2,0)-VLOOKUP(BM$1,városok!$A$2:$C$346,2,0))^2+(VLOOKUP($A155,városok!$A$2:$C$346,3,0)-VLOOKUP(BM$1,városok!$A$2:$C$346,3,0))^2)/1000,0)</f>
        <v>256</v>
      </c>
      <c r="BN155">
        <f ca="1">ROUND(SQRT((VLOOKUP($A155,városok!$A$2:$C$346,2,0)-VLOOKUP(BN$1,városok!$A$2:$C$346,2,0))^2+(VLOOKUP($A155,városok!$A$2:$C$346,3,0)-VLOOKUP(BN$1,városok!$A$2:$C$346,3,0))^2)/1000,0)</f>
        <v>279</v>
      </c>
      <c r="BO155">
        <f ca="1">ROUND(SQRT((VLOOKUP($A155,városok!$A$2:$C$346,2,0)-VLOOKUP(BO$1,városok!$A$2:$C$346,2,0))^2+(VLOOKUP($A155,városok!$A$2:$C$346,3,0)-VLOOKUP(BO$1,városok!$A$2:$C$346,3,0))^2)/1000,0)</f>
        <v>183</v>
      </c>
      <c r="BP155">
        <f ca="1">ROUND(SQRT((VLOOKUP($A155,városok!$A$2:$C$346,2,0)-VLOOKUP(BP$1,városok!$A$2:$C$346,2,0))^2+(VLOOKUP($A155,városok!$A$2:$C$346,3,0)-VLOOKUP(BP$1,városok!$A$2:$C$346,3,0))^2)/1000,0)</f>
        <v>176</v>
      </c>
      <c r="BQ155">
        <f ca="1">ROUND(SQRT((VLOOKUP($A155,városok!$A$2:$C$346,2,0)-VLOOKUP(BQ$1,városok!$A$2:$C$346,2,0))^2+(VLOOKUP($A155,városok!$A$2:$C$346,3,0)-VLOOKUP(BQ$1,városok!$A$2:$C$346,3,0))^2)/1000,0)</f>
        <v>188</v>
      </c>
      <c r="BR155">
        <f ca="1">ROUND(SQRT((VLOOKUP($A155,városok!$A$2:$C$346,2,0)-VLOOKUP(BR$1,városok!$A$2:$C$346,2,0))^2+(VLOOKUP($A155,városok!$A$2:$C$346,3,0)-VLOOKUP(BR$1,városok!$A$2:$C$346,3,0))^2)/1000,0)</f>
        <v>247</v>
      </c>
      <c r="BS155">
        <f ca="1">ROUND(SQRT((VLOOKUP($A155,városok!$A$2:$C$346,2,0)-VLOOKUP(BS$1,városok!$A$2:$C$346,2,0))^2+(VLOOKUP($A155,városok!$A$2:$C$346,3,0)-VLOOKUP(BS$1,városok!$A$2:$C$346,3,0))^2)/1000,0)</f>
        <v>281</v>
      </c>
      <c r="BT155">
        <f ca="1">ROUND(SQRT((VLOOKUP($A155,városok!$A$2:$C$346,2,0)-VLOOKUP(BT$1,városok!$A$2:$C$346,2,0))^2+(VLOOKUP($A155,városok!$A$2:$C$346,3,0)-VLOOKUP(BT$1,városok!$A$2:$C$346,3,0))^2)/1000,0)</f>
        <v>274</v>
      </c>
    </row>
    <row r="156" spans="1:72" x14ac:dyDescent="0.2">
      <c r="A156" t="str">
        <f>városok!A156</f>
        <v>Kisköre</v>
      </c>
      <c r="B156">
        <f ca="1">ROUND(SQRT((VLOOKUP($A156,városok!$A$2:$C$346,2,0)-VLOOKUP(B$1,városok!$A$2:$C$346,2,0))^2+(VLOOKUP($A156,városok!$A$2:$C$346,3,0)-VLOOKUP(B$1,városok!$A$2:$C$346,3,0))^2)/1000,0)</f>
        <v>187</v>
      </c>
      <c r="C156">
        <f ca="1">ROUND(SQRT((VLOOKUP($A156,városok!$A$2:$C$346,2,0)-VLOOKUP(C$1,városok!$A$2:$C$346,2,0))^2+(VLOOKUP($A156,városok!$A$2:$C$346,3,0)-VLOOKUP(C$1,városok!$A$2:$C$346,3,0))^2)/1000,0)</f>
        <v>158</v>
      </c>
      <c r="D156">
        <f ca="1">ROUND(SQRT((VLOOKUP($A156,városok!$A$2:$C$346,2,0)-VLOOKUP(D$1,városok!$A$2:$C$346,2,0))^2+(VLOOKUP($A156,városok!$A$2:$C$346,3,0)-VLOOKUP(D$1,városok!$A$2:$C$346,3,0))^2)/1000,0)</f>
        <v>89</v>
      </c>
      <c r="E156">
        <f ca="1">ROUND(SQRT((VLOOKUP($A156,városok!$A$2:$C$346,2,0)-VLOOKUP(E$1,városok!$A$2:$C$346,2,0))^2+(VLOOKUP($A156,városok!$A$2:$C$346,3,0)-VLOOKUP(E$1,városok!$A$2:$C$346,3,0))^2)/1000,0)</f>
        <v>224</v>
      </c>
      <c r="F156">
        <f ca="1">ROUND(SQRT((VLOOKUP($A156,városok!$A$2:$C$346,2,0)-VLOOKUP(F$1,városok!$A$2:$C$346,2,0))^2+(VLOOKUP($A156,városok!$A$2:$C$346,3,0)-VLOOKUP(F$1,városok!$A$2:$C$346,3,0))^2)/1000,0)</f>
        <v>217</v>
      </c>
      <c r="G156">
        <f ca="1">ROUND(SQRT((VLOOKUP($A156,városok!$A$2:$C$346,2,0)-VLOOKUP(G$1,városok!$A$2:$C$346,2,0))^2+(VLOOKUP($A156,városok!$A$2:$C$346,3,0)-VLOOKUP(G$1,városok!$A$2:$C$346,3,0))^2)/1000,0)</f>
        <v>233</v>
      </c>
      <c r="H156">
        <f ca="1">ROUND(SQRT((VLOOKUP($A156,városok!$A$2:$C$346,2,0)-VLOOKUP(H$1,városok!$A$2:$C$346,2,0))^2+(VLOOKUP($A156,városok!$A$2:$C$346,3,0)-VLOOKUP(H$1,városok!$A$2:$C$346,3,0))^2)/1000,0)</f>
        <v>261</v>
      </c>
      <c r="I156">
        <f ca="1">ROUND(SQRT((VLOOKUP($A156,városok!$A$2:$C$346,2,0)-VLOOKUP(I$1,városok!$A$2:$C$346,2,0))^2+(VLOOKUP($A156,városok!$A$2:$C$346,3,0)-VLOOKUP(I$1,városok!$A$2:$C$346,3,0))^2)/1000,0)</f>
        <v>102</v>
      </c>
      <c r="J156">
        <f ca="1">ROUND(SQRT((VLOOKUP($A156,városok!$A$2:$C$346,2,0)-VLOOKUP(J$1,városok!$A$2:$C$346,2,0))^2+(VLOOKUP($A156,városok!$A$2:$C$346,3,0)-VLOOKUP(J$1,városok!$A$2:$C$346,3,0))^2)/1000,0)</f>
        <v>112</v>
      </c>
      <c r="K156">
        <f ca="1">ROUND(SQRT((VLOOKUP($A156,városok!$A$2:$C$346,2,0)-VLOOKUP(K$1,városok!$A$2:$C$346,2,0))^2+(VLOOKUP($A156,városok!$A$2:$C$346,3,0)-VLOOKUP(K$1,városok!$A$2:$C$346,3,0))^2)/1000,0)</f>
        <v>105</v>
      </c>
      <c r="L156">
        <f ca="1">ROUND(SQRT((VLOOKUP($A156,városok!$A$2:$C$346,2,0)-VLOOKUP(L$1,városok!$A$2:$C$346,2,0))^2+(VLOOKUP($A156,városok!$A$2:$C$346,3,0)-VLOOKUP(L$1,városok!$A$2:$C$346,3,0))^2)/1000,0)</f>
        <v>85</v>
      </c>
      <c r="M156">
        <f ca="1">ROUND(SQRT((VLOOKUP($A156,városok!$A$2:$C$346,2,0)-VLOOKUP(M$1,városok!$A$2:$C$346,2,0))^2+(VLOOKUP($A156,városok!$A$2:$C$346,3,0)-VLOOKUP(M$1,városok!$A$2:$C$346,3,0))^2)/1000,0)</f>
        <v>71</v>
      </c>
      <c r="N156">
        <f ca="1">ROUND(SQRT((VLOOKUP($A156,városok!$A$2:$C$346,2,0)-VLOOKUP(N$1,városok!$A$2:$C$346,2,0))^2+(VLOOKUP($A156,városok!$A$2:$C$346,3,0)-VLOOKUP(N$1,városok!$A$2:$C$346,3,0))^2)/1000,0)</f>
        <v>82</v>
      </c>
      <c r="O156">
        <f ca="1">ROUND(SQRT((VLOOKUP($A156,városok!$A$2:$C$346,2,0)-VLOOKUP(O$1,városok!$A$2:$C$346,2,0))^2+(VLOOKUP($A156,városok!$A$2:$C$346,3,0)-VLOOKUP(O$1,városok!$A$2:$C$346,3,0))^2)/1000,0)</f>
        <v>132</v>
      </c>
      <c r="P156">
        <f ca="1">ROUND(SQRT((VLOOKUP($A156,városok!$A$2:$C$346,2,0)-VLOOKUP(P$1,városok!$A$2:$C$346,2,0))^2+(VLOOKUP($A156,városok!$A$2:$C$346,3,0)-VLOOKUP(P$1,városok!$A$2:$C$346,3,0))^2)/1000,0)</f>
        <v>132</v>
      </c>
      <c r="Q156">
        <f ca="1">ROUND(SQRT((VLOOKUP($A156,városok!$A$2:$C$346,2,0)-VLOOKUP(Q$1,városok!$A$2:$C$346,2,0))^2+(VLOOKUP($A156,városok!$A$2:$C$346,3,0)-VLOOKUP(Q$1,városok!$A$2:$C$346,3,0))^2)/1000,0)</f>
        <v>121</v>
      </c>
      <c r="R156">
        <f ca="1">ROUND(SQRT((VLOOKUP($A156,városok!$A$2:$C$346,2,0)-VLOOKUP(R$1,városok!$A$2:$C$346,2,0))^2+(VLOOKUP($A156,városok!$A$2:$C$346,3,0)-VLOOKUP(R$1,városok!$A$2:$C$346,3,0))^2)/1000,0)</f>
        <v>142</v>
      </c>
      <c r="S156">
        <f ca="1">ROUND(SQRT((VLOOKUP($A156,városok!$A$2:$C$346,2,0)-VLOOKUP(S$1,városok!$A$2:$C$346,2,0))^2+(VLOOKUP($A156,városok!$A$2:$C$346,3,0)-VLOOKUP(S$1,városok!$A$2:$C$346,3,0))^2)/1000,0)</f>
        <v>141</v>
      </c>
      <c r="T156">
        <f ca="1">ROUND(SQRT((VLOOKUP($A156,városok!$A$2:$C$346,2,0)-VLOOKUP(T$1,városok!$A$2:$C$346,2,0))^2+(VLOOKUP($A156,városok!$A$2:$C$346,3,0)-VLOOKUP(T$1,városok!$A$2:$C$346,3,0))^2)/1000,0)</f>
        <v>140</v>
      </c>
      <c r="U156">
        <f ca="1">ROUND(SQRT((VLOOKUP($A156,városok!$A$2:$C$346,2,0)-VLOOKUP(U$1,városok!$A$2:$C$346,2,0))^2+(VLOOKUP($A156,városok!$A$2:$C$346,3,0)-VLOOKUP(U$1,városok!$A$2:$C$346,3,0))^2)/1000,0)</f>
        <v>132</v>
      </c>
      <c r="V156">
        <f ca="1">ROUND(SQRT((VLOOKUP($A156,városok!$A$2:$C$346,2,0)-VLOOKUP(V$1,városok!$A$2:$C$346,2,0))^2+(VLOOKUP($A156,városok!$A$2:$C$346,3,0)-VLOOKUP(V$1,városok!$A$2:$C$346,3,0))^2)/1000,0)</f>
        <v>172</v>
      </c>
      <c r="W156">
        <f ca="1">ROUND(SQRT((VLOOKUP($A156,városok!$A$2:$C$346,2,0)-VLOOKUP(W$1,városok!$A$2:$C$346,2,0))^2+(VLOOKUP($A156,városok!$A$2:$C$346,3,0)-VLOOKUP(W$1,városok!$A$2:$C$346,3,0))^2)/1000,0)</f>
        <v>157</v>
      </c>
      <c r="X156">
        <f ca="1">ROUND(SQRT((VLOOKUP($A156,városok!$A$2:$C$346,2,0)-VLOOKUP(X$1,városok!$A$2:$C$346,2,0))^2+(VLOOKUP($A156,városok!$A$2:$C$346,3,0)-VLOOKUP(X$1,városok!$A$2:$C$346,3,0))^2)/1000,0)</f>
        <v>165</v>
      </c>
      <c r="Y156">
        <f ca="1">ROUND(SQRT((VLOOKUP($A156,városok!$A$2:$C$346,2,0)-VLOOKUP(Y$1,városok!$A$2:$C$346,2,0))^2+(VLOOKUP($A156,városok!$A$2:$C$346,3,0)-VLOOKUP(Y$1,városok!$A$2:$C$346,3,0))^2)/1000,0)</f>
        <v>216</v>
      </c>
      <c r="Z156">
        <f ca="1">ROUND(SQRT((VLOOKUP($A156,városok!$A$2:$C$346,2,0)-VLOOKUP(Z$1,városok!$A$2:$C$346,2,0))^2+(VLOOKUP($A156,városok!$A$2:$C$346,3,0)-VLOOKUP(Z$1,városok!$A$2:$C$346,3,0))^2)/1000,0)</f>
        <v>235</v>
      </c>
      <c r="AA156">
        <f ca="1">ROUND(SQRT((VLOOKUP($A156,városok!$A$2:$C$346,2,0)-VLOOKUP(AA$1,városok!$A$2:$C$346,2,0))^2+(VLOOKUP($A156,városok!$A$2:$C$346,3,0)-VLOOKUP(AA$1,városok!$A$2:$C$346,3,0))^2)/1000,0)</f>
        <v>295</v>
      </c>
      <c r="AB156">
        <f ca="1">ROUND(SQRT((VLOOKUP($A156,városok!$A$2:$C$346,2,0)-VLOOKUP(AB$1,városok!$A$2:$C$346,2,0))^2+(VLOOKUP($A156,városok!$A$2:$C$346,3,0)-VLOOKUP(AB$1,városok!$A$2:$C$346,3,0))^2)/1000,0)</f>
        <v>86</v>
      </c>
      <c r="AC156">
        <f ca="1">ROUND(SQRT((VLOOKUP($A156,városok!$A$2:$C$346,2,0)-VLOOKUP(AC$1,városok!$A$2:$C$346,2,0))^2+(VLOOKUP($A156,városok!$A$2:$C$346,3,0)-VLOOKUP(AC$1,városok!$A$2:$C$346,3,0))^2)/1000,0)</f>
        <v>69</v>
      </c>
      <c r="AD156">
        <f ca="1">ROUND(SQRT((VLOOKUP($A156,városok!$A$2:$C$346,2,0)-VLOOKUP(AD$1,városok!$A$2:$C$346,2,0))^2+(VLOOKUP($A156,városok!$A$2:$C$346,3,0)-VLOOKUP(AD$1,városok!$A$2:$C$346,3,0))^2)/1000,0)</f>
        <v>51</v>
      </c>
      <c r="AE156">
        <f ca="1">ROUND(SQRT((VLOOKUP($A156,városok!$A$2:$C$346,2,0)-VLOOKUP(AE$1,városok!$A$2:$C$346,2,0))^2+(VLOOKUP($A156,városok!$A$2:$C$346,3,0)-VLOOKUP(AE$1,városok!$A$2:$C$346,3,0))^2)/1000,0)</f>
        <v>57</v>
      </c>
      <c r="AF156">
        <f ca="1">ROUND(SQRT((VLOOKUP($A156,városok!$A$2:$C$346,2,0)-VLOOKUP(AF$1,városok!$A$2:$C$346,2,0))^2+(VLOOKUP($A156,városok!$A$2:$C$346,3,0)-VLOOKUP(AF$1,városok!$A$2:$C$346,3,0))^2)/1000,0)</f>
        <v>46</v>
      </c>
      <c r="AG156">
        <f ca="1">ROUND(SQRT((VLOOKUP($A156,városok!$A$2:$C$346,2,0)-VLOOKUP(AG$1,városok!$A$2:$C$346,2,0))^2+(VLOOKUP($A156,városok!$A$2:$C$346,3,0)-VLOOKUP(AG$1,városok!$A$2:$C$346,3,0))^2)/1000,0)</f>
        <v>53</v>
      </c>
      <c r="AH156">
        <f ca="1">ROUND(SQRT((VLOOKUP($A156,városok!$A$2:$C$346,2,0)-VLOOKUP(AH$1,városok!$A$2:$C$346,2,0))^2+(VLOOKUP($A156,városok!$A$2:$C$346,3,0)-VLOOKUP(AH$1,városok!$A$2:$C$346,3,0))^2)/1000,0)</f>
        <v>64</v>
      </c>
      <c r="AI156">
        <f ca="1">ROUND(SQRT((VLOOKUP($A156,városok!$A$2:$C$346,2,0)-VLOOKUP(AI$1,városok!$A$2:$C$346,2,0))^2+(VLOOKUP($A156,városok!$A$2:$C$346,3,0)-VLOOKUP(AI$1,városok!$A$2:$C$346,3,0))^2)/1000,0)</f>
        <v>65</v>
      </c>
      <c r="AJ156">
        <f ca="1">ROUND(SQRT((VLOOKUP($A156,városok!$A$2:$C$346,2,0)-VLOOKUP(AJ$1,városok!$A$2:$C$346,2,0))^2+(VLOOKUP($A156,városok!$A$2:$C$346,3,0)-VLOOKUP(AJ$1,városok!$A$2:$C$346,3,0))^2)/1000,0)</f>
        <v>42</v>
      </c>
      <c r="AK156">
        <f ca="1">ROUND(SQRT((VLOOKUP($A156,városok!$A$2:$C$346,2,0)-VLOOKUP(AK$1,városok!$A$2:$C$346,2,0))^2+(VLOOKUP($A156,városok!$A$2:$C$346,3,0)-VLOOKUP(AK$1,városok!$A$2:$C$346,3,0))^2)/1000,0)</f>
        <v>44</v>
      </c>
      <c r="AL156">
        <f ca="1">ROUND(SQRT((VLOOKUP($A156,városok!$A$2:$C$346,2,0)-VLOOKUP(AL$1,városok!$A$2:$C$346,2,0))^2+(VLOOKUP($A156,városok!$A$2:$C$346,3,0)-VLOOKUP(AL$1,városok!$A$2:$C$346,3,0))^2)/1000,0)</f>
        <v>18</v>
      </c>
      <c r="AM156">
        <f ca="1">ROUND(SQRT((VLOOKUP($A156,városok!$A$2:$C$346,2,0)-VLOOKUP(AM$1,városok!$A$2:$C$346,2,0))^2+(VLOOKUP($A156,városok!$A$2:$C$346,3,0)-VLOOKUP(AM$1,városok!$A$2:$C$346,3,0))^2)/1000,0)</f>
        <v>42</v>
      </c>
      <c r="AN156">
        <f ca="1">ROUND(SQRT((VLOOKUP($A156,városok!$A$2:$C$346,2,0)-VLOOKUP(AN$1,városok!$A$2:$C$346,2,0))^2+(VLOOKUP($A156,városok!$A$2:$C$346,3,0)-VLOOKUP(AN$1,városok!$A$2:$C$346,3,0))^2)/1000,0)</f>
        <v>135</v>
      </c>
      <c r="AO156">
        <f ca="1">ROUND(SQRT((VLOOKUP($A156,városok!$A$2:$C$346,2,0)-VLOOKUP(AO$1,városok!$A$2:$C$346,2,0))^2+(VLOOKUP($A156,városok!$A$2:$C$346,3,0)-VLOOKUP(AO$1,városok!$A$2:$C$346,3,0))^2)/1000,0)</f>
        <v>180</v>
      </c>
      <c r="AP156">
        <f ca="1">ROUND(SQRT((VLOOKUP($A156,városok!$A$2:$C$346,2,0)-VLOOKUP(AP$1,városok!$A$2:$C$346,2,0))^2+(VLOOKUP($A156,városok!$A$2:$C$346,3,0)-VLOOKUP(AP$1,városok!$A$2:$C$346,3,0))^2)/1000,0)</f>
        <v>163</v>
      </c>
      <c r="AQ156">
        <f ca="1">ROUND(SQRT((VLOOKUP($A156,városok!$A$2:$C$346,2,0)-VLOOKUP(AQ$1,városok!$A$2:$C$346,2,0))^2+(VLOOKUP($A156,városok!$A$2:$C$346,3,0)-VLOOKUP(AQ$1,városok!$A$2:$C$346,3,0))^2)/1000,0)</f>
        <v>157</v>
      </c>
      <c r="AR156">
        <f ca="1">ROUND(SQRT((VLOOKUP($A156,városok!$A$2:$C$346,2,0)-VLOOKUP(AR$1,városok!$A$2:$C$346,2,0))^2+(VLOOKUP($A156,városok!$A$2:$C$346,3,0)-VLOOKUP(AR$1,városok!$A$2:$C$346,3,0))^2)/1000,0)</f>
        <v>76</v>
      </c>
      <c r="AS156">
        <f ca="1">ROUND(SQRT((VLOOKUP($A156,városok!$A$2:$C$346,2,0)-VLOOKUP(AS$1,városok!$A$2:$C$346,2,0))^2+(VLOOKUP($A156,városok!$A$2:$C$346,3,0)-VLOOKUP(AS$1,városok!$A$2:$C$346,3,0))^2)/1000,0)</f>
        <v>85</v>
      </c>
      <c r="AT156">
        <f ca="1">ROUND(SQRT((VLOOKUP($A156,városok!$A$2:$C$346,2,0)-VLOOKUP(AT$1,városok!$A$2:$C$346,2,0))^2+(VLOOKUP($A156,városok!$A$2:$C$346,3,0)-VLOOKUP(AT$1,városok!$A$2:$C$346,3,0))^2)/1000,0)</f>
        <v>126</v>
      </c>
      <c r="AU156">
        <f ca="1">ROUND(SQRT((VLOOKUP($A156,városok!$A$2:$C$346,2,0)-VLOOKUP(AU$1,városok!$A$2:$C$346,2,0))^2+(VLOOKUP($A156,városok!$A$2:$C$346,3,0)-VLOOKUP(AU$1,városok!$A$2:$C$346,3,0))^2)/1000,0)</f>
        <v>115</v>
      </c>
      <c r="AV156">
        <f ca="1">ROUND(SQRT((VLOOKUP($A156,városok!$A$2:$C$346,2,0)-VLOOKUP(AV$1,városok!$A$2:$C$346,2,0))^2+(VLOOKUP($A156,városok!$A$2:$C$346,3,0)-VLOOKUP(AV$1,városok!$A$2:$C$346,3,0))^2)/1000,0)</f>
        <v>117</v>
      </c>
      <c r="AW156">
        <f ca="1">ROUND(SQRT((VLOOKUP($A156,városok!$A$2:$C$346,2,0)-VLOOKUP(AW$1,városok!$A$2:$C$346,2,0))^2+(VLOOKUP($A156,városok!$A$2:$C$346,3,0)-VLOOKUP(AW$1,városok!$A$2:$C$346,3,0))^2)/1000,0)</f>
        <v>120</v>
      </c>
      <c r="AX156">
        <f ca="1">ROUND(SQRT((VLOOKUP($A156,városok!$A$2:$C$346,2,0)-VLOOKUP(AX$1,városok!$A$2:$C$346,2,0))^2+(VLOOKUP($A156,városok!$A$2:$C$346,3,0)-VLOOKUP(AX$1,városok!$A$2:$C$346,3,0))^2)/1000,0)</f>
        <v>75</v>
      </c>
      <c r="AY156">
        <f ca="1">ROUND(SQRT((VLOOKUP($A156,városok!$A$2:$C$346,2,0)-VLOOKUP(AY$1,városok!$A$2:$C$346,2,0))^2+(VLOOKUP($A156,városok!$A$2:$C$346,3,0)-VLOOKUP(AY$1,városok!$A$2:$C$346,3,0))^2)/1000,0)</f>
        <v>109</v>
      </c>
      <c r="AZ156">
        <f ca="1">ROUND(SQRT((VLOOKUP($A156,városok!$A$2:$C$346,2,0)-VLOOKUP(AZ$1,városok!$A$2:$C$346,2,0))^2+(VLOOKUP($A156,városok!$A$2:$C$346,3,0)-VLOOKUP(AZ$1,városok!$A$2:$C$346,3,0))^2)/1000,0)</f>
        <v>119</v>
      </c>
      <c r="BA156">
        <f ca="1">ROUND(SQRT((VLOOKUP($A156,városok!$A$2:$C$346,2,0)-VLOOKUP(BA$1,városok!$A$2:$C$346,2,0))^2+(VLOOKUP($A156,városok!$A$2:$C$346,3,0)-VLOOKUP(BA$1,városok!$A$2:$C$346,3,0))^2)/1000,0)</f>
        <v>226</v>
      </c>
      <c r="BB156">
        <f ca="1">ROUND(SQRT((VLOOKUP($A156,városok!$A$2:$C$346,2,0)-VLOOKUP(BB$1,városok!$A$2:$C$346,2,0))^2+(VLOOKUP($A156,városok!$A$2:$C$346,3,0)-VLOOKUP(BB$1,városok!$A$2:$C$346,3,0))^2)/1000,0)</f>
        <v>221</v>
      </c>
      <c r="BC156">
        <f ca="1">ROUND(SQRT((VLOOKUP($A156,városok!$A$2:$C$346,2,0)-VLOOKUP(BC$1,városok!$A$2:$C$346,2,0))^2+(VLOOKUP($A156,városok!$A$2:$C$346,3,0)-VLOOKUP(BC$1,városok!$A$2:$C$346,3,0))^2)/1000,0)</f>
        <v>241</v>
      </c>
      <c r="BD156">
        <f ca="1">ROUND(SQRT((VLOOKUP($A156,városok!$A$2:$C$346,2,0)-VLOOKUP(BD$1,városok!$A$2:$C$346,2,0))^2+(VLOOKUP($A156,városok!$A$2:$C$346,3,0)-VLOOKUP(BD$1,városok!$A$2:$C$346,3,0))^2)/1000,0)</f>
        <v>195</v>
      </c>
      <c r="BE156">
        <f ca="1">ROUND(SQRT((VLOOKUP($A156,városok!$A$2:$C$346,2,0)-VLOOKUP(BE$1,városok!$A$2:$C$346,2,0))^2+(VLOOKUP($A156,városok!$A$2:$C$346,3,0)-VLOOKUP(BE$1,városok!$A$2:$C$346,3,0))^2)/1000,0)</f>
        <v>168</v>
      </c>
      <c r="BF156">
        <f ca="1">ROUND(SQRT((VLOOKUP($A156,városok!$A$2:$C$346,2,0)-VLOOKUP(BF$1,városok!$A$2:$C$346,2,0))^2+(VLOOKUP($A156,városok!$A$2:$C$346,3,0)-VLOOKUP(BF$1,városok!$A$2:$C$346,3,0))^2)/1000,0)</f>
        <v>143</v>
      </c>
      <c r="BG156">
        <f ca="1">ROUND(SQRT((VLOOKUP($A156,városok!$A$2:$C$346,2,0)-VLOOKUP(BG$1,városok!$A$2:$C$346,2,0))^2+(VLOOKUP($A156,városok!$A$2:$C$346,3,0)-VLOOKUP(BG$1,városok!$A$2:$C$346,3,0))^2)/1000,0)</f>
        <v>101</v>
      </c>
      <c r="BH156">
        <f ca="1">ROUND(SQRT((VLOOKUP($A156,városok!$A$2:$C$346,2,0)-VLOOKUP(BH$1,városok!$A$2:$C$346,2,0))^2+(VLOOKUP($A156,városok!$A$2:$C$346,3,0)-VLOOKUP(BH$1,városok!$A$2:$C$346,3,0))^2)/1000,0)</f>
        <v>101</v>
      </c>
      <c r="BI156">
        <f ca="1">ROUND(SQRT((VLOOKUP($A156,városok!$A$2:$C$346,2,0)-VLOOKUP(BI$1,városok!$A$2:$C$346,2,0))^2+(VLOOKUP($A156,városok!$A$2:$C$346,3,0)-VLOOKUP(BI$1,városok!$A$2:$C$346,3,0))^2)/1000,0)</f>
        <v>188</v>
      </c>
      <c r="BJ156">
        <f ca="1">ROUND(SQRT((VLOOKUP($A156,városok!$A$2:$C$346,2,0)-VLOOKUP(BJ$1,városok!$A$2:$C$346,2,0))^2+(VLOOKUP($A156,városok!$A$2:$C$346,3,0)-VLOOKUP(BJ$1,városok!$A$2:$C$346,3,0))^2)/1000,0)</f>
        <v>205</v>
      </c>
      <c r="BK156">
        <f ca="1">ROUND(SQRT((VLOOKUP($A156,városok!$A$2:$C$346,2,0)-VLOOKUP(BK$1,városok!$A$2:$C$346,2,0))^2+(VLOOKUP($A156,városok!$A$2:$C$346,3,0)-VLOOKUP(BK$1,városok!$A$2:$C$346,3,0))^2)/1000,0)</f>
        <v>187</v>
      </c>
      <c r="BL156">
        <f ca="1">ROUND(SQRT((VLOOKUP($A156,városok!$A$2:$C$346,2,0)-VLOOKUP(BL$1,városok!$A$2:$C$346,2,0))^2+(VLOOKUP($A156,városok!$A$2:$C$346,3,0)-VLOOKUP(BL$1,városok!$A$2:$C$346,3,0))^2)/1000,0)</f>
        <v>299</v>
      </c>
      <c r="BM156">
        <f ca="1">ROUND(SQRT((VLOOKUP($A156,városok!$A$2:$C$346,2,0)-VLOOKUP(BM$1,városok!$A$2:$C$346,2,0))^2+(VLOOKUP($A156,városok!$A$2:$C$346,3,0)-VLOOKUP(BM$1,városok!$A$2:$C$346,3,0))^2)/1000,0)</f>
        <v>270</v>
      </c>
      <c r="BN156">
        <f ca="1">ROUND(SQRT((VLOOKUP($A156,városok!$A$2:$C$346,2,0)-VLOOKUP(BN$1,városok!$A$2:$C$346,2,0))^2+(VLOOKUP($A156,városok!$A$2:$C$346,3,0)-VLOOKUP(BN$1,városok!$A$2:$C$346,3,0))^2)/1000,0)</f>
        <v>294</v>
      </c>
      <c r="BO156">
        <f ca="1">ROUND(SQRT((VLOOKUP($A156,városok!$A$2:$C$346,2,0)-VLOOKUP(BO$1,városok!$A$2:$C$346,2,0))^2+(VLOOKUP($A156,városok!$A$2:$C$346,3,0)-VLOOKUP(BO$1,városok!$A$2:$C$346,3,0))^2)/1000,0)</f>
        <v>195</v>
      </c>
      <c r="BP156">
        <f ca="1">ROUND(SQRT((VLOOKUP($A156,városok!$A$2:$C$346,2,0)-VLOOKUP(BP$1,városok!$A$2:$C$346,2,0))^2+(VLOOKUP($A156,városok!$A$2:$C$346,3,0)-VLOOKUP(BP$1,városok!$A$2:$C$346,3,0))^2)/1000,0)</f>
        <v>187</v>
      </c>
      <c r="BQ156">
        <f ca="1">ROUND(SQRT((VLOOKUP($A156,városok!$A$2:$C$346,2,0)-VLOOKUP(BQ$1,városok!$A$2:$C$346,2,0))^2+(VLOOKUP($A156,városok!$A$2:$C$346,3,0)-VLOOKUP(BQ$1,városok!$A$2:$C$346,3,0))^2)/1000,0)</f>
        <v>200</v>
      </c>
      <c r="BR156">
        <f ca="1">ROUND(SQRT((VLOOKUP($A156,városok!$A$2:$C$346,2,0)-VLOOKUP(BR$1,városok!$A$2:$C$346,2,0))^2+(VLOOKUP($A156,városok!$A$2:$C$346,3,0)-VLOOKUP(BR$1,városok!$A$2:$C$346,3,0))^2)/1000,0)</f>
        <v>258</v>
      </c>
      <c r="BS156">
        <f ca="1">ROUND(SQRT((VLOOKUP($A156,városok!$A$2:$C$346,2,0)-VLOOKUP(BS$1,városok!$A$2:$C$346,2,0))^2+(VLOOKUP($A156,városok!$A$2:$C$346,3,0)-VLOOKUP(BS$1,városok!$A$2:$C$346,3,0))^2)/1000,0)</f>
        <v>290</v>
      </c>
      <c r="BT156">
        <f ca="1">ROUND(SQRT((VLOOKUP($A156,városok!$A$2:$C$346,2,0)-VLOOKUP(BT$1,városok!$A$2:$C$346,2,0))^2+(VLOOKUP($A156,városok!$A$2:$C$346,3,0)-VLOOKUP(BT$1,városok!$A$2:$C$346,3,0))^2)/1000,0)</f>
        <v>286</v>
      </c>
    </row>
    <row r="157" spans="1:72" x14ac:dyDescent="0.2">
      <c r="A157" t="str">
        <f>városok!A157</f>
        <v>Lőrinci</v>
      </c>
      <c r="B157">
        <f ca="1">ROUND(SQRT((VLOOKUP($A157,városok!$A$2:$C$346,2,0)-VLOOKUP(B$1,városok!$A$2:$C$346,2,0))^2+(VLOOKUP($A157,városok!$A$2:$C$346,3,0)-VLOOKUP(B$1,városok!$A$2:$C$346,3,0))^2)/1000,0)</f>
        <v>182</v>
      </c>
      <c r="C157">
        <f ca="1">ROUND(SQRT((VLOOKUP($A157,városok!$A$2:$C$346,2,0)-VLOOKUP(C$1,városok!$A$2:$C$346,2,0))^2+(VLOOKUP($A157,városok!$A$2:$C$346,3,0)-VLOOKUP(C$1,városok!$A$2:$C$346,3,0))^2)/1000,0)</f>
        <v>146</v>
      </c>
      <c r="D157">
        <f ca="1">ROUND(SQRT((VLOOKUP($A157,városok!$A$2:$C$346,2,0)-VLOOKUP(D$1,városok!$A$2:$C$346,2,0))^2+(VLOOKUP($A157,városok!$A$2:$C$346,3,0)-VLOOKUP(D$1,városok!$A$2:$C$346,3,0))^2)/1000,0)</f>
        <v>93</v>
      </c>
      <c r="E157">
        <f ca="1">ROUND(SQRT((VLOOKUP($A157,városok!$A$2:$C$346,2,0)-VLOOKUP(E$1,városok!$A$2:$C$346,2,0))^2+(VLOOKUP($A157,városok!$A$2:$C$346,3,0)-VLOOKUP(E$1,városok!$A$2:$C$346,3,0))^2)/1000,0)</f>
        <v>204</v>
      </c>
      <c r="F157">
        <f ca="1">ROUND(SQRT((VLOOKUP($A157,városok!$A$2:$C$346,2,0)-VLOOKUP(F$1,városok!$A$2:$C$346,2,0))^2+(VLOOKUP($A157,városok!$A$2:$C$346,3,0)-VLOOKUP(F$1,városok!$A$2:$C$346,3,0))^2)/1000,0)</f>
        <v>210</v>
      </c>
      <c r="G157">
        <f ca="1">ROUND(SQRT((VLOOKUP($A157,városok!$A$2:$C$346,2,0)-VLOOKUP(G$1,városok!$A$2:$C$346,2,0))^2+(VLOOKUP($A157,városok!$A$2:$C$346,3,0)-VLOOKUP(G$1,városok!$A$2:$C$346,3,0))^2)/1000,0)</f>
        <v>215</v>
      </c>
      <c r="H157">
        <f ca="1">ROUND(SQRT((VLOOKUP($A157,városok!$A$2:$C$346,2,0)-VLOOKUP(H$1,városok!$A$2:$C$346,2,0))^2+(VLOOKUP($A157,városok!$A$2:$C$346,3,0)-VLOOKUP(H$1,városok!$A$2:$C$346,3,0))^2)/1000,0)</f>
        <v>237</v>
      </c>
      <c r="I157">
        <f ca="1">ROUND(SQRT((VLOOKUP($A157,városok!$A$2:$C$346,2,0)-VLOOKUP(I$1,városok!$A$2:$C$346,2,0))^2+(VLOOKUP($A157,városok!$A$2:$C$346,3,0)-VLOOKUP(I$1,városok!$A$2:$C$346,3,0))^2)/1000,0)</f>
        <v>160</v>
      </c>
      <c r="J157">
        <f ca="1">ROUND(SQRT((VLOOKUP($A157,városok!$A$2:$C$346,2,0)-VLOOKUP(J$1,városok!$A$2:$C$346,2,0))^2+(VLOOKUP($A157,városok!$A$2:$C$346,3,0)-VLOOKUP(J$1,városok!$A$2:$C$346,3,0))^2)/1000,0)</f>
        <v>172</v>
      </c>
      <c r="K157">
        <f ca="1">ROUND(SQRT((VLOOKUP($A157,városok!$A$2:$C$346,2,0)-VLOOKUP(K$1,városok!$A$2:$C$346,2,0))^2+(VLOOKUP($A157,városok!$A$2:$C$346,3,0)-VLOOKUP(K$1,városok!$A$2:$C$346,3,0))^2)/1000,0)</f>
        <v>152</v>
      </c>
      <c r="L157">
        <f ca="1">ROUND(SQRT((VLOOKUP($A157,városok!$A$2:$C$346,2,0)-VLOOKUP(L$1,városok!$A$2:$C$346,2,0))^2+(VLOOKUP($A157,városok!$A$2:$C$346,3,0)-VLOOKUP(L$1,városok!$A$2:$C$346,3,0))^2)/1000,0)</f>
        <v>91</v>
      </c>
      <c r="M157">
        <f ca="1">ROUND(SQRT((VLOOKUP($A157,városok!$A$2:$C$346,2,0)-VLOOKUP(M$1,városok!$A$2:$C$346,2,0))^2+(VLOOKUP($A157,városok!$A$2:$C$346,3,0)-VLOOKUP(M$1,városok!$A$2:$C$346,3,0))^2)/1000,0)</f>
        <v>92</v>
      </c>
      <c r="N157">
        <f ca="1">ROUND(SQRT((VLOOKUP($A157,városok!$A$2:$C$346,2,0)-VLOOKUP(N$1,városok!$A$2:$C$346,2,0))^2+(VLOOKUP($A157,városok!$A$2:$C$346,3,0)-VLOOKUP(N$1,városok!$A$2:$C$346,3,0))^2)/1000,0)</f>
        <v>70</v>
      </c>
      <c r="O157">
        <f ca="1">ROUND(SQRT((VLOOKUP($A157,városok!$A$2:$C$346,2,0)-VLOOKUP(O$1,városok!$A$2:$C$346,2,0))^2+(VLOOKUP($A157,városok!$A$2:$C$346,3,0)-VLOOKUP(O$1,városok!$A$2:$C$346,3,0))^2)/1000,0)</f>
        <v>164</v>
      </c>
      <c r="P157">
        <f ca="1">ROUND(SQRT((VLOOKUP($A157,városok!$A$2:$C$346,2,0)-VLOOKUP(P$1,városok!$A$2:$C$346,2,0))^2+(VLOOKUP($A157,városok!$A$2:$C$346,3,0)-VLOOKUP(P$1,városok!$A$2:$C$346,3,0))^2)/1000,0)</f>
        <v>164</v>
      </c>
      <c r="Q157">
        <f ca="1">ROUND(SQRT((VLOOKUP($A157,városok!$A$2:$C$346,2,0)-VLOOKUP(Q$1,városok!$A$2:$C$346,2,0))^2+(VLOOKUP($A157,városok!$A$2:$C$346,3,0)-VLOOKUP(Q$1,városok!$A$2:$C$346,3,0))^2)/1000,0)</f>
        <v>156</v>
      </c>
      <c r="R157">
        <f ca="1">ROUND(SQRT((VLOOKUP($A157,városok!$A$2:$C$346,2,0)-VLOOKUP(R$1,városok!$A$2:$C$346,2,0))^2+(VLOOKUP($A157,városok!$A$2:$C$346,3,0)-VLOOKUP(R$1,városok!$A$2:$C$346,3,0))^2)/1000,0)</f>
        <v>181</v>
      </c>
      <c r="S157">
        <f ca="1">ROUND(SQRT((VLOOKUP($A157,városok!$A$2:$C$346,2,0)-VLOOKUP(S$1,városok!$A$2:$C$346,2,0))^2+(VLOOKUP($A157,városok!$A$2:$C$346,3,0)-VLOOKUP(S$1,városok!$A$2:$C$346,3,0))^2)/1000,0)</f>
        <v>171</v>
      </c>
      <c r="T157">
        <f ca="1">ROUND(SQRT((VLOOKUP($A157,városok!$A$2:$C$346,2,0)-VLOOKUP(T$1,városok!$A$2:$C$346,2,0))^2+(VLOOKUP($A157,városok!$A$2:$C$346,3,0)-VLOOKUP(T$1,városok!$A$2:$C$346,3,0))^2)/1000,0)</f>
        <v>84</v>
      </c>
      <c r="U157">
        <f ca="1">ROUND(SQRT((VLOOKUP($A157,városok!$A$2:$C$346,2,0)-VLOOKUP(U$1,városok!$A$2:$C$346,2,0))^2+(VLOOKUP($A157,városok!$A$2:$C$346,3,0)-VLOOKUP(U$1,városok!$A$2:$C$346,3,0))^2)/1000,0)</f>
        <v>103</v>
      </c>
      <c r="V157">
        <f ca="1">ROUND(SQRT((VLOOKUP($A157,városok!$A$2:$C$346,2,0)-VLOOKUP(V$1,városok!$A$2:$C$346,2,0))^2+(VLOOKUP($A157,városok!$A$2:$C$346,3,0)-VLOOKUP(V$1,városok!$A$2:$C$346,3,0))^2)/1000,0)</f>
        <v>129</v>
      </c>
      <c r="W157">
        <f ca="1">ROUND(SQRT((VLOOKUP($A157,városok!$A$2:$C$346,2,0)-VLOOKUP(W$1,városok!$A$2:$C$346,2,0))^2+(VLOOKUP($A157,városok!$A$2:$C$346,3,0)-VLOOKUP(W$1,városok!$A$2:$C$346,3,0))^2)/1000,0)</f>
        <v>125</v>
      </c>
      <c r="X157">
        <f ca="1">ROUND(SQRT((VLOOKUP($A157,városok!$A$2:$C$346,2,0)-VLOOKUP(X$1,városok!$A$2:$C$346,2,0))^2+(VLOOKUP($A157,városok!$A$2:$C$346,3,0)-VLOOKUP(X$1,városok!$A$2:$C$346,3,0))^2)/1000,0)</f>
        <v>114</v>
      </c>
      <c r="Y157">
        <f ca="1">ROUND(SQRT((VLOOKUP($A157,városok!$A$2:$C$346,2,0)-VLOOKUP(Y$1,városok!$A$2:$C$346,2,0))^2+(VLOOKUP($A157,városok!$A$2:$C$346,3,0)-VLOOKUP(Y$1,városok!$A$2:$C$346,3,0))^2)/1000,0)</f>
        <v>153</v>
      </c>
      <c r="Z157">
        <f ca="1">ROUND(SQRT((VLOOKUP($A157,városok!$A$2:$C$346,2,0)-VLOOKUP(Z$1,városok!$A$2:$C$346,2,0))^2+(VLOOKUP($A157,városok!$A$2:$C$346,3,0)-VLOOKUP(Z$1,városok!$A$2:$C$346,3,0))^2)/1000,0)</f>
        <v>172</v>
      </c>
      <c r="AA157">
        <f ca="1">ROUND(SQRT((VLOOKUP($A157,városok!$A$2:$C$346,2,0)-VLOOKUP(AA$1,városok!$A$2:$C$346,2,0))^2+(VLOOKUP($A157,városok!$A$2:$C$346,3,0)-VLOOKUP(AA$1,városok!$A$2:$C$346,3,0))^2)/1000,0)</f>
        <v>232</v>
      </c>
      <c r="AB157">
        <f ca="1">ROUND(SQRT((VLOOKUP($A157,városok!$A$2:$C$346,2,0)-VLOOKUP(AB$1,városok!$A$2:$C$346,2,0))^2+(VLOOKUP($A157,városok!$A$2:$C$346,3,0)-VLOOKUP(AB$1,városok!$A$2:$C$346,3,0))^2)/1000,0)</f>
        <v>149</v>
      </c>
      <c r="AC157">
        <f ca="1">ROUND(SQRT((VLOOKUP($A157,városok!$A$2:$C$346,2,0)-VLOOKUP(AC$1,városok!$A$2:$C$346,2,0))^2+(VLOOKUP($A157,városok!$A$2:$C$346,3,0)-VLOOKUP(AC$1,városok!$A$2:$C$346,3,0))^2)/1000,0)</f>
        <v>134</v>
      </c>
      <c r="AD157">
        <f ca="1">ROUND(SQRT((VLOOKUP($A157,városok!$A$2:$C$346,2,0)-VLOOKUP(AD$1,városok!$A$2:$C$346,2,0))^2+(VLOOKUP($A157,városok!$A$2:$C$346,3,0)-VLOOKUP(AD$1,városok!$A$2:$C$346,3,0))^2)/1000,0)</f>
        <v>117</v>
      </c>
      <c r="AE157">
        <f ca="1">ROUND(SQRT((VLOOKUP($A157,városok!$A$2:$C$346,2,0)-VLOOKUP(AE$1,városok!$A$2:$C$346,2,0))^2+(VLOOKUP($A157,városok!$A$2:$C$346,3,0)-VLOOKUP(AE$1,városok!$A$2:$C$346,3,0))^2)/1000,0)</f>
        <v>124</v>
      </c>
      <c r="AF157">
        <f ca="1">ROUND(SQRT((VLOOKUP($A157,városok!$A$2:$C$346,2,0)-VLOOKUP(AF$1,városok!$A$2:$C$346,2,0))^2+(VLOOKUP($A157,városok!$A$2:$C$346,3,0)-VLOOKUP(AF$1,városok!$A$2:$C$346,3,0))^2)/1000,0)</f>
        <v>55</v>
      </c>
      <c r="AG157">
        <f ca="1">ROUND(SQRT((VLOOKUP($A157,városok!$A$2:$C$346,2,0)-VLOOKUP(AG$1,városok!$A$2:$C$346,2,0))^2+(VLOOKUP($A157,városok!$A$2:$C$346,3,0)-VLOOKUP(AG$1,városok!$A$2:$C$346,3,0))^2)/1000,0)</f>
        <v>19</v>
      </c>
      <c r="AH157">
        <f ca="1">ROUND(SQRT((VLOOKUP($A157,városok!$A$2:$C$346,2,0)-VLOOKUP(AH$1,városok!$A$2:$C$346,2,0))^2+(VLOOKUP($A157,városok!$A$2:$C$346,3,0)-VLOOKUP(AH$1,városok!$A$2:$C$346,3,0))^2)/1000,0)</f>
        <v>9</v>
      </c>
      <c r="AI157">
        <f ca="1">ROUND(SQRT((VLOOKUP($A157,városok!$A$2:$C$346,2,0)-VLOOKUP(AI$1,városok!$A$2:$C$346,2,0))^2+(VLOOKUP($A157,városok!$A$2:$C$346,3,0)-VLOOKUP(AI$1,városok!$A$2:$C$346,3,0))^2)/1000,0)</f>
        <v>44</v>
      </c>
      <c r="AJ157">
        <f ca="1">ROUND(SQRT((VLOOKUP($A157,városok!$A$2:$C$346,2,0)-VLOOKUP(AJ$1,városok!$A$2:$C$346,2,0))^2+(VLOOKUP($A157,városok!$A$2:$C$346,3,0)-VLOOKUP(AJ$1,városok!$A$2:$C$346,3,0))^2)/1000,0)</f>
        <v>25</v>
      </c>
      <c r="AK157">
        <f ca="1">ROUND(SQRT((VLOOKUP($A157,városok!$A$2:$C$346,2,0)-VLOOKUP(AK$1,városok!$A$2:$C$346,2,0))^2+(VLOOKUP($A157,városok!$A$2:$C$346,3,0)-VLOOKUP(AK$1,városok!$A$2:$C$346,3,0))^2)/1000,0)</f>
        <v>111</v>
      </c>
      <c r="AL157">
        <f ca="1">ROUND(SQRT((VLOOKUP($A157,városok!$A$2:$C$346,2,0)-VLOOKUP(AL$1,városok!$A$2:$C$346,2,0))^2+(VLOOKUP($A157,városok!$A$2:$C$346,3,0)-VLOOKUP(AL$1,városok!$A$2:$C$346,3,0))^2)/1000,0)</f>
        <v>83</v>
      </c>
      <c r="AM157">
        <f ca="1">ROUND(SQRT((VLOOKUP($A157,városok!$A$2:$C$346,2,0)-VLOOKUP(AM$1,városok!$A$2:$C$346,2,0))^2+(VLOOKUP($A157,városok!$A$2:$C$346,3,0)-VLOOKUP(AM$1,városok!$A$2:$C$346,3,0))^2)/1000,0)</f>
        <v>74</v>
      </c>
      <c r="AN157">
        <f ca="1">ROUND(SQRT((VLOOKUP($A157,városok!$A$2:$C$346,2,0)-VLOOKUP(AN$1,városok!$A$2:$C$346,2,0))^2+(VLOOKUP($A157,városok!$A$2:$C$346,3,0)-VLOOKUP(AN$1,városok!$A$2:$C$346,3,0))^2)/1000,0)</f>
        <v>70</v>
      </c>
      <c r="AO157">
        <f ca="1">ROUND(SQRT((VLOOKUP($A157,városok!$A$2:$C$346,2,0)-VLOOKUP(AO$1,városok!$A$2:$C$346,2,0))^2+(VLOOKUP($A157,városok!$A$2:$C$346,3,0)-VLOOKUP(AO$1,városok!$A$2:$C$346,3,0))^2)/1000,0)</f>
        <v>117</v>
      </c>
      <c r="AP157">
        <f ca="1">ROUND(SQRT((VLOOKUP($A157,városok!$A$2:$C$346,2,0)-VLOOKUP(AP$1,városok!$A$2:$C$346,2,0))^2+(VLOOKUP($A157,városok!$A$2:$C$346,3,0)-VLOOKUP(AP$1,városok!$A$2:$C$346,3,0))^2)/1000,0)</f>
        <v>102</v>
      </c>
      <c r="AQ157">
        <f ca="1">ROUND(SQRT((VLOOKUP($A157,városok!$A$2:$C$346,2,0)-VLOOKUP(AQ$1,városok!$A$2:$C$346,2,0))^2+(VLOOKUP($A157,városok!$A$2:$C$346,3,0)-VLOOKUP(AQ$1,városok!$A$2:$C$346,3,0))^2)/1000,0)</f>
        <v>97</v>
      </c>
      <c r="AR157">
        <f ca="1">ROUND(SQRT((VLOOKUP($A157,városok!$A$2:$C$346,2,0)-VLOOKUP(AR$1,városok!$A$2:$C$346,2,0))^2+(VLOOKUP($A157,városok!$A$2:$C$346,3,0)-VLOOKUP(AR$1,városok!$A$2:$C$346,3,0))^2)/1000,0)</f>
        <v>19</v>
      </c>
      <c r="AS157">
        <f ca="1">ROUND(SQRT((VLOOKUP($A157,városok!$A$2:$C$346,2,0)-VLOOKUP(AS$1,városok!$A$2:$C$346,2,0))^2+(VLOOKUP($A157,városok!$A$2:$C$346,3,0)-VLOOKUP(AS$1,városok!$A$2:$C$346,3,0))^2)/1000,0)</f>
        <v>42</v>
      </c>
      <c r="AT157">
        <f ca="1">ROUND(SQRT((VLOOKUP($A157,városok!$A$2:$C$346,2,0)-VLOOKUP(AT$1,városok!$A$2:$C$346,2,0))^2+(VLOOKUP($A157,városok!$A$2:$C$346,3,0)-VLOOKUP(AT$1,városok!$A$2:$C$346,3,0))^2)/1000,0)</f>
        <v>72</v>
      </c>
      <c r="AU157">
        <f ca="1">ROUND(SQRT((VLOOKUP($A157,városok!$A$2:$C$346,2,0)-VLOOKUP(AU$1,városok!$A$2:$C$346,2,0))^2+(VLOOKUP($A157,városok!$A$2:$C$346,3,0)-VLOOKUP(AU$1,városok!$A$2:$C$346,3,0))^2)/1000,0)</f>
        <v>63</v>
      </c>
      <c r="AV157">
        <f ca="1">ROUND(SQRT((VLOOKUP($A157,városok!$A$2:$C$346,2,0)-VLOOKUP(AV$1,városok!$A$2:$C$346,2,0))^2+(VLOOKUP($A157,városok!$A$2:$C$346,3,0)-VLOOKUP(AV$1,városok!$A$2:$C$346,3,0))^2)/1000,0)</f>
        <v>66</v>
      </c>
      <c r="AW157">
        <f ca="1">ROUND(SQRT((VLOOKUP($A157,városok!$A$2:$C$346,2,0)-VLOOKUP(AW$1,városok!$A$2:$C$346,2,0))^2+(VLOOKUP($A157,városok!$A$2:$C$346,3,0)-VLOOKUP(AW$1,városok!$A$2:$C$346,3,0))^2)/1000,0)</f>
        <v>70</v>
      </c>
      <c r="AX157">
        <f ca="1">ROUND(SQRT((VLOOKUP($A157,városok!$A$2:$C$346,2,0)-VLOOKUP(AX$1,városok!$A$2:$C$346,2,0))^2+(VLOOKUP($A157,városok!$A$2:$C$346,3,0)-VLOOKUP(AX$1,városok!$A$2:$C$346,3,0))^2)/1000,0)</f>
        <v>80</v>
      </c>
      <c r="AY157">
        <f ca="1">ROUND(SQRT((VLOOKUP($A157,városok!$A$2:$C$346,2,0)-VLOOKUP(AY$1,városok!$A$2:$C$346,2,0))^2+(VLOOKUP($A157,városok!$A$2:$C$346,3,0)-VLOOKUP(AY$1,városok!$A$2:$C$346,3,0))^2)/1000,0)</f>
        <v>47</v>
      </c>
      <c r="AZ157">
        <f ca="1">ROUND(SQRT((VLOOKUP($A157,városok!$A$2:$C$346,2,0)-VLOOKUP(AZ$1,városok!$A$2:$C$346,2,0))^2+(VLOOKUP($A157,városok!$A$2:$C$346,3,0)-VLOOKUP(AZ$1,városok!$A$2:$C$346,3,0))^2)/1000,0)</f>
        <v>53</v>
      </c>
      <c r="BA157">
        <f ca="1">ROUND(SQRT((VLOOKUP($A157,városok!$A$2:$C$346,2,0)-VLOOKUP(BA$1,városok!$A$2:$C$346,2,0))^2+(VLOOKUP($A157,városok!$A$2:$C$346,3,0)-VLOOKUP(BA$1,városok!$A$2:$C$346,3,0))^2)/1000,0)</f>
        <v>184</v>
      </c>
      <c r="BB157">
        <f ca="1">ROUND(SQRT((VLOOKUP($A157,városok!$A$2:$C$346,2,0)-VLOOKUP(BB$1,városok!$A$2:$C$346,2,0))^2+(VLOOKUP($A157,városok!$A$2:$C$346,3,0)-VLOOKUP(BB$1,városok!$A$2:$C$346,3,0))^2)/1000,0)</f>
        <v>188</v>
      </c>
      <c r="BC157">
        <f ca="1">ROUND(SQRT((VLOOKUP($A157,városok!$A$2:$C$346,2,0)-VLOOKUP(BC$1,városok!$A$2:$C$346,2,0))^2+(VLOOKUP($A157,városok!$A$2:$C$346,3,0)-VLOOKUP(BC$1,városok!$A$2:$C$346,3,0))^2)/1000,0)</f>
        <v>211</v>
      </c>
      <c r="BD157">
        <f ca="1">ROUND(SQRT((VLOOKUP($A157,városok!$A$2:$C$346,2,0)-VLOOKUP(BD$1,városok!$A$2:$C$346,2,0))^2+(VLOOKUP($A157,városok!$A$2:$C$346,3,0)-VLOOKUP(BD$1,városok!$A$2:$C$346,3,0))^2)/1000,0)</f>
        <v>153</v>
      </c>
      <c r="BE157">
        <f ca="1">ROUND(SQRT((VLOOKUP($A157,városok!$A$2:$C$346,2,0)-VLOOKUP(BE$1,városok!$A$2:$C$346,2,0))^2+(VLOOKUP($A157,városok!$A$2:$C$346,3,0)-VLOOKUP(BE$1,városok!$A$2:$C$346,3,0))^2)/1000,0)</f>
        <v>224</v>
      </c>
      <c r="BF157">
        <f ca="1">ROUND(SQRT((VLOOKUP($A157,városok!$A$2:$C$346,2,0)-VLOOKUP(BF$1,városok!$A$2:$C$346,2,0))^2+(VLOOKUP($A157,városok!$A$2:$C$346,3,0)-VLOOKUP(BF$1,városok!$A$2:$C$346,3,0))^2)/1000,0)</f>
        <v>187</v>
      </c>
      <c r="BG157">
        <f ca="1">ROUND(SQRT((VLOOKUP($A157,városok!$A$2:$C$346,2,0)-VLOOKUP(BG$1,városok!$A$2:$C$346,2,0))^2+(VLOOKUP($A157,városok!$A$2:$C$346,3,0)-VLOOKUP(BG$1,városok!$A$2:$C$346,3,0))^2)/1000,0)</f>
        <v>140</v>
      </c>
      <c r="BH157">
        <f ca="1">ROUND(SQRT((VLOOKUP($A157,városok!$A$2:$C$346,2,0)-VLOOKUP(BH$1,városok!$A$2:$C$346,2,0))^2+(VLOOKUP($A157,városok!$A$2:$C$346,3,0)-VLOOKUP(BH$1,városok!$A$2:$C$346,3,0))^2)/1000,0)</f>
        <v>140</v>
      </c>
      <c r="BI157">
        <f ca="1">ROUND(SQRT((VLOOKUP($A157,városok!$A$2:$C$346,2,0)-VLOOKUP(BI$1,városok!$A$2:$C$346,2,0))^2+(VLOOKUP($A157,városok!$A$2:$C$346,3,0)-VLOOKUP(BI$1,városok!$A$2:$C$346,3,0))^2)/1000,0)</f>
        <v>170</v>
      </c>
      <c r="BJ157">
        <f ca="1">ROUND(SQRT((VLOOKUP($A157,városok!$A$2:$C$346,2,0)-VLOOKUP(BJ$1,városok!$A$2:$C$346,2,0))^2+(VLOOKUP($A157,városok!$A$2:$C$346,3,0)-VLOOKUP(BJ$1,városok!$A$2:$C$346,3,0))^2)/1000,0)</f>
        <v>187</v>
      </c>
      <c r="BK157">
        <f ca="1">ROUND(SQRT((VLOOKUP($A157,városok!$A$2:$C$346,2,0)-VLOOKUP(BK$1,városok!$A$2:$C$346,2,0))^2+(VLOOKUP($A157,városok!$A$2:$C$346,3,0)-VLOOKUP(BK$1,városok!$A$2:$C$346,3,0))^2)/1000,0)</f>
        <v>172</v>
      </c>
      <c r="BL157">
        <f ca="1">ROUND(SQRT((VLOOKUP($A157,városok!$A$2:$C$346,2,0)-VLOOKUP(BL$1,városok!$A$2:$C$346,2,0))^2+(VLOOKUP($A157,városok!$A$2:$C$346,3,0)-VLOOKUP(BL$1,városok!$A$2:$C$346,3,0))^2)/1000,0)</f>
        <v>246</v>
      </c>
      <c r="BM157">
        <f ca="1">ROUND(SQRT((VLOOKUP($A157,városok!$A$2:$C$346,2,0)-VLOOKUP(BM$1,városok!$A$2:$C$346,2,0))^2+(VLOOKUP($A157,városok!$A$2:$C$346,3,0)-VLOOKUP(BM$1,városok!$A$2:$C$346,3,0))^2)/1000,0)</f>
        <v>214</v>
      </c>
      <c r="BN157">
        <f ca="1">ROUND(SQRT((VLOOKUP($A157,városok!$A$2:$C$346,2,0)-VLOOKUP(BN$1,városok!$A$2:$C$346,2,0))^2+(VLOOKUP($A157,városok!$A$2:$C$346,3,0)-VLOOKUP(BN$1,városok!$A$2:$C$346,3,0))^2)/1000,0)</f>
        <v>237</v>
      </c>
      <c r="BO157">
        <f ca="1">ROUND(SQRT((VLOOKUP($A157,városok!$A$2:$C$346,2,0)-VLOOKUP(BO$1,városok!$A$2:$C$346,2,0))^2+(VLOOKUP($A157,városok!$A$2:$C$346,3,0)-VLOOKUP(BO$1,városok!$A$2:$C$346,3,0))^2)/1000,0)</f>
        <v>149</v>
      </c>
      <c r="BP157">
        <f ca="1">ROUND(SQRT((VLOOKUP($A157,városok!$A$2:$C$346,2,0)-VLOOKUP(BP$1,városok!$A$2:$C$346,2,0))^2+(VLOOKUP($A157,városok!$A$2:$C$346,3,0)-VLOOKUP(BP$1,városok!$A$2:$C$346,3,0))^2)/1000,0)</f>
        <v>142</v>
      </c>
      <c r="BQ157">
        <f ca="1">ROUND(SQRT((VLOOKUP($A157,városok!$A$2:$C$346,2,0)-VLOOKUP(BQ$1,városok!$A$2:$C$346,2,0))^2+(VLOOKUP($A157,városok!$A$2:$C$346,3,0)-VLOOKUP(BQ$1,városok!$A$2:$C$346,3,0))^2)/1000,0)</f>
        <v>152</v>
      </c>
      <c r="BR157">
        <f ca="1">ROUND(SQRT((VLOOKUP($A157,városok!$A$2:$C$346,2,0)-VLOOKUP(BR$1,városok!$A$2:$C$346,2,0))^2+(VLOOKUP($A157,városok!$A$2:$C$346,3,0)-VLOOKUP(BR$1,városok!$A$2:$C$346,3,0))^2)/1000,0)</f>
        <v>213</v>
      </c>
      <c r="BS157">
        <f ca="1">ROUND(SQRT((VLOOKUP($A157,városok!$A$2:$C$346,2,0)-VLOOKUP(BS$1,városok!$A$2:$C$346,2,0))^2+(VLOOKUP($A157,városok!$A$2:$C$346,3,0)-VLOOKUP(BS$1,városok!$A$2:$C$346,3,0))^2)/1000,0)</f>
        <v>250</v>
      </c>
      <c r="BT157">
        <f ca="1">ROUND(SQRT((VLOOKUP($A157,városok!$A$2:$C$346,2,0)-VLOOKUP(BT$1,városok!$A$2:$C$346,2,0))^2+(VLOOKUP($A157,városok!$A$2:$C$346,3,0)-VLOOKUP(BT$1,városok!$A$2:$C$346,3,0))^2)/1000,0)</f>
        <v>237</v>
      </c>
    </row>
    <row r="158" spans="1:72" x14ac:dyDescent="0.2">
      <c r="A158" t="str">
        <f>városok!A158</f>
        <v>Pétervására</v>
      </c>
      <c r="B158">
        <f ca="1">ROUND(SQRT((VLOOKUP($A158,városok!$A$2:$C$346,2,0)-VLOOKUP(B$1,városok!$A$2:$C$346,2,0))^2+(VLOOKUP($A158,városok!$A$2:$C$346,3,0)-VLOOKUP(B$1,városok!$A$2:$C$346,3,0))^2)/1000,0)</f>
        <v>222</v>
      </c>
      <c r="C158">
        <f ca="1">ROUND(SQRT((VLOOKUP($A158,városok!$A$2:$C$346,2,0)-VLOOKUP(C$1,városok!$A$2:$C$346,2,0))^2+(VLOOKUP($A158,városok!$A$2:$C$346,3,0)-VLOOKUP(C$1,városok!$A$2:$C$346,3,0))^2)/1000,0)</f>
        <v>186</v>
      </c>
      <c r="D158">
        <f ca="1">ROUND(SQRT((VLOOKUP($A158,városok!$A$2:$C$346,2,0)-VLOOKUP(D$1,városok!$A$2:$C$346,2,0))^2+(VLOOKUP($A158,városok!$A$2:$C$346,3,0)-VLOOKUP(D$1,városok!$A$2:$C$346,3,0))^2)/1000,0)</f>
        <v>127</v>
      </c>
      <c r="E158">
        <f ca="1">ROUND(SQRT((VLOOKUP($A158,városok!$A$2:$C$346,2,0)-VLOOKUP(E$1,városok!$A$2:$C$346,2,0))^2+(VLOOKUP($A158,városok!$A$2:$C$346,3,0)-VLOOKUP(E$1,városok!$A$2:$C$346,3,0))^2)/1000,0)</f>
        <v>247</v>
      </c>
      <c r="F158">
        <f ca="1">ROUND(SQRT((VLOOKUP($A158,városok!$A$2:$C$346,2,0)-VLOOKUP(F$1,városok!$A$2:$C$346,2,0))^2+(VLOOKUP($A158,városok!$A$2:$C$346,3,0)-VLOOKUP(F$1,városok!$A$2:$C$346,3,0))^2)/1000,0)</f>
        <v>250</v>
      </c>
      <c r="G158">
        <f ca="1">ROUND(SQRT((VLOOKUP($A158,városok!$A$2:$C$346,2,0)-VLOOKUP(G$1,városok!$A$2:$C$346,2,0))^2+(VLOOKUP($A158,városok!$A$2:$C$346,3,0)-VLOOKUP(G$1,városok!$A$2:$C$346,3,0))^2)/1000,0)</f>
        <v>258</v>
      </c>
      <c r="H158">
        <f ca="1">ROUND(SQRT((VLOOKUP($A158,városok!$A$2:$C$346,2,0)-VLOOKUP(H$1,városok!$A$2:$C$346,2,0))^2+(VLOOKUP($A158,városok!$A$2:$C$346,3,0)-VLOOKUP(H$1,városok!$A$2:$C$346,3,0))^2)/1000,0)</f>
        <v>280</v>
      </c>
      <c r="I158">
        <f ca="1">ROUND(SQRT((VLOOKUP($A158,városok!$A$2:$C$346,2,0)-VLOOKUP(I$1,városok!$A$2:$C$346,2,0))^2+(VLOOKUP($A158,városok!$A$2:$C$346,3,0)-VLOOKUP(I$1,városok!$A$2:$C$346,3,0))^2)/1000,0)</f>
        <v>167</v>
      </c>
      <c r="J158">
        <f ca="1">ROUND(SQRT((VLOOKUP($A158,városok!$A$2:$C$346,2,0)-VLOOKUP(J$1,városok!$A$2:$C$346,2,0))^2+(VLOOKUP($A158,városok!$A$2:$C$346,3,0)-VLOOKUP(J$1,városok!$A$2:$C$346,3,0))^2)/1000,0)</f>
        <v>177</v>
      </c>
      <c r="K158">
        <f ca="1">ROUND(SQRT((VLOOKUP($A158,városok!$A$2:$C$346,2,0)-VLOOKUP(K$1,városok!$A$2:$C$346,2,0))^2+(VLOOKUP($A158,városok!$A$2:$C$346,3,0)-VLOOKUP(K$1,városok!$A$2:$C$346,3,0))^2)/1000,0)</f>
        <v>168</v>
      </c>
      <c r="L158">
        <f ca="1">ROUND(SQRT((VLOOKUP($A158,városok!$A$2:$C$346,2,0)-VLOOKUP(L$1,városok!$A$2:$C$346,2,0))^2+(VLOOKUP($A158,városok!$A$2:$C$346,3,0)-VLOOKUP(L$1,városok!$A$2:$C$346,3,0))^2)/1000,0)</f>
        <v>48</v>
      </c>
      <c r="M158">
        <f ca="1">ROUND(SQRT((VLOOKUP($A158,városok!$A$2:$C$346,2,0)-VLOOKUP(M$1,városok!$A$2:$C$346,2,0))^2+(VLOOKUP($A158,városok!$A$2:$C$346,3,0)-VLOOKUP(M$1,városok!$A$2:$C$346,3,0))^2)/1000,0)</f>
        <v>53</v>
      </c>
      <c r="N158">
        <f ca="1">ROUND(SQRT((VLOOKUP($A158,városok!$A$2:$C$346,2,0)-VLOOKUP(N$1,városok!$A$2:$C$346,2,0))^2+(VLOOKUP($A158,városok!$A$2:$C$346,3,0)-VLOOKUP(N$1,városok!$A$2:$C$346,3,0))^2)/1000,0)</f>
        <v>27</v>
      </c>
      <c r="O158">
        <f ca="1">ROUND(SQRT((VLOOKUP($A158,városok!$A$2:$C$346,2,0)-VLOOKUP(O$1,városok!$A$2:$C$346,2,0))^2+(VLOOKUP($A158,városok!$A$2:$C$346,3,0)-VLOOKUP(O$1,városok!$A$2:$C$346,3,0))^2)/1000,0)</f>
        <v>123</v>
      </c>
      <c r="P158">
        <f ca="1">ROUND(SQRT((VLOOKUP($A158,városok!$A$2:$C$346,2,0)-VLOOKUP(P$1,városok!$A$2:$C$346,2,0))^2+(VLOOKUP($A158,városok!$A$2:$C$346,3,0)-VLOOKUP(P$1,városok!$A$2:$C$346,3,0))^2)/1000,0)</f>
        <v>123</v>
      </c>
      <c r="Q158">
        <f ca="1">ROUND(SQRT((VLOOKUP($A158,városok!$A$2:$C$346,2,0)-VLOOKUP(Q$1,városok!$A$2:$C$346,2,0))^2+(VLOOKUP($A158,városok!$A$2:$C$346,3,0)-VLOOKUP(Q$1,városok!$A$2:$C$346,3,0))^2)/1000,0)</f>
        <v>179</v>
      </c>
      <c r="R158">
        <f ca="1">ROUND(SQRT((VLOOKUP($A158,városok!$A$2:$C$346,2,0)-VLOOKUP(R$1,városok!$A$2:$C$346,2,0))^2+(VLOOKUP($A158,városok!$A$2:$C$346,3,0)-VLOOKUP(R$1,városok!$A$2:$C$346,3,0))^2)/1000,0)</f>
        <v>202</v>
      </c>
      <c r="S158">
        <f ca="1">ROUND(SQRT((VLOOKUP($A158,városok!$A$2:$C$346,2,0)-VLOOKUP(S$1,városok!$A$2:$C$346,2,0))^2+(VLOOKUP($A158,városok!$A$2:$C$346,3,0)-VLOOKUP(S$1,városok!$A$2:$C$346,3,0))^2)/1000,0)</f>
        <v>197</v>
      </c>
      <c r="T158">
        <f ca="1">ROUND(SQRT((VLOOKUP($A158,városok!$A$2:$C$346,2,0)-VLOOKUP(T$1,városok!$A$2:$C$346,2,0))^2+(VLOOKUP($A158,városok!$A$2:$C$346,3,0)-VLOOKUP(T$1,városok!$A$2:$C$346,3,0))^2)/1000,0)</f>
        <v>125</v>
      </c>
      <c r="U158">
        <f ca="1">ROUND(SQRT((VLOOKUP($A158,városok!$A$2:$C$346,2,0)-VLOOKUP(U$1,városok!$A$2:$C$346,2,0))^2+(VLOOKUP($A158,városok!$A$2:$C$346,3,0)-VLOOKUP(U$1,városok!$A$2:$C$346,3,0))^2)/1000,0)</f>
        <v>146</v>
      </c>
      <c r="V158">
        <f ca="1">ROUND(SQRT((VLOOKUP($A158,városok!$A$2:$C$346,2,0)-VLOOKUP(V$1,városok!$A$2:$C$346,2,0))^2+(VLOOKUP($A158,városok!$A$2:$C$346,3,0)-VLOOKUP(V$1,városok!$A$2:$C$346,3,0))^2)/1000,0)</f>
        <v>172</v>
      </c>
      <c r="W158">
        <f ca="1">ROUND(SQRT((VLOOKUP($A158,városok!$A$2:$C$346,2,0)-VLOOKUP(W$1,városok!$A$2:$C$346,2,0))^2+(VLOOKUP($A158,városok!$A$2:$C$346,3,0)-VLOOKUP(W$1,városok!$A$2:$C$346,3,0))^2)/1000,0)</f>
        <v>168</v>
      </c>
      <c r="X158">
        <f ca="1">ROUND(SQRT((VLOOKUP($A158,városok!$A$2:$C$346,2,0)-VLOOKUP(X$1,városok!$A$2:$C$346,2,0))^2+(VLOOKUP($A158,városok!$A$2:$C$346,3,0)-VLOOKUP(X$1,városok!$A$2:$C$346,3,0))^2)/1000,0)</f>
        <v>156</v>
      </c>
      <c r="Y158">
        <f ca="1">ROUND(SQRT((VLOOKUP($A158,városok!$A$2:$C$346,2,0)-VLOOKUP(Y$1,városok!$A$2:$C$346,2,0))^2+(VLOOKUP($A158,városok!$A$2:$C$346,3,0)-VLOOKUP(Y$1,városok!$A$2:$C$346,3,0))^2)/1000,0)</f>
        <v>188</v>
      </c>
      <c r="Z158">
        <f ca="1">ROUND(SQRT((VLOOKUP($A158,városok!$A$2:$C$346,2,0)-VLOOKUP(Z$1,városok!$A$2:$C$346,2,0))^2+(VLOOKUP($A158,városok!$A$2:$C$346,3,0)-VLOOKUP(Z$1,városok!$A$2:$C$346,3,0))^2)/1000,0)</f>
        <v>205</v>
      </c>
      <c r="AA158">
        <f ca="1">ROUND(SQRT((VLOOKUP($A158,városok!$A$2:$C$346,2,0)-VLOOKUP(AA$1,városok!$A$2:$C$346,2,0))^2+(VLOOKUP($A158,városok!$A$2:$C$346,3,0)-VLOOKUP(AA$1,városok!$A$2:$C$346,3,0))^2)/1000,0)</f>
        <v>266</v>
      </c>
      <c r="AB158">
        <f ca="1">ROUND(SQRT((VLOOKUP($A158,városok!$A$2:$C$346,2,0)-VLOOKUP(AB$1,városok!$A$2:$C$346,2,0))^2+(VLOOKUP($A158,városok!$A$2:$C$346,3,0)-VLOOKUP(AB$1,városok!$A$2:$C$346,3,0))^2)/1000,0)</f>
        <v>127</v>
      </c>
      <c r="AC158">
        <f ca="1">ROUND(SQRT((VLOOKUP($A158,városok!$A$2:$C$346,2,0)-VLOOKUP(AC$1,városok!$A$2:$C$346,2,0))^2+(VLOOKUP($A158,városok!$A$2:$C$346,3,0)-VLOOKUP(AC$1,városok!$A$2:$C$346,3,0))^2)/1000,0)</f>
        <v>117</v>
      </c>
      <c r="AD158">
        <f ca="1">ROUND(SQRT((VLOOKUP($A158,városok!$A$2:$C$346,2,0)-VLOOKUP(AD$1,városok!$A$2:$C$346,2,0))^2+(VLOOKUP($A158,városok!$A$2:$C$346,3,0)-VLOOKUP(AD$1,városok!$A$2:$C$346,3,0))^2)/1000,0)</f>
        <v>103</v>
      </c>
      <c r="AE158">
        <f ca="1">ROUND(SQRT((VLOOKUP($A158,városok!$A$2:$C$346,2,0)-VLOOKUP(AE$1,városok!$A$2:$C$346,2,0))^2+(VLOOKUP($A158,városok!$A$2:$C$346,3,0)-VLOOKUP(AE$1,városok!$A$2:$C$346,3,0))^2)/1000,0)</f>
        <v>115</v>
      </c>
      <c r="AF158">
        <f ca="1">ROUND(SQRT((VLOOKUP($A158,városok!$A$2:$C$346,2,0)-VLOOKUP(AF$1,városok!$A$2:$C$346,2,0))^2+(VLOOKUP($A158,városok!$A$2:$C$346,3,0)-VLOOKUP(AF$1,városok!$A$2:$C$346,3,0))^2)/1000,0)</f>
        <v>25</v>
      </c>
      <c r="AG158">
        <f ca="1">ROUND(SQRT((VLOOKUP($A158,városok!$A$2:$C$346,2,0)-VLOOKUP(AG$1,városok!$A$2:$C$346,2,0))^2+(VLOOKUP($A158,városok!$A$2:$C$346,3,0)-VLOOKUP(AG$1,városok!$A$2:$C$346,3,0))^2)/1000,0)</f>
        <v>29</v>
      </c>
      <c r="AH158">
        <f ca="1">ROUND(SQRT((VLOOKUP($A158,városok!$A$2:$C$346,2,0)-VLOOKUP(AH$1,városok!$A$2:$C$346,2,0))^2+(VLOOKUP($A158,városok!$A$2:$C$346,3,0)-VLOOKUP(AH$1,városok!$A$2:$C$346,3,0))^2)/1000,0)</f>
        <v>50</v>
      </c>
      <c r="AI158">
        <f ca="1">ROUND(SQRT((VLOOKUP($A158,városok!$A$2:$C$346,2,0)-VLOOKUP(AI$1,városok!$A$2:$C$346,2,0))^2+(VLOOKUP($A158,városok!$A$2:$C$346,3,0)-VLOOKUP(AI$1,városok!$A$2:$C$346,3,0))^2)/1000,0)</f>
        <v>0</v>
      </c>
      <c r="AJ158">
        <f ca="1">ROUND(SQRT((VLOOKUP($A158,városok!$A$2:$C$346,2,0)-VLOOKUP(AJ$1,városok!$A$2:$C$346,2,0))^2+(VLOOKUP($A158,városok!$A$2:$C$346,3,0)-VLOOKUP(AJ$1,városok!$A$2:$C$346,3,0))^2)/1000,0)</f>
        <v>43</v>
      </c>
      <c r="AK158">
        <f ca="1">ROUND(SQRT((VLOOKUP($A158,városok!$A$2:$C$346,2,0)-VLOOKUP(AK$1,városok!$A$2:$C$346,2,0))^2+(VLOOKUP($A158,városok!$A$2:$C$346,3,0)-VLOOKUP(AK$1,városok!$A$2:$C$346,3,0))^2)/1000,0)</f>
        <v>105</v>
      </c>
      <c r="AL158">
        <f ca="1">ROUND(SQRT((VLOOKUP($A158,városok!$A$2:$C$346,2,0)-VLOOKUP(AL$1,városok!$A$2:$C$346,2,0))^2+(VLOOKUP($A158,városok!$A$2:$C$346,3,0)-VLOOKUP(AL$1,városok!$A$2:$C$346,3,0))^2)/1000,0)</f>
        <v>83</v>
      </c>
      <c r="AM158">
        <f ca="1">ROUND(SQRT((VLOOKUP($A158,városok!$A$2:$C$346,2,0)-VLOOKUP(AM$1,városok!$A$2:$C$346,2,0))^2+(VLOOKUP($A158,városok!$A$2:$C$346,3,0)-VLOOKUP(AM$1,városok!$A$2:$C$346,3,0))^2)/1000,0)</f>
        <v>94</v>
      </c>
      <c r="AN158">
        <f ca="1">ROUND(SQRT((VLOOKUP($A158,városok!$A$2:$C$346,2,0)-VLOOKUP(AN$1,városok!$A$2:$C$346,2,0))^2+(VLOOKUP($A158,városok!$A$2:$C$346,3,0)-VLOOKUP(AN$1,városok!$A$2:$C$346,3,0))^2)/1000,0)</f>
        <v>104</v>
      </c>
      <c r="AO158">
        <f ca="1">ROUND(SQRT((VLOOKUP($A158,városok!$A$2:$C$346,2,0)-VLOOKUP(AO$1,városok!$A$2:$C$346,2,0))^2+(VLOOKUP($A158,városok!$A$2:$C$346,3,0)-VLOOKUP(AO$1,városok!$A$2:$C$346,3,0))^2)/1000,0)</f>
        <v>151</v>
      </c>
      <c r="AP158">
        <f ca="1">ROUND(SQRT((VLOOKUP($A158,városok!$A$2:$C$346,2,0)-VLOOKUP(AP$1,városok!$A$2:$C$346,2,0))^2+(VLOOKUP($A158,városok!$A$2:$C$346,3,0)-VLOOKUP(AP$1,városok!$A$2:$C$346,3,0))^2)/1000,0)</f>
        <v>139</v>
      </c>
      <c r="AQ158">
        <f ca="1">ROUND(SQRT((VLOOKUP($A158,városok!$A$2:$C$346,2,0)-VLOOKUP(AQ$1,városok!$A$2:$C$346,2,0))^2+(VLOOKUP($A158,városok!$A$2:$C$346,3,0)-VLOOKUP(AQ$1,városok!$A$2:$C$346,3,0))^2)/1000,0)</f>
        <v>136</v>
      </c>
      <c r="AR158">
        <f ca="1">ROUND(SQRT((VLOOKUP($A158,városok!$A$2:$C$346,2,0)-VLOOKUP(AR$1,városok!$A$2:$C$346,2,0))^2+(VLOOKUP($A158,városok!$A$2:$C$346,3,0)-VLOOKUP(AR$1,városok!$A$2:$C$346,3,0))^2)/1000,0)</f>
        <v>32</v>
      </c>
      <c r="AS158">
        <f ca="1">ROUND(SQRT((VLOOKUP($A158,városok!$A$2:$C$346,2,0)-VLOOKUP(AS$1,városok!$A$2:$C$346,2,0))^2+(VLOOKUP($A158,városok!$A$2:$C$346,3,0)-VLOOKUP(AS$1,városok!$A$2:$C$346,3,0))^2)/1000,0)</f>
        <v>24</v>
      </c>
      <c r="AT158">
        <f ca="1">ROUND(SQRT((VLOOKUP($A158,városok!$A$2:$C$346,2,0)-VLOOKUP(AT$1,városok!$A$2:$C$346,2,0))^2+(VLOOKUP($A158,városok!$A$2:$C$346,3,0)-VLOOKUP(AT$1,városok!$A$2:$C$346,3,0))^2)/1000,0)</f>
        <v>114</v>
      </c>
      <c r="AU158">
        <f ca="1">ROUND(SQRT((VLOOKUP($A158,városok!$A$2:$C$346,2,0)-VLOOKUP(AU$1,városok!$A$2:$C$346,2,0))^2+(VLOOKUP($A158,városok!$A$2:$C$346,3,0)-VLOOKUP(AU$1,városok!$A$2:$C$346,3,0))^2)/1000,0)</f>
        <v>106</v>
      </c>
      <c r="AV158">
        <f ca="1">ROUND(SQRT((VLOOKUP($A158,városok!$A$2:$C$346,2,0)-VLOOKUP(AV$1,városok!$A$2:$C$346,2,0))^2+(VLOOKUP($A158,városok!$A$2:$C$346,3,0)-VLOOKUP(AV$1,városok!$A$2:$C$346,3,0))^2)/1000,0)</f>
        <v>110</v>
      </c>
      <c r="AW158">
        <f ca="1">ROUND(SQRT((VLOOKUP($A158,városok!$A$2:$C$346,2,0)-VLOOKUP(AW$1,városok!$A$2:$C$346,2,0))^2+(VLOOKUP($A158,városok!$A$2:$C$346,3,0)-VLOOKUP(AW$1,városok!$A$2:$C$346,3,0))^2)/1000,0)</f>
        <v>113</v>
      </c>
      <c r="AX158">
        <f ca="1">ROUND(SQRT((VLOOKUP($A158,városok!$A$2:$C$346,2,0)-VLOOKUP(AX$1,városok!$A$2:$C$346,2,0))^2+(VLOOKUP($A158,városok!$A$2:$C$346,3,0)-VLOOKUP(AX$1,városok!$A$2:$C$346,3,0))^2)/1000,0)</f>
        <v>113</v>
      </c>
      <c r="AY158">
        <f ca="1">ROUND(SQRT((VLOOKUP($A158,városok!$A$2:$C$346,2,0)-VLOOKUP(AY$1,városok!$A$2:$C$346,2,0))^2+(VLOOKUP($A158,városok!$A$2:$C$346,3,0)-VLOOKUP(AY$1,városok!$A$2:$C$346,3,0))^2)/1000,0)</f>
        <v>86</v>
      </c>
      <c r="AZ158">
        <f ca="1">ROUND(SQRT((VLOOKUP($A158,városok!$A$2:$C$346,2,0)-VLOOKUP(AZ$1,városok!$A$2:$C$346,2,0))^2+(VLOOKUP($A158,városok!$A$2:$C$346,3,0)-VLOOKUP(AZ$1,városok!$A$2:$C$346,3,0))^2)/1000,0)</f>
        <v>88</v>
      </c>
      <c r="BA158">
        <f ca="1">ROUND(SQRT((VLOOKUP($A158,városok!$A$2:$C$346,2,0)-VLOOKUP(BA$1,városok!$A$2:$C$346,2,0))^2+(VLOOKUP($A158,városok!$A$2:$C$346,3,0)-VLOOKUP(BA$1,városok!$A$2:$C$346,3,0))^2)/1000,0)</f>
        <v>227</v>
      </c>
      <c r="BB158">
        <f ca="1">ROUND(SQRT((VLOOKUP($A158,városok!$A$2:$C$346,2,0)-VLOOKUP(BB$1,városok!$A$2:$C$346,2,0))^2+(VLOOKUP($A158,városok!$A$2:$C$346,3,0)-VLOOKUP(BB$1,városok!$A$2:$C$346,3,0))^2)/1000,0)</f>
        <v>232</v>
      </c>
      <c r="BC158">
        <f ca="1">ROUND(SQRT((VLOOKUP($A158,városok!$A$2:$C$346,2,0)-VLOOKUP(BC$1,városok!$A$2:$C$346,2,0))^2+(VLOOKUP($A158,városok!$A$2:$C$346,3,0)-VLOOKUP(BC$1,városok!$A$2:$C$346,3,0))^2)/1000,0)</f>
        <v>254</v>
      </c>
      <c r="BD158">
        <f ca="1">ROUND(SQRT((VLOOKUP($A158,városok!$A$2:$C$346,2,0)-VLOOKUP(BD$1,városok!$A$2:$C$346,2,0))^2+(VLOOKUP($A158,városok!$A$2:$C$346,3,0)-VLOOKUP(BD$1,városok!$A$2:$C$346,3,0))^2)/1000,0)</f>
        <v>197</v>
      </c>
      <c r="BE158">
        <f ca="1">ROUND(SQRT((VLOOKUP($A158,városok!$A$2:$C$346,2,0)-VLOOKUP(BE$1,városok!$A$2:$C$346,2,0))^2+(VLOOKUP($A158,városok!$A$2:$C$346,3,0)-VLOOKUP(BE$1,városok!$A$2:$C$346,3,0))^2)/1000,0)</f>
        <v>193</v>
      </c>
      <c r="BF158">
        <f ca="1">ROUND(SQRT((VLOOKUP($A158,városok!$A$2:$C$346,2,0)-VLOOKUP(BF$1,városok!$A$2:$C$346,2,0))^2+(VLOOKUP($A158,városok!$A$2:$C$346,3,0)-VLOOKUP(BF$1,városok!$A$2:$C$346,3,0))^2)/1000,0)</f>
        <v>149</v>
      </c>
      <c r="BG158">
        <f ca="1">ROUND(SQRT((VLOOKUP($A158,városok!$A$2:$C$346,2,0)-VLOOKUP(BG$1,városok!$A$2:$C$346,2,0))^2+(VLOOKUP($A158,városok!$A$2:$C$346,3,0)-VLOOKUP(BG$1,városok!$A$2:$C$346,3,0))^2)/1000,0)</f>
        <v>103</v>
      </c>
      <c r="BH158">
        <f ca="1">ROUND(SQRT((VLOOKUP($A158,városok!$A$2:$C$346,2,0)-VLOOKUP(BH$1,városok!$A$2:$C$346,2,0))^2+(VLOOKUP($A158,városok!$A$2:$C$346,3,0)-VLOOKUP(BH$1,városok!$A$2:$C$346,3,0))^2)/1000,0)</f>
        <v>102</v>
      </c>
      <c r="BI158">
        <f ca="1">ROUND(SQRT((VLOOKUP($A158,városok!$A$2:$C$346,2,0)-VLOOKUP(BI$1,városok!$A$2:$C$346,2,0))^2+(VLOOKUP($A158,városok!$A$2:$C$346,3,0)-VLOOKUP(BI$1,városok!$A$2:$C$346,3,0))^2)/1000,0)</f>
        <v>212</v>
      </c>
      <c r="BJ158">
        <f ca="1">ROUND(SQRT((VLOOKUP($A158,városok!$A$2:$C$346,2,0)-VLOOKUP(BJ$1,városok!$A$2:$C$346,2,0))^2+(VLOOKUP($A158,városok!$A$2:$C$346,3,0)-VLOOKUP(BJ$1,városok!$A$2:$C$346,3,0))^2)/1000,0)</f>
        <v>230</v>
      </c>
      <c r="BK158">
        <f ca="1">ROUND(SQRT((VLOOKUP($A158,városok!$A$2:$C$346,2,0)-VLOOKUP(BK$1,városok!$A$2:$C$346,2,0))^2+(VLOOKUP($A158,városok!$A$2:$C$346,3,0)-VLOOKUP(BK$1,városok!$A$2:$C$346,3,0))^2)/1000,0)</f>
        <v>214</v>
      </c>
      <c r="BL158">
        <f ca="1">ROUND(SQRT((VLOOKUP($A158,városok!$A$2:$C$346,2,0)-VLOOKUP(BL$1,városok!$A$2:$C$346,2,0))^2+(VLOOKUP($A158,városok!$A$2:$C$346,3,0)-VLOOKUP(BL$1,városok!$A$2:$C$346,3,0))^2)/1000,0)</f>
        <v>286</v>
      </c>
      <c r="BM158">
        <f ca="1">ROUND(SQRT((VLOOKUP($A158,városok!$A$2:$C$346,2,0)-VLOOKUP(BM$1,városok!$A$2:$C$346,2,0))^2+(VLOOKUP($A158,városok!$A$2:$C$346,3,0)-VLOOKUP(BM$1,városok!$A$2:$C$346,3,0))^2)/1000,0)</f>
        <v>252</v>
      </c>
      <c r="BN158">
        <f ca="1">ROUND(SQRT((VLOOKUP($A158,városok!$A$2:$C$346,2,0)-VLOOKUP(BN$1,városok!$A$2:$C$346,2,0))^2+(VLOOKUP($A158,városok!$A$2:$C$346,3,0)-VLOOKUP(BN$1,városok!$A$2:$C$346,3,0))^2)/1000,0)</f>
        <v>275</v>
      </c>
      <c r="BO158">
        <f ca="1">ROUND(SQRT((VLOOKUP($A158,városok!$A$2:$C$346,2,0)-VLOOKUP(BO$1,városok!$A$2:$C$346,2,0))^2+(VLOOKUP($A158,városok!$A$2:$C$346,3,0)-VLOOKUP(BO$1,városok!$A$2:$C$346,3,0))^2)/1000,0)</f>
        <v>192</v>
      </c>
      <c r="BP158">
        <f ca="1">ROUND(SQRT((VLOOKUP($A158,városok!$A$2:$C$346,2,0)-VLOOKUP(BP$1,városok!$A$2:$C$346,2,0))^2+(VLOOKUP($A158,városok!$A$2:$C$346,3,0)-VLOOKUP(BP$1,városok!$A$2:$C$346,3,0))^2)/1000,0)</f>
        <v>185</v>
      </c>
      <c r="BQ158">
        <f ca="1">ROUND(SQRT((VLOOKUP($A158,városok!$A$2:$C$346,2,0)-VLOOKUP(BQ$1,városok!$A$2:$C$346,2,0))^2+(VLOOKUP($A158,városok!$A$2:$C$346,3,0)-VLOOKUP(BQ$1,városok!$A$2:$C$346,3,0))^2)/1000,0)</f>
        <v>194</v>
      </c>
      <c r="BR158">
        <f ca="1">ROUND(SQRT((VLOOKUP($A158,városok!$A$2:$C$346,2,0)-VLOOKUP(BR$1,városok!$A$2:$C$346,2,0))^2+(VLOOKUP($A158,városok!$A$2:$C$346,3,0)-VLOOKUP(BR$1,városok!$A$2:$C$346,3,0))^2)/1000,0)</f>
        <v>256</v>
      </c>
      <c r="BS158">
        <f ca="1">ROUND(SQRT((VLOOKUP($A158,városok!$A$2:$C$346,2,0)-VLOOKUP(BS$1,városok!$A$2:$C$346,2,0))^2+(VLOOKUP($A158,városok!$A$2:$C$346,3,0)-VLOOKUP(BS$1,városok!$A$2:$C$346,3,0))^2)/1000,0)</f>
        <v>293</v>
      </c>
      <c r="BT158">
        <f ca="1">ROUND(SQRT((VLOOKUP($A158,városok!$A$2:$C$346,2,0)-VLOOKUP(BT$1,városok!$A$2:$C$346,2,0))^2+(VLOOKUP($A158,városok!$A$2:$C$346,3,0)-VLOOKUP(BT$1,városok!$A$2:$C$346,3,0))^2)/1000,0)</f>
        <v>279</v>
      </c>
    </row>
    <row r="159" spans="1:72" x14ac:dyDescent="0.2">
      <c r="A159" t="str">
        <f>városok!A159</f>
        <v>Verpelét</v>
      </c>
      <c r="B159">
        <f ca="1">ROUND(SQRT((VLOOKUP($A159,városok!$A$2:$C$346,2,0)-VLOOKUP(B$1,városok!$A$2:$C$346,2,0))^2+(VLOOKUP($A159,városok!$A$2:$C$346,3,0)-VLOOKUP(B$1,városok!$A$2:$C$346,3,0))^2)/1000,0)</f>
        <v>208</v>
      </c>
      <c r="C159">
        <f ca="1">ROUND(SQRT((VLOOKUP($A159,városok!$A$2:$C$346,2,0)-VLOOKUP(C$1,városok!$A$2:$C$346,2,0))^2+(VLOOKUP($A159,városok!$A$2:$C$346,3,0)-VLOOKUP(C$1,városok!$A$2:$C$346,3,0))^2)/1000,0)</f>
        <v>174</v>
      </c>
      <c r="D159">
        <f ca="1">ROUND(SQRT((VLOOKUP($A159,városok!$A$2:$C$346,2,0)-VLOOKUP(D$1,városok!$A$2:$C$346,2,0))^2+(VLOOKUP($A159,városok!$A$2:$C$346,3,0)-VLOOKUP(D$1,városok!$A$2:$C$346,3,0))^2)/1000,0)</f>
        <v>112</v>
      </c>
      <c r="E159">
        <f ca="1">ROUND(SQRT((VLOOKUP($A159,városok!$A$2:$C$346,2,0)-VLOOKUP(E$1,városok!$A$2:$C$346,2,0))^2+(VLOOKUP($A159,városok!$A$2:$C$346,3,0)-VLOOKUP(E$1,városok!$A$2:$C$346,3,0))^2)/1000,0)</f>
        <v>237</v>
      </c>
      <c r="F159">
        <f ca="1">ROUND(SQRT((VLOOKUP($A159,városok!$A$2:$C$346,2,0)-VLOOKUP(F$1,városok!$A$2:$C$346,2,0))^2+(VLOOKUP($A159,városok!$A$2:$C$346,3,0)-VLOOKUP(F$1,városok!$A$2:$C$346,3,0))^2)/1000,0)</f>
        <v>237</v>
      </c>
      <c r="G159">
        <f ca="1">ROUND(SQRT((VLOOKUP($A159,városok!$A$2:$C$346,2,0)-VLOOKUP(G$1,városok!$A$2:$C$346,2,0))^2+(VLOOKUP($A159,városok!$A$2:$C$346,3,0)-VLOOKUP(G$1,városok!$A$2:$C$346,3,0))^2)/1000,0)</f>
        <v>248</v>
      </c>
      <c r="H159">
        <f ca="1">ROUND(SQRT((VLOOKUP($A159,városok!$A$2:$C$346,2,0)-VLOOKUP(H$1,városok!$A$2:$C$346,2,0))^2+(VLOOKUP($A159,városok!$A$2:$C$346,3,0)-VLOOKUP(H$1,városok!$A$2:$C$346,3,0))^2)/1000,0)</f>
        <v>272</v>
      </c>
      <c r="I159">
        <f ca="1">ROUND(SQRT((VLOOKUP($A159,városok!$A$2:$C$346,2,0)-VLOOKUP(I$1,városok!$A$2:$C$346,2,0))^2+(VLOOKUP($A159,városok!$A$2:$C$346,3,0)-VLOOKUP(I$1,városok!$A$2:$C$346,3,0))^2)/1000,0)</f>
        <v>145</v>
      </c>
      <c r="J159">
        <f ca="1">ROUND(SQRT((VLOOKUP($A159,városok!$A$2:$C$346,2,0)-VLOOKUP(J$1,városok!$A$2:$C$346,2,0))^2+(VLOOKUP($A159,városok!$A$2:$C$346,3,0)-VLOOKUP(J$1,városok!$A$2:$C$346,3,0))^2)/1000,0)</f>
        <v>155</v>
      </c>
      <c r="K159">
        <f ca="1">ROUND(SQRT((VLOOKUP($A159,városok!$A$2:$C$346,2,0)-VLOOKUP(K$1,városok!$A$2:$C$346,2,0))^2+(VLOOKUP($A159,városok!$A$2:$C$346,3,0)-VLOOKUP(K$1,városok!$A$2:$C$346,3,0))^2)/1000,0)</f>
        <v>147</v>
      </c>
      <c r="L159">
        <f ca="1">ROUND(SQRT((VLOOKUP($A159,városok!$A$2:$C$346,2,0)-VLOOKUP(L$1,városok!$A$2:$C$346,2,0))^2+(VLOOKUP($A159,városok!$A$2:$C$346,3,0)-VLOOKUP(L$1,városok!$A$2:$C$346,3,0))^2)/1000,0)</f>
        <v>55</v>
      </c>
      <c r="M159">
        <f ca="1">ROUND(SQRT((VLOOKUP($A159,városok!$A$2:$C$346,2,0)-VLOOKUP(M$1,városok!$A$2:$C$346,2,0))^2+(VLOOKUP($A159,városok!$A$2:$C$346,3,0)-VLOOKUP(M$1,városok!$A$2:$C$346,3,0))^2)/1000,0)</f>
        <v>51</v>
      </c>
      <c r="N159">
        <f ca="1">ROUND(SQRT((VLOOKUP($A159,városok!$A$2:$C$346,2,0)-VLOOKUP(N$1,városok!$A$2:$C$346,2,0))^2+(VLOOKUP($A159,városok!$A$2:$C$346,3,0)-VLOOKUP(N$1,városok!$A$2:$C$346,3,0))^2)/1000,0)</f>
        <v>42</v>
      </c>
      <c r="O159">
        <f ca="1">ROUND(SQRT((VLOOKUP($A159,városok!$A$2:$C$346,2,0)-VLOOKUP(O$1,városok!$A$2:$C$346,2,0))^2+(VLOOKUP($A159,városok!$A$2:$C$346,3,0)-VLOOKUP(O$1,városok!$A$2:$C$346,3,0))^2)/1000,0)</f>
        <v>122</v>
      </c>
      <c r="P159">
        <f ca="1">ROUND(SQRT((VLOOKUP($A159,városok!$A$2:$C$346,2,0)-VLOOKUP(P$1,városok!$A$2:$C$346,2,0))^2+(VLOOKUP($A159,városok!$A$2:$C$346,3,0)-VLOOKUP(P$1,városok!$A$2:$C$346,3,0))^2)/1000,0)</f>
        <v>123</v>
      </c>
      <c r="Q159">
        <f ca="1">ROUND(SQRT((VLOOKUP($A159,városok!$A$2:$C$346,2,0)-VLOOKUP(Q$1,városok!$A$2:$C$346,2,0))^2+(VLOOKUP($A159,városok!$A$2:$C$346,3,0)-VLOOKUP(Q$1,városok!$A$2:$C$346,3,0))^2)/1000,0)</f>
        <v>159</v>
      </c>
      <c r="R159">
        <f ca="1">ROUND(SQRT((VLOOKUP($A159,városok!$A$2:$C$346,2,0)-VLOOKUP(R$1,városok!$A$2:$C$346,2,0))^2+(VLOOKUP($A159,városok!$A$2:$C$346,3,0)-VLOOKUP(R$1,városok!$A$2:$C$346,3,0))^2)/1000,0)</f>
        <v>182</v>
      </c>
      <c r="S159">
        <f ca="1">ROUND(SQRT((VLOOKUP($A159,városok!$A$2:$C$346,2,0)-VLOOKUP(S$1,városok!$A$2:$C$346,2,0))^2+(VLOOKUP($A159,városok!$A$2:$C$346,3,0)-VLOOKUP(S$1,városok!$A$2:$C$346,3,0))^2)/1000,0)</f>
        <v>178</v>
      </c>
      <c r="T159">
        <f ca="1">ROUND(SQRT((VLOOKUP($A159,városok!$A$2:$C$346,2,0)-VLOOKUP(T$1,városok!$A$2:$C$346,2,0))^2+(VLOOKUP($A159,városok!$A$2:$C$346,3,0)-VLOOKUP(T$1,városok!$A$2:$C$346,3,0))^2)/1000,0)</f>
        <v>126</v>
      </c>
      <c r="U159">
        <f ca="1">ROUND(SQRT((VLOOKUP($A159,városok!$A$2:$C$346,2,0)-VLOOKUP(U$1,városok!$A$2:$C$346,2,0))^2+(VLOOKUP($A159,városok!$A$2:$C$346,3,0)-VLOOKUP(U$1,városok!$A$2:$C$346,3,0))^2)/1000,0)</f>
        <v>138</v>
      </c>
      <c r="V159">
        <f ca="1">ROUND(SQRT((VLOOKUP($A159,városok!$A$2:$C$346,2,0)-VLOOKUP(V$1,városok!$A$2:$C$346,2,0))^2+(VLOOKUP($A159,városok!$A$2:$C$346,3,0)-VLOOKUP(V$1,városok!$A$2:$C$346,3,0))^2)/1000,0)</f>
        <v>169</v>
      </c>
      <c r="W159">
        <f ca="1">ROUND(SQRT((VLOOKUP($A159,városok!$A$2:$C$346,2,0)-VLOOKUP(W$1,városok!$A$2:$C$346,2,0))^2+(VLOOKUP($A159,városok!$A$2:$C$346,3,0)-VLOOKUP(W$1,városok!$A$2:$C$346,3,0))^2)/1000,0)</f>
        <v>161</v>
      </c>
      <c r="X159">
        <f ca="1">ROUND(SQRT((VLOOKUP($A159,városok!$A$2:$C$346,2,0)-VLOOKUP(X$1,városok!$A$2:$C$346,2,0))^2+(VLOOKUP($A159,városok!$A$2:$C$346,3,0)-VLOOKUP(X$1,városok!$A$2:$C$346,3,0))^2)/1000,0)</f>
        <v>156</v>
      </c>
      <c r="Y159">
        <f ca="1">ROUND(SQRT((VLOOKUP($A159,városok!$A$2:$C$346,2,0)-VLOOKUP(Y$1,városok!$A$2:$C$346,2,0))^2+(VLOOKUP($A159,városok!$A$2:$C$346,3,0)-VLOOKUP(Y$1,városok!$A$2:$C$346,3,0))^2)/1000,0)</f>
        <v>195</v>
      </c>
      <c r="Z159">
        <f ca="1">ROUND(SQRT((VLOOKUP($A159,városok!$A$2:$C$346,2,0)-VLOOKUP(Z$1,városok!$A$2:$C$346,2,0))^2+(VLOOKUP($A159,városok!$A$2:$C$346,3,0)-VLOOKUP(Z$1,városok!$A$2:$C$346,3,0))^2)/1000,0)</f>
        <v>213</v>
      </c>
      <c r="AA159">
        <f ca="1">ROUND(SQRT((VLOOKUP($A159,városok!$A$2:$C$346,2,0)-VLOOKUP(AA$1,városok!$A$2:$C$346,2,0))^2+(VLOOKUP($A159,városok!$A$2:$C$346,3,0)-VLOOKUP(AA$1,városok!$A$2:$C$346,3,0))^2)/1000,0)</f>
        <v>274</v>
      </c>
      <c r="AB159">
        <f ca="1">ROUND(SQRT((VLOOKUP($A159,városok!$A$2:$C$346,2,0)-VLOOKUP(AB$1,városok!$A$2:$C$346,2,0))^2+(VLOOKUP($A159,városok!$A$2:$C$346,3,0)-VLOOKUP(AB$1,városok!$A$2:$C$346,3,0))^2)/1000,0)</f>
        <v>111</v>
      </c>
      <c r="AC159">
        <f ca="1">ROUND(SQRT((VLOOKUP($A159,városok!$A$2:$C$346,2,0)-VLOOKUP(AC$1,városok!$A$2:$C$346,2,0))^2+(VLOOKUP($A159,városok!$A$2:$C$346,3,0)-VLOOKUP(AC$1,városok!$A$2:$C$346,3,0))^2)/1000,0)</f>
        <v>99</v>
      </c>
      <c r="AD159">
        <f ca="1">ROUND(SQRT((VLOOKUP($A159,városok!$A$2:$C$346,2,0)-VLOOKUP(AD$1,városok!$A$2:$C$346,2,0))^2+(VLOOKUP($A159,városok!$A$2:$C$346,3,0)-VLOOKUP(AD$1,városok!$A$2:$C$346,3,0))^2)/1000,0)</f>
        <v>84</v>
      </c>
      <c r="AE159">
        <f ca="1">ROUND(SQRT((VLOOKUP($A159,városok!$A$2:$C$346,2,0)-VLOOKUP(AE$1,városok!$A$2:$C$346,2,0))^2+(VLOOKUP($A159,városok!$A$2:$C$346,3,0)-VLOOKUP(AE$1,városok!$A$2:$C$346,3,0))^2)/1000,0)</f>
        <v>95</v>
      </c>
      <c r="AF159">
        <f ca="1">ROUND(SQRT((VLOOKUP($A159,városok!$A$2:$C$346,2,0)-VLOOKUP(AF$1,városok!$A$2:$C$346,2,0))^2+(VLOOKUP($A159,városok!$A$2:$C$346,3,0)-VLOOKUP(AF$1,városok!$A$2:$C$346,3,0))^2)/1000,0)</f>
        <v>13</v>
      </c>
      <c r="AG159">
        <f ca="1">ROUND(SQRT((VLOOKUP($A159,városok!$A$2:$C$346,2,0)-VLOOKUP(AG$1,városok!$A$2:$C$346,2,0))^2+(VLOOKUP($A159,városok!$A$2:$C$346,3,0)-VLOOKUP(AG$1,városok!$A$2:$C$346,3,0))^2)/1000,0)</f>
        <v>24</v>
      </c>
      <c r="AH159">
        <f ca="1">ROUND(SQRT((VLOOKUP($A159,városok!$A$2:$C$346,2,0)-VLOOKUP(AH$1,városok!$A$2:$C$346,2,0))^2+(VLOOKUP($A159,városok!$A$2:$C$346,3,0)-VLOOKUP(AH$1,városok!$A$2:$C$346,3,0))^2)/1000,0)</f>
        <v>46</v>
      </c>
      <c r="AI159">
        <f ca="1">ROUND(SQRT((VLOOKUP($A159,városok!$A$2:$C$346,2,0)-VLOOKUP(AI$1,városok!$A$2:$C$346,2,0))^2+(VLOOKUP($A159,városok!$A$2:$C$346,3,0)-VLOOKUP(AI$1,városok!$A$2:$C$346,3,0))^2)/1000,0)</f>
        <v>22</v>
      </c>
      <c r="AJ159">
        <f ca="1">ROUND(SQRT((VLOOKUP($A159,városok!$A$2:$C$346,2,0)-VLOOKUP(AJ$1,városok!$A$2:$C$346,2,0))^2+(VLOOKUP($A159,városok!$A$2:$C$346,3,0)-VLOOKUP(AJ$1,városok!$A$2:$C$346,3,0))^2)/1000,0)</f>
        <v>29</v>
      </c>
      <c r="AK159">
        <f ca="1">ROUND(SQRT((VLOOKUP($A159,városok!$A$2:$C$346,2,0)-VLOOKUP(AK$1,városok!$A$2:$C$346,2,0))^2+(VLOOKUP($A159,városok!$A$2:$C$346,3,0)-VLOOKUP(AK$1,városok!$A$2:$C$346,3,0))^2)/1000,0)</f>
        <v>84</v>
      </c>
      <c r="AL159">
        <f ca="1">ROUND(SQRT((VLOOKUP($A159,városok!$A$2:$C$346,2,0)-VLOOKUP(AL$1,városok!$A$2:$C$346,2,0))^2+(VLOOKUP($A159,városok!$A$2:$C$346,3,0)-VLOOKUP(AL$1,városok!$A$2:$C$346,3,0))^2)/1000,0)</f>
        <v>61</v>
      </c>
      <c r="AM159">
        <f ca="1">ROUND(SQRT((VLOOKUP($A159,városok!$A$2:$C$346,2,0)-VLOOKUP(AM$1,városok!$A$2:$C$346,2,0))^2+(VLOOKUP($A159,városok!$A$2:$C$346,3,0)-VLOOKUP(AM$1,városok!$A$2:$C$346,3,0))^2)/1000,0)</f>
        <v>74</v>
      </c>
      <c r="AN159">
        <f ca="1">ROUND(SQRT((VLOOKUP($A159,városok!$A$2:$C$346,2,0)-VLOOKUP(AN$1,városok!$A$2:$C$346,2,0))^2+(VLOOKUP($A159,városok!$A$2:$C$346,3,0)-VLOOKUP(AN$1,városok!$A$2:$C$346,3,0))^2)/1000,0)</f>
        <v>111</v>
      </c>
      <c r="AO159">
        <f ca="1">ROUND(SQRT((VLOOKUP($A159,városok!$A$2:$C$346,2,0)-VLOOKUP(AO$1,városok!$A$2:$C$346,2,0))^2+(VLOOKUP($A159,városok!$A$2:$C$346,3,0)-VLOOKUP(AO$1,városok!$A$2:$C$346,3,0))^2)/1000,0)</f>
        <v>158</v>
      </c>
      <c r="AP159">
        <f ca="1">ROUND(SQRT((VLOOKUP($A159,városok!$A$2:$C$346,2,0)-VLOOKUP(AP$1,városok!$A$2:$C$346,2,0))^2+(VLOOKUP($A159,városok!$A$2:$C$346,3,0)-VLOOKUP(AP$1,városok!$A$2:$C$346,3,0))^2)/1000,0)</f>
        <v>144</v>
      </c>
      <c r="AQ159">
        <f ca="1">ROUND(SQRT((VLOOKUP($A159,városok!$A$2:$C$346,2,0)-VLOOKUP(AQ$1,városok!$A$2:$C$346,2,0))^2+(VLOOKUP($A159,városok!$A$2:$C$346,3,0)-VLOOKUP(AQ$1,városok!$A$2:$C$346,3,0))^2)/1000,0)</f>
        <v>140</v>
      </c>
      <c r="AR159">
        <f ca="1">ROUND(SQRT((VLOOKUP($A159,városok!$A$2:$C$346,2,0)-VLOOKUP(AR$1,városok!$A$2:$C$346,2,0))^2+(VLOOKUP($A159,városok!$A$2:$C$346,3,0)-VLOOKUP(AR$1,városok!$A$2:$C$346,3,0))^2)/1000,0)</f>
        <v>41</v>
      </c>
      <c r="AS159">
        <f ca="1">ROUND(SQRT((VLOOKUP($A159,városok!$A$2:$C$346,2,0)-VLOOKUP(AS$1,városok!$A$2:$C$346,2,0))^2+(VLOOKUP($A159,városok!$A$2:$C$346,3,0)-VLOOKUP(AS$1,városok!$A$2:$C$346,3,0))^2)/1000,0)</f>
        <v>43</v>
      </c>
      <c r="AT159">
        <f ca="1">ROUND(SQRT((VLOOKUP($A159,városok!$A$2:$C$346,2,0)-VLOOKUP(AT$1,városok!$A$2:$C$346,2,0))^2+(VLOOKUP($A159,városok!$A$2:$C$346,3,0)-VLOOKUP(AT$1,városok!$A$2:$C$346,3,0))^2)/1000,0)</f>
        <v>114</v>
      </c>
      <c r="AU159">
        <f ca="1">ROUND(SQRT((VLOOKUP($A159,városok!$A$2:$C$346,2,0)-VLOOKUP(AU$1,városok!$A$2:$C$346,2,0))^2+(VLOOKUP($A159,városok!$A$2:$C$346,3,0)-VLOOKUP(AU$1,városok!$A$2:$C$346,3,0))^2)/1000,0)</f>
        <v>104</v>
      </c>
      <c r="AV159">
        <f ca="1">ROUND(SQRT((VLOOKUP($A159,városok!$A$2:$C$346,2,0)-VLOOKUP(AV$1,városok!$A$2:$C$346,2,0))^2+(VLOOKUP($A159,városok!$A$2:$C$346,3,0)-VLOOKUP(AV$1,városok!$A$2:$C$346,3,0))^2)/1000,0)</f>
        <v>107</v>
      </c>
      <c r="AW159">
        <f ca="1">ROUND(SQRT((VLOOKUP($A159,városok!$A$2:$C$346,2,0)-VLOOKUP(AW$1,városok!$A$2:$C$346,2,0))^2+(VLOOKUP($A159,városok!$A$2:$C$346,3,0)-VLOOKUP(AW$1,városok!$A$2:$C$346,3,0))^2)/1000,0)</f>
        <v>111</v>
      </c>
      <c r="AX159">
        <f ca="1">ROUND(SQRT((VLOOKUP($A159,városok!$A$2:$C$346,2,0)-VLOOKUP(AX$1,városok!$A$2:$C$346,2,0))^2+(VLOOKUP($A159,városok!$A$2:$C$346,3,0)-VLOOKUP(AX$1,városok!$A$2:$C$346,3,0))^2)/1000,0)</f>
        <v>97</v>
      </c>
      <c r="AY159">
        <f ca="1">ROUND(SQRT((VLOOKUP($A159,városok!$A$2:$C$346,2,0)-VLOOKUP(AY$1,városok!$A$2:$C$346,2,0))^2+(VLOOKUP($A159,városok!$A$2:$C$346,3,0)-VLOOKUP(AY$1,városok!$A$2:$C$346,3,0))^2)/1000,0)</f>
        <v>89</v>
      </c>
      <c r="AZ159">
        <f ca="1">ROUND(SQRT((VLOOKUP($A159,városok!$A$2:$C$346,2,0)-VLOOKUP(AZ$1,városok!$A$2:$C$346,2,0))^2+(VLOOKUP($A159,városok!$A$2:$C$346,3,0)-VLOOKUP(AZ$1,városok!$A$2:$C$346,3,0))^2)/1000,0)</f>
        <v>94</v>
      </c>
      <c r="BA159">
        <f ca="1">ROUND(SQRT((VLOOKUP($A159,városok!$A$2:$C$346,2,0)-VLOOKUP(BA$1,városok!$A$2:$C$346,2,0))^2+(VLOOKUP($A159,városok!$A$2:$C$346,3,0)-VLOOKUP(BA$1,városok!$A$2:$C$346,3,0))^2)/1000,0)</f>
        <v>224</v>
      </c>
      <c r="BB159">
        <f ca="1">ROUND(SQRT((VLOOKUP($A159,városok!$A$2:$C$346,2,0)-VLOOKUP(BB$1,városok!$A$2:$C$346,2,0))^2+(VLOOKUP($A159,városok!$A$2:$C$346,3,0)-VLOOKUP(BB$1,városok!$A$2:$C$346,3,0))^2)/1000,0)</f>
        <v>226</v>
      </c>
      <c r="BC159">
        <f ca="1">ROUND(SQRT((VLOOKUP($A159,városok!$A$2:$C$346,2,0)-VLOOKUP(BC$1,városok!$A$2:$C$346,2,0))^2+(VLOOKUP($A159,városok!$A$2:$C$346,3,0)-VLOOKUP(BC$1,városok!$A$2:$C$346,3,0))^2)/1000,0)</f>
        <v>248</v>
      </c>
      <c r="BD159">
        <f ca="1">ROUND(SQRT((VLOOKUP($A159,városok!$A$2:$C$346,2,0)-VLOOKUP(BD$1,városok!$A$2:$C$346,2,0))^2+(VLOOKUP($A159,városok!$A$2:$C$346,3,0)-VLOOKUP(BD$1,városok!$A$2:$C$346,3,0))^2)/1000,0)</f>
        <v>194</v>
      </c>
      <c r="BE159">
        <f ca="1">ROUND(SQRT((VLOOKUP($A159,városok!$A$2:$C$346,2,0)-VLOOKUP(BE$1,városok!$A$2:$C$346,2,0))^2+(VLOOKUP($A159,városok!$A$2:$C$346,3,0)-VLOOKUP(BE$1,városok!$A$2:$C$346,3,0))^2)/1000,0)</f>
        <v>183</v>
      </c>
      <c r="BF159">
        <f ca="1">ROUND(SQRT((VLOOKUP($A159,városok!$A$2:$C$346,2,0)-VLOOKUP(BF$1,városok!$A$2:$C$346,2,0))^2+(VLOOKUP($A159,városok!$A$2:$C$346,3,0)-VLOOKUP(BF$1,városok!$A$2:$C$346,3,0))^2)/1000,0)</f>
        <v>144</v>
      </c>
      <c r="BG159">
        <f ca="1">ROUND(SQRT((VLOOKUP($A159,városok!$A$2:$C$346,2,0)-VLOOKUP(BG$1,városok!$A$2:$C$346,2,0))^2+(VLOOKUP($A159,városok!$A$2:$C$346,3,0)-VLOOKUP(BG$1,városok!$A$2:$C$346,3,0))^2)/1000,0)</f>
        <v>98</v>
      </c>
      <c r="BH159">
        <f ca="1">ROUND(SQRT((VLOOKUP($A159,városok!$A$2:$C$346,2,0)-VLOOKUP(BH$1,városok!$A$2:$C$346,2,0))^2+(VLOOKUP($A159,városok!$A$2:$C$346,3,0)-VLOOKUP(BH$1,városok!$A$2:$C$346,3,0))^2)/1000,0)</f>
        <v>97</v>
      </c>
      <c r="BI159">
        <f ca="1">ROUND(SQRT((VLOOKUP($A159,városok!$A$2:$C$346,2,0)-VLOOKUP(BI$1,városok!$A$2:$C$346,2,0))^2+(VLOOKUP($A159,városok!$A$2:$C$346,3,0)-VLOOKUP(BI$1,városok!$A$2:$C$346,3,0))^2)/1000,0)</f>
        <v>202</v>
      </c>
      <c r="BJ159">
        <f ca="1">ROUND(SQRT((VLOOKUP($A159,városok!$A$2:$C$346,2,0)-VLOOKUP(BJ$1,városok!$A$2:$C$346,2,0))^2+(VLOOKUP($A159,városok!$A$2:$C$346,3,0)-VLOOKUP(BJ$1,városok!$A$2:$C$346,3,0))^2)/1000,0)</f>
        <v>219</v>
      </c>
      <c r="BK159">
        <f ca="1">ROUND(SQRT((VLOOKUP($A159,városok!$A$2:$C$346,2,0)-VLOOKUP(BK$1,városok!$A$2:$C$346,2,0))^2+(VLOOKUP($A159,városok!$A$2:$C$346,3,0)-VLOOKUP(BK$1,városok!$A$2:$C$346,3,0))^2)/1000,0)</f>
        <v>202</v>
      </c>
      <c r="BL159">
        <f ca="1">ROUND(SQRT((VLOOKUP($A159,városok!$A$2:$C$346,2,0)-VLOOKUP(BL$1,városok!$A$2:$C$346,2,0))^2+(VLOOKUP($A159,városok!$A$2:$C$346,3,0)-VLOOKUP(BL$1,városok!$A$2:$C$346,3,0))^2)/1000,0)</f>
        <v>288</v>
      </c>
      <c r="BM159">
        <f ca="1">ROUND(SQRT((VLOOKUP($A159,városok!$A$2:$C$346,2,0)-VLOOKUP(BM$1,városok!$A$2:$C$346,2,0))^2+(VLOOKUP($A159,városok!$A$2:$C$346,3,0)-VLOOKUP(BM$1,városok!$A$2:$C$346,3,0))^2)/1000,0)</f>
        <v>256</v>
      </c>
      <c r="BN159">
        <f ca="1">ROUND(SQRT((VLOOKUP($A159,városok!$A$2:$C$346,2,0)-VLOOKUP(BN$1,városok!$A$2:$C$346,2,0))^2+(VLOOKUP($A159,városok!$A$2:$C$346,3,0)-VLOOKUP(BN$1,városok!$A$2:$C$346,3,0))^2)/1000,0)</f>
        <v>280</v>
      </c>
      <c r="BO159">
        <f ca="1">ROUND(SQRT((VLOOKUP($A159,városok!$A$2:$C$346,2,0)-VLOOKUP(BO$1,városok!$A$2:$C$346,2,0))^2+(VLOOKUP($A159,városok!$A$2:$C$346,3,0)-VLOOKUP(BO$1,városok!$A$2:$C$346,3,0))^2)/1000,0)</f>
        <v>190</v>
      </c>
      <c r="BP159">
        <f ca="1">ROUND(SQRT((VLOOKUP($A159,városok!$A$2:$C$346,2,0)-VLOOKUP(BP$1,városok!$A$2:$C$346,2,0))^2+(VLOOKUP($A159,városok!$A$2:$C$346,3,0)-VLOOKUP(BP$1,városok!$A$2:$C$346,3,0))^2)/1000,0)</f>
        <v>183</v>
      </c>
      <c r="BQ159">
        <f ca="1">ROUND(SQRT((VLOOKUP($A159,városok!$A$2:$C$346,2,0)-VLOOKUP(BQ$1,városok!$A$2:$C$346,2,0))^2+(VLOOKUP($A159,városok!$A$2:$C$346,3,0)-VLOOKUP(BQ$1,városok!$A$2:$C$346,3,0))^2)/1000,0)</f>
        <v>194</v>
      </c>
      <c r="BR159">
        <f ca="1">ROUND(SQRT((VLOOKUP($A159,városok!$A$2:$C$346,2,0)-VLOOKUP(BR$1,városok!$A$2:$C$346,2,0))^2+(VLOOKUP($A159,városok!$A$2:$C$346,3,0)-VLOOKUP(BR$1,városok!$A$2:$C$346,3,0))^2)/1000,0)</f>
        <v>254</v>
      </c>
      <c r="BS159">
        <f ca="1">ROUND(SQRT((VLOOKUP($A159,városok!$A$2:$C$346,2,0)-VLOOKUP(BS$1,városok!$A$2:$C$346,2,0))^2+(VLOOKUP($A159,városok!$A$2:$C$346,3,0)-VLOOKUP(BS$1,városok!$A$2:$C$346,3,0))^2)/1000,0)</f>
        <v>290</v>
      </c>
      <c r="BT159">
        <f ca="1">ROUND(SQRT((VLOOKUP($A159,városok!$A$2:$C$346,2,0)-VLOOKUP(BT$1,városok!$A$2:$C$346,2,0))^2+(VLOOKUP($A159,városok!$A$2:$C$346,3,0)-VLOOKUP(BT$1,városok!$A$2:$C$346,3,0))^2)/1000,0)</f>
        <v>279</v>
      </c>
    </row>
    <row r="160" spans="1:72" x14ac:dyDescent="0.2">
      <c r="A160" t="str">
        <f>városok!A160</f>
        <v>Abádszalók</v>
      </c>
      <c r="B160">
        <f ca="1">ROUND(SQRT((VLOOKUP($A160,városok!$A$2:$C$346,2,0)-VLOOKUP(B$1,városok!$A$2:$C$346,2,0))^2+(VLOOKUP($A160,városok!$A$2:$C$346,3,0)-VLOOKUP(B$1,városok!$A$2:$C$346,3,0))^2)/1000,0)</f>
        <v>190</v>
      </c>
      <c r="C160">
        <f ca="1">ROUND(SQRT((VLOOKUP($A160,városok!$A$2:$C$346,2,0)-VLOOKUP(C$1,városok!$A$2:$C$346,2,0))^2+(VLOOKUP($A160,városok!$A$2:$C$346,3,0)-VLOOKUP(C$1,városok!$A$2:$C$346,3,0))^2)/1000,0)</f>
        <v>162</v>
      </c>
      <c r="D160">
        <f ca="1">ROUND(SQRT((VLOOKUP($A160,városok!$A$2:$C$346,2,0)-VLOOKUP(D$1,városok!$A$2:$C$346,2,0))^2+(VLOOKUP($A160,városok!$A$2:$C$346,3,0)-VLOOKUP(D$1,városok!$A$2:$C$346,3,0))^2)/1000,0)</f>
        <v>93</v>
      </c>
      <c r="E160">
        <f ca="1">ROUND(SQRT((VLOOKUP($A160,városok!$A$2:$C$346,2,0)-VLOOKUP(E$1,városok!$A$2:$C$346,2,0))^2+(VLOOKUP($A160,városok!$A$2:$C$346,3,0)-VLOOKUP(E$1,városok!$A$2:$C$346,3,0))^2)/1000,0)</f>
        <v>228</v>
      </c>
      <c r="F160">
        <f ca="1">ROUND(SQRT((VLOOKUP($A160,városok!$A$2:$C$346,2,0)-VLOOKUP(F$1,városok!$A$2:$C$346,2,0))^2+(VLOOKUP($A160,városok!$A$2:$C$346,3,0)-VLOOKUP(F$1,városok!$A$2:$C$346,3,0))^2)/1000,0)</f>
        <v>220</v>
      </c>
      <c r="G160">
        <f ca="1">ROUND(SQRT((VLOOKUP($A160,városok!$A$2:$C$346,2,0)-VLOOKUP(G$1,városok!$A$2:$C$346,2,0))^2+(VLOOKUP($A160,városok!$A$2:$C$346,3,0)-VLOOKUP(G$1,városok!$A$2:$C$346,3,0))^2)/1000,0)</f>
        <v>237</v>
      </c>
      <c r="H160">
        <f ca="1">ROUND(SQRT((VLOOKUP($A160,városok!$A$2:$C$346,2,0)-VLOOKUP(H$1,városok!$A$2:$C$346,2,0))^2+(VLOOKUP($A160,városok!$A$2:$C$346,3,0)-VLOOKUP(H$1,városok!$A$2:$C$346,3,0))^2)/1000,0)</f>
        <v>266</v>
      </c>
      <c r="I160">
        <f ca="1">ROUND(SQRT((VLOOKUP($A160,városok!$A$2:$C$346,2,0)-VLOOKUP(I$1,városok!$A$2:$C$346,2,0))^2+(VLOOKUP($A160,városok!$A$2:$C$346,3,0)-VLOOKUP(I$1,városok!$A$2:$C$346,3,0))^2)/1000,0)</f>
        <v>96</v>
      </c>
      <c r="J160">
        <f ca="1">ROUND(SQRT((VLOOKUP($A160,városok!$A$2:$C$346,2,0)-VLOOKUP(J$1,városok!$A$2:$C$346,2,0))^2+(VLOOKUP($A160,városok!$A$2:$C$346,3,0)-VLOOKUP(J$1,városok!$A$2:$C$346,3,0))^2)/1000,0)</f>
        <v>106</v>
      </c>
      <c r="K160">
        <f ca="1">ROUND(SQRT((VLOOKUP($A160,városok!$A$2:$C$346,2,0)-VLOOKUP(K$1,városok!$A$2:$C$346,2,0))^2+(VLOOKUP($A160,városok!$A$2:$C$346,3,0)-VLOOKUP(K$1,városok!$A$2:$C$346,3,0))^2)/1000,0)</f>
        <v>102</v>
      </c>
      <c r="L160">
        <f ca="1">ROUND(SQRT((VLOOKUP($A160,városok!$A$2:$C$346,2,0)-VLOOKUP(L$1,városok!$A$2:$C$346,2,0))^2+(VLOOKUP($A160,városok!$A$2:$C$346,3,0)-VLOOKUP(L$1,városok!$A$2:$C$346,3,0))^2)/1000,0)</f>
        <v>87</v>
      </c>
      <c r="M160">
        <f ca="1">ROUND(SQRT((VLOOKUP($A160,városok!$A$2:$C$346,2,0)-VLOOKUP(M$1,városok!$A$2:$C$346,2,0))^2+(VLOOKUP($A160,városok!$A$2:$C$346,3,0)-VLOOKUP(M$1,városok!$A$2:$C$346,3,0))^2)/1000,0)</f>
        <v>72</v>
      </c>
      <c r="N160">
        <f ca="1">ROUND(SQRT((VLOOKUP($A160,városok!$A$2:$C$346,2,0)-VLOOKUP(N$1,városok!$A$2:$C$346,2,0))^2+(VLOOKUP($A160,városok!$A$2:$C$346,3,0)-VLOOKUP(N$1,városok!$A$2:$C$346,3,0))^2)/1000,0)</f>
        <v>86</v>
      </c>
      <c r="O160">
        <f ca="1">ROUND(SQRT((VLOOKUP($A160,városok!$A$2:$C$346,2,0)-VLOOKUP(O$1,városok!$A$2:$C$346,2,0))^2+(VLOOKUP($A160,városok!$A$2:$C$346,3,0)-VLOOKUP(O$1,városok!$A$2:$C$346,3,0))^2)/1000,0)</f>
        <v>129</v>
      </c>
      <c r="P160">
        <f ca="1">ROUND(SQRT((VLOOKUP($A160,városok!$A$2:$C$346,2,0)-VLOOKUP(P$1,városok!$A$2:$C$346,2,0))^2+(VLOOKUP($A160,városok!$A$2:$C$346,3,0)-VLOOKUP(P$1,városok!$A$2:$C$346,3,0))^2)/1000,0)</f>
        <v>129</v>
      </c>
      <c r="Q160">
        <f ca="1">ROUND(SQRT((VLOOKUP($A160,városok!$A$2:$C$346,2,0)-VLOOKUP(Q$1,városok!$A$2:$C$346,2,0))^2+(VLOOKUP($A160,városok!$A$2:$C$346,3,0)-VLOOKUP(Q$1,városok!$A$2:$C$346,3,0))^2)/1000,0)</f>
        <v>119</v>
      </c>
      <c r="R160">
        <f ca="1">ROUND(SQRT((VLOOKUP($A160,városok!$A$2:$C$346,2,0)-VLOOKUP(R$1,városok!$A$2:$C$346,2,0))^2+(VLOOKUP($A160,városok!$A$2:$C$346,3,0)-VLOOKUP(R$1,városok!$A$2:$C$346,3,0))^2)/1000,0)</f>
        <v>140</v>
      </c>
      <c r="S160">
        <f ca="1">ROUND(SQRT((VLOOKUP($A160,városok!$A$2:$C$346,2,0)-VLOOKUP(S$1,városok!$A$2:$C$346,2,0))^2+(VLOOKUP($A160,városok!$A$2:$C$346,3,0)-VLOOKUP(S$1,városok!$A$2:$C$346,3,0))^2)/1000,0)</f>
        <v>140</v>
      </c>
      <c r="T160">
        <f ca="1">ROUND(SQRT((VLOOKUP($A160,városok!$A$2:$C$346,2,0)-VLOOKUP(T$1,városok!$A$2:$C$346,2,0))^2+(VLOOKUP($A160,városok!$A$2:$C$346,3,0)-VLOOKUP(T$1,városok!$A$2:$C$346,3,0))^2)/1000,0)</f>
        <v>148</v>
      </c>
      <c r="U160">
        <f ca="1">ROUND(SQRT((VLOOKUP($A160,városok!$A$2:$C$346,2,0)-VLOOKUP(U$1,városok!$A$2:$C$346,2,0))^2+(VLOOKUP($A160,városok!$A$2:$C$346,3,0)-VLOOKUP(U$1,városok!$A$2:$C$346,3,0))^2)/1000,0)</f>
        <v>138</v>
      </c>
      <c r="V160">
        <f ca="1">ROUND(SQRT((VLOOKUP($A160,városok!$A$2:$C$346,2,0)-VLOOKUP(V$1,városok!$A$2:$C$346,2,0))^2+(VLOOKUP($A160,városok!$A$2:$C$346,3,0)-VLOOKUP(V$1,városok!$A$2:$C$346,3,0))^2)/1000,0)</f>
        <v>179</v>
      </c>
      <c r="W160">
        <f ca="1">ROUND(SQRT((VLOOKUP($A160,városok!$A$2:$C$346,2,0)-VLOOKUP(W$1,városok!$A$2:$C$346,2,0))^2+(VLOOKUP($A160,városok!$A$2:$C$346,3,0)-VLOOKUP(W$1,városok!$A$2:$C$346,3,0))^2)/1000,0)</f>
        <v>163</v>
      </c>
      <c r="X160">
        <f ca="1">ROUND(SQRT((VLOOKUP($A160,városok!$A$2:$C$346,2,0)-VLOOKUP(X$1,városok!$A$2:$C$346,2,0))^2+(VLOOKUP($A160,városok!$A$2:$C$346,3,0)-VLOOKUP(X$1,városok!$A$2:$C$346,3,0))^2)/1000,0)</f>
        <v>173</v>
      </c>
      <c r="Y160">
        <f ca="1">ROUND(SQRT((VLOOKUP($A160,városok!$A$2:$C$346,2,0)-VLOOKUP(Y$1,városok!$A$2:$C$346,2,0))^2+(VLOOKUP($A160,városok!$A$2:$C$346,3,0)-VLOOKUP(Y$1,városok!$A$2:$C$346,3,0))^2)/1000,0)</f>
        <v>224</v>
      </c>
      <c r="Z160">
        <f ca="1">ROUND(SQRT((VLOOKUP($A160,városok!$A$2:$C$346,2,0)-VLOOKUP(Z$1,városok!$A$2:$C$346,2,0))^2+(VLOOKUP($A160,városok!$A$2:$C$346,3,0)-VLOOKUP(Z$1,városok!$A$2:$C$346,3,0))^2)/1000,0)</f>
        <v>243</v>
      </c>
      <c r="AA160">
        <f ca="1">ROUND(SQRT((VLOOKUP($A160,városok!$A$2:$C$346,2,0)-VLOOKUP(AA$1,városok!$A$2:$C$346,2,0))^2+(VLOOKUP($A160,városok!$A$2:$C$346,3,0)-VLOOKUP(AA$1,városok!$A$2:$C$346,3,0))^2)/1000,0)</f>
        <v>303</v>
      </c>
      <c r="AB160">
        <f ca="1">ROUND(SQRT((VLOOKUP($A160,városok!$A$2:$C$346,2,0)-VLOOKUP(AB$1,városok!$A$2:$C$346,2,0))^2+(VLOOKUP($A160,városok!$A$2:$C$346,3,0)-VLOOKUP(AB$1,városok!$A$2:$C$346,3,0))^2)/1000,0)</f>
        <v>78</v>
      </c>
      <c r="AC160">
        <f ca="1">ROUND(SQRT((VLOOKUP($A160,városok!$A$2:$C$346,2,0)-VLOOKUP(AC$1,városok!$A$2:$C$346,2,0))^2+(VLOOKUP($A160,városok!$A$2:$C$346,3,0)-VLOOKUP(AC$1,városok!$A$2:$C$346,3,0))^2)/1000,0)</f>
        <v>60</v>
      </c>
      <c r="AD160">
        <f ca="1">ROUND(SQRT((VLOOKUP($A160,városok!$A$2:$C$346,2,0)-VLOOKUP(AD$1,városok!$A$2:$C$346,2,0))^2+(VLOOKUP($A160,városok!$A$2:$C$346,3,0)-VLOOKUP(AD$1,városok!$A$2:$C$346,3,0))^2)/1000,0)</f>
        <v>43</v>
      </c>
      <c r="AE160">
        <f ca="1">ROUND(SQRT((VLOOKUP($A160,városok!$A$2:$C$346,2,0)-VLOOKUP(AE$1,városok!$A$2:$C$346,2,0))^2+(VLOOKUP($A160,városok!$A$2:$C$346,3,0)-VLOOKUP(AE$1,városok!$A$2:$C$346,3,0))^2)/1000,0)</f>
        <v>48</v>
      </c>
      <c r="AF160">
        <f ca="1">ROUND(SQRT((VLOOKUP($A160,városok!$A$2:$C$346,2,0)-VLOOKUP(AF$1,városok!$A$2:$C$346,2,0))^2+(VLOOKUP($A160,városok!$A$2:$C$346,3,0)-VLOOKUP(AF$1,városok!$A$2:$C$346,3,0))^2)/1000,0)</f>
        <v>50</v>
      </c>
      <c r="AG160">
        <f ca="1">ROUND(SQRT((VLOOKUP($A160,városok!$A$2:$C$346,2,0)-VLOOKUP(AG$1,városok!$A$2:$C$346,2,0))^2+(VLOOKUP($A160,városok!$A$2:$C$346,3,0)-VLOOKUP(AG$1,városok!$A$2:$C$346,3,0))^2)/1000,0)</f>
        <v>61</v>
      </c>
      <c r="AH160">
        <f ca="1">ROUND(SQRT((VLOOKUP($A160,városok!$A$2:$C$346,2,0)-VLOOKUP(AH$1,városok!$A$2:$C$346,2,0))^2+(VLOOKUP($A160,városok!$A$2:$C$346,3,0)-VLOOKUP(AH$1,városok!$A$2:$C$346,3,0))^2)/1000,0)</f>
        <v>72</v>
      </c>
      <c r="AI160">
        <f ca="1">ROUND(SQRT((VLOOKUP($A160,városok!$A$2:$C$346,2,0)-VLOOKUP(AI$1,városok!$A$2:$C$346,2,0))^2+(VLOOKUP($A160,városok!$A$2:$C$346,3,0)-VLOOKUP(AI$1,városok!$A$2:$C$346,3,0))^2)/1000,0)</f>
        <v>71</v>
      </c>
      <c r="AJ160">
        <f ca="1">ROUND(SQRT((VLOOKUP($A160,városok!$A$2:$C$346,2,0)-VLOOKUP(AJ$1,városok!$A$2:$C$346,2,0))^2+(VLOOKUP($A160,városok!$A$2:$C$346,3,0)-VLOOKUP(AJ$1,városok!$A$2:$C$346,3,0))^2)/1000,0)</f>
        <v>50</v>
      </c>
      <c r="AK160">
        <f ca="1">ROUND(SQRT((VLOOKUP($A160,városok!$A$2:$C$346,2,0)-VLOOKUP(AK$1,városok!$A$2:$C$346,2,0))^2+(VLOOKUP($A160,városok!$A$2:$C$346,3,0)-VLOOKUP(AK$1,városok!$A$2:$C$346,3,0))^2)/1000,0)</f>
        <v>36</v>
      </c>
      <c r="AL160">
        <f ca="1">ROUND(SQRT((VLOOKUP($A160,városok!$A$2:$C$346,2,0)-VLOOKUP(AL$1,városok!$A$2:$C$346,2,0))^2+(VLOOKUP($A160,városok!$A$2:$C$346,3,0)-VLOOKUP(AL$1,városok!$A$2:$C$346,3,0))^2)/1000,0)</f>
        <v>12</v>
      </c>
      <c r="AM160">
        <f ca="1">ROUND(SQRT((VLOOKUP($A160,városok!$A$2:$C$346,2,0)-VLOOKUP(AM$1,városok!$A$2:$C$346,2,0))^2+(VLOOKUP($A160,városok!$A$2:$C$346,3,0)-VLOOKUP(AM$1,városok!$A$2:$C$346,3,0))^2)/1000,0)</f>
        <v>45</v>
      </c>
      <c r="AN160">
        <f ca="1">ROUND(SQRT((VLOOKUP($A160,városok!$A$2:$C$346,2,0)-VLOOKUP(AN$1,városok!$A$2:$C$346,2,0))^2+(VLOOKUP($A160,városok!$A$2:$C$346,3,0)-VLOOKUP(AN$1,városok!$A$2:$C$346,3,0))^2)/1000,0)</f>
        <v>144</v>
      </c>
      <c r="AO160">
        <f ca="1">ROUND(SQRT((VLOOKUP($A160,városok!$A$2:$C$346,2,0)-VLOOKUP(AO$1,városok!$A$2:$C$346,2,0))^2+(VLOOKUP($A160,városok!$A$2:$C$346,3,0)-VLOOKUP(AO$1,városok!$A$2:$C$346,3,0))^2)/1000,0)</f>
        <v>188</v>
      </c>
      <c r="AP160">
        <f ca="1">ROUND(SQRT((VLOOKUP($A160,városok!$A$2:$C$346,2,0)-VLOOKUP(AP$1,városok!$A$2:$C$346,2,0))^2+(VLOOKUP($A160,városok!$A$2:$C$346,3,0)-VLOOKUP(AP$1,városok!$A$2:$C$346,3,0))^2)/1000,0)</f>
        <v>171</v>
      </c>
      <c r="AQ160">
        <f ca="1">ROUND(SQRT((VLOOKUP($A160,városok!$A$2:$C$346,2,0)-VLOOKUP(AQ$1,városok!$A$2:$C$346,2,0))^2+(VLOOKUP($A160,városok!$A$2:$C$346,3,0)-VLOOKUP(AQ$1,városok!$A$2:$C$346,3,0))^2)/1000,0)</f>
        <v>165</v>
      </c>
      <c r="AR160">
        <f ca="1">ROUND(SQRT((VLOOKUP($A160,városok!$A$2:$C$346,2,0)-VLOOKUP(AR$1,városok!$A$2:$C$346,2,0))^2+(VLOOKUP($A160,városok!$A$2:$C$346,3,0)-VLOOKUP(AR$1,városok!$A$2:$C$346,3,0))^2)/1000,0)</f>
        <v>84</v>
      </c>
      <c r="AS160">
        <f ca="1">ROUND(SQRT((VLOOKUP($A160,városok!$A$2:$C$346,2,0)-VLOOKUP(AS$1,városok!$A$2:$C$346,2,0))^2+(VLOOKUP($A160,városok!$A$2:$C$346,3,0)-VLOOKUP(AS$1,városok!$A$2:$C$346,3,0))^2)/1000,0)</f>
        <v>92</v>
      </c>
      <c r="AT160">
        <f ca="1">ROUND(SQRT((VLOOKUP($A160,városok!$A$2:$C$346,2,0)-VLOOKUP(AT$1,városok!$A$2:$C$346,2,0))^2+(VLOOKUP($A160,városok!$A$2:$C$346,3,0)-VLOOKUP(AT$1,városok!$A$2:$C$346,3,0))^2)/1000,0)</f>
        <v>134</v>
      </c>
      <c r="AU160">
        <f ca="1">ROUND(SQRT((VLOOKUP($A160,városok!$A$2:$C$346,2,0)-VLOOKUP(AU$1,városok!$A$2:$C$346,2,0))^2+(VLOOKUP($A160,városok!$A$2:$C$346,3,0)-VLOOKUP(AU$1,városok!$A$2:$C$346,3,0))^2)/1000,0)</f>
        <v>123</v>
      </c>
      <c r="AV160">
        <f ca="1">ROUND(SQRT((VLOOKUP($A160,városok!$A$2:$C$346,2,0)-VLOOKUP(AV$1,városok!$A$2:$C$346,2,0))^2+(VLOOKUP($A160,városok!$A$2:$C$346,3,0)-VLOOKUP(AV$1,városok!$A$2:$C$346,3,0))^2)/1000,0)</f>
        <v>124</v>
      </c>
      <c r="AW160">
        <f ca="1">ROUND(SQRT((VLOOKUP($A160,városok!$A$2:$C$346,2,0)-VLOOKUP(AW$1,városok!$A$2:$C$346,2,0))^2+(VLOOKUP($A160,városok!$A$2:$C$346,3,0)-VLOOKUP(AW$1,városok!$A$2:$C$346,3,0))^2)/1000,0)</f>
        <v>127</v>
      </c>
      <c r="AX160">
        <f ca="1">ROUND(SQRT((VLOOKUP($A160,városok!$A$2:$C$346,2,0)-VLOOKUP(AX$1,városok!$A$2:$C$346,2,0))^2+(VLOOKUP($A160,városok!$A$2:$C$346,3,0)-VLOOKUP(AX$1,városok!$A$2:$C$346,3,0))^2)/1000,0)</f>
        <v>79</v>
      </c>
      <c r="AY160">
        <f ca="1">ROUND(SQRT((VLOOKUP($A160,városok!$A$2:$C$346,2,0)-VLOOKUP(AY$1,városok!$A$2:$C$346,2,0))^2+(VLOOKUP($A160,városok!$A$2:$C$346,3,0)-VLOOKUP(AY$1,városok!$A$2:$C$346,3,0))^2)/1000,0)</f>
        <v>118</v>
      </c>
      <c r="AZ160">
        <f ca="1">ROUND(SQRT((VLOOKUP($A160,városok!$A$2:$C$346,2,0)-VLOOKUP(AZ$1,városok!$A$2:$C$346,2,0))^2+(VLOOKUP($A160,városok!$A$2:$C$346,3,0)-VLOOKUP(AZ$1,városok!$A$2:$C$346,3,0))^2)/1000,0)</f>
        <v>127</v>
      </c>
      <c r="BA160">
        <f ca="1">ROUND(SQRT((VLOOKUP($A160,városok!$A$2:$C$346,2,0)-VLOOKUP(BA$1,városok!$A$2:$C$346,2,0))^2+(VLOOKUP($A160,városok!$A$2:$C$346,3,0)-VLOOKUP(BA$1,városok!$A$2:$C$346,3,0))^2)/1000,0)</f>
        <v>233</v>
      </c>
      <c r="BB160">
        <f ca="1">ROUND(SQRT((VLOOKUP($A160,városok!$A$2:$C$346,2,0)-VLOOKUP(BB$1,városok!$A$2:$C$346,2,0))^2+(VLOOKUP($A160,városok!$A$2:$C$346,3,0)-VLOOKUP(BB$1,városok!$A$2:$C$346,3,0))^2)/1000,0)</f>
        <v>227</v>
      </c>
      <c r="BC160">
        <f ca="1">ROUND(SQRT((VLOOKUP($A160,városok!$A$2:$C$346,2,0)-VLOOKUP(BC$1,városok!$A$2:$C$346,2,0))^2+(VLOOKUP($A160,városok!$A$2:$C$346,3,0)-VLOOKUP(BC$1,városok!$A$2:$C$346,3,0))^2)/1000,0)</f>
        <v>247</v>
      </c>
      <c r="BD160">
        <f ca="1">ROUND(SQRT((VLOOKUP($A160,városok!$A$2:$C$346,2,0)-VLOOKUP(BD$1,városok!$A$2:$C$346,2,0))^2+(VLOOKUP($A160,városok!$A$2:$C$346,3,0)-VLOOKUP(BD$1,városok!$A$2:$C$346,3,0))^2)/1000,0)</f>
        <v>202</v>
      </c>
      <c r="BE160">
        <f ca="1">ROUND(SQRT((VLOOKUP($A160,városok!$A$2:$C$346,2,0)-VLOOKUP(BE$1,városok!$A$2:$C$346,2,0))^2+(VLOOKUP($A160,városok!$A$2:$C$346,3,0)-VLOOKUP(BE$1,városok!$A$2:$C$346,3,0))^2)/1000,0)</f>
        <v>161</v>
      </c>
      <c r="BF160">
        <f ca="1">ROUND(SQRT((VLOOKUP($A160,városok!$A$2:$C$346,2,0)-VLOOKUP(BF$1,városok!$A$2:$C$346,2,0))^2+(VLOOKUP($A160,városok!$A$2:$C$346,3,0)-VLOOKUP(BF$1,városok!$A$2:$C$346,3,0))^2)/1000,0)</f>
        <v>139</v>
      </c>
      <c r="BG160">
        <f ca="1">ROUND(SQRT((VLOOKUP($A160,városok!$A$2:$C$346,2,0)-VLOOKUP(BG$1,városok!$A$2:$C$346,2,0))^2+(VLOOKUP($A160,városok!$A$2:$C$346,3,0)-VLOOKUP(BG$1,városok!$A$2:$C$346,3,0))^2)/1000,0)</f>
        <v>97</v>
      </c>
      <c r="BH160">
        <f ca="1">ROUND(SQRT((VLOOKUP($A160,városok!$A$2:$C$346,2,0)-VLOOKUP(BH$1,városok!$A$2:$C$346,2,0))^2+(VLOOKUP($A160,városok!$A$2:$C$346,3,0)-VLOOKUP(BH$1,városok!$A$2:$C$346,3,0))^2)/1000,0)</f>
        <v>97</v>
      </c>
      <c r="BI160">
        <f ca="1">ROUND(SQRT((VLOOKUP($A160,városok!$A$2:$C$346,2,0)-VLOOKUP(BI$1,városok!$A$2:$C$346,2,0))^2+(VLOOKUP($A160,városok!$A$2:$C$346,3,0)-VLOOKUP(BI$1,városok!$A$2:$C$346,3,0))^2)/1000,0)</f>
        <v>192</v>
      </c>
      <c r="BJ160">
        <f ca="1">ROUND(SQRT((VLOOKUP($A160,városok!$A$2:$C$346,2,0)-VLOOKUP(BJ$1,városok!$A$2:$C$346,2,0))^2+(VLOOKUP($A160,városok!$A$2:$C$346,3,0)-VLOOKUP(BJ$1,városok!$A$2:$C$346,3,0))^2)/1000,0)</f>
        <v>210</v>
      </c>
      <c r="BK160">
        <f ca="1">ROUND(SQRT((VLOOKUP($A160,városok!$A$2:$C$346,2,0)-VLOOKUP(BK$1,városok!$A$2:$C$346,2,0))^2+(VLOOKUP($A160,városok!$A$2:$C$346,3,0)-VLOOKUP(BK$1,városok!$A$2:$C$346,3,0))^2)/1000,0)</f>
        <v>191</v>
      </c>
      <c r="BL160">
        <f ca="1">ROUND(SQRT((VLOOKUP($A160,városok!$A$2:$C$346,2,0)-VLOOKUP(BL$1,városok!$A$2:$C$346,2,0))^2+(VLOOKUP($A160,városok!$A$2:$C$346,3,0)-VLOOKUP(BL$1,városok!$A$2:$C$346,3,0))^2)/1000,0)</f>
        <v>306</v>
      </c>
      <c r="BM160">
        <f ca="1">ROUND(SQRT((VLOOKUP($A160,városok!$A$2:$C$346,2,0)-VLOOKUP(BM$1,városok!$A$2:$C$346,2,0))^2+(VLOOKUP($A160,városok!$A$2:$C$346,3,0)-VLOOKUP(BM$1,városok!$A$2:$C$346,3,0))^2)/1000,0)</f>
        <v>278</v>
      </c>
      <c r="BN160">
        <f ca="1">ROUND(SQRT((VLOOKUP($A160,városok!$A$2:$C$346,2,0)-VLOOKUP(BN$1,városok!$A$2:$C$346,2,0))^2+(VLOOKUP($A160,városok!$A$2:$C$346,3,0)-VLOOKUP(BN$1,városok!$A$2:$C$346,3,0))^2)/1000,0)</f>
        <v>301</v>
      </c>
      <c r="BO160">
        <f ca="1">ROUND(SQRT((VLOOKUP($A160,városok!$A$2:$C$346,2,0)-VLOOKUP(BO$1,városok!$A$2:$C$346,2,0))^2+(VLOOKUP($A160,városok!$A$2:$C$346,3,0)-VLOOKUP(BO$1,városok!$A$2:$C$346,3,0))^2)/1000,0)</f>
        <v>202</v>
      </c>
      <c r="BP160">
        <f ca="1">ROUND(SQRT((VLOOKUP($A160,városok!$A$2:$C$346,2,0)-VLOOKUP(BP$1,városok!$A$2:$C$346,2,0))^2+(VLOOKUP($A160,városok!$A$2:$C$346,3,0)-VLOOKUP(BP$1,városok!$A$2:$C$346,3,0))^2)/1000,0)</f>
        <v>194</v>
      </c>
      <c r="BQ160">
        <f ca="1">ROUND(SQRT((VLOOKUP($A160,városok!$A$2:$C$346,2,0)-VLOOKUP(BQ$1,városok!$A$2:$C$346,2,0))^2+(VLOOKUP($A160,városok!$A$2:$C$346,3,0)-VLOOKUP(BQ$1,városok!$A$2:$C$346,3,0))^2)/1000,0)</f>
        <v>207</v>
      </c>
      <c r="BR160">
        <f ca="1">ROUND(SQRT((VLOOKUP($A160,városok!$A$2:$C$346,2,0)-VLOOKUP(BR$1,városok!$A$2:$C$346,2,0))^2+(VLOOKUP($A160,városok!$A$2:$C$346,3,0)-VLOOKUP(BR$1,városok!$A$2:$C$346,3,0))^2)/1000,0)</f>
        <v>265</v>
      </c>
      <c r="BS160">
        <f ca="1">ROUND(SQRT((VLOOKUP($A160,városok!$A$2:$C$346,2,0)-VLOOKUP(BS$1,városok!$A$2:$C$346,2,0))^2+(VLOOKUP($A160,városok!$A$2:$C$346,3,0)-VLOOKUP(BS$1,városok!$A$2:$C$346,3,0))^2)/1000,0)</f>
        <v>297</v>
      </c>
      <c r="BT160">
        <f ca="1">ROUND(SQRT((VLOOKUP($A160,városok!$A$2:$C$346,2,0)-VLOOKUP(BT$1,városok!$A$2:$C$346,2,0))^2+(VLOOKUP($A160,városok!$A$2:$C$346,3,0)-VLOOKUP(BT$1,városok!$A$2:$C$346,3,0))^2)/1000,0)</f>
        <v>293</v>
      </c>
    </row>
    <row r="161" spans="1:72" x14ac:dyDescent="0.2">
      <c r="A161" t="str">
        <f>városok!A161</f>
        <v>Besenyszög</v>
      </c>
      <c r="B161">
        <f ca="1">ROUND(SQRT((VLOOKUP($A161,városok!$A$2:$C$346,2,0)-VLOOKUP(B$1,városok!$A$2:$C$346,2,0))^2+(VLOOKUP($A161,városok!$A$2:$C$346,3,0)-VLOOKUP(B$1,városok!$A$2:$C$346,3,0))^2)/1000,0)</f>
        <v>159</v>
      </c>
      <c r="C161">
        <f ca="1">ROUND(SQRT((VLOOKUP($A161,városok!$A$2:$C$346,2,0)-VLOOKUP(C$1,városok!$A$2:$C$346,2,0))^2+(VLOOKUP($A161,városok!$A$2:$C$346,3,0)-VLOOKUP(C$1,városok!$A$2:$C$346,3,0))^2)/1000,0)</f>
        <v>130</v>
      </c>
      <c r="D161">
        <f ca="1">ROUND(SQRT((VLOOKUP($A161,városok!$A$2:$C$346,2,0)-VLOOKUP(D$1,városok!$A$2:$C$346,2,0))^2+(VLOOKUP($A161,városok!$A$2:$C$346,3,0)-VLOOKUP(D$1,városok!$A$2:$C$346,3,0))^2)/1000,0)</f>
        <v>61</v>
      </c>
      <c r="E161">
        <f ca="1">ROUND(SQRT((VLOOKUP($A161,városok!$A$2:$C$346,2,0)-VLOOKUP(E$1,városok!$A$2:$C$346,2,0))^2+(VLOOKUP($A161,városok!$A$2:$C$346,3,0)-VLOOKUP(E$1,városok!$A$2:$C$346,3,0))^2)/1000,0)</f>
        <v>196</v>
      </c>
      <c r="F161">
        <f ca="1">ROUND(SQRT((VLOOKUP($A161,városok!$A$2:$C$346,2,0)-VLOOKUP(F$1,városok!$A$2:$C$346,2,0))^2+(VLOOKUP($A161,városok!$A$2:$C$346,3,0)-VLOOKUP(F$1,városok!$A$2:$C$346,3,0))^2)/1000,0)</f>
        <v>189</v>
      </c>
      <c r="G161">
        <f ca="1">ROUND(SQRT((VLOOKUP($A161,városok!$A$2:$C$346,2,0)-VLOOKUP(G$1,városok!$A$2:$C$346,2,0))^2+(VLOOKUP($A161,városok!$A$2:$C$346,3,0)-VLOOKUP(G$1,városok!$A$2:$C$346,3,0))^2)/1000,0)</f>
        <v>205</v>
      </c>
      <c r="H161">
        <f ca="1">ROUND(SQRT((VLOOKUP($A161,városok!$A$2:$C$346,2,0)-VLOOKUP(H$1,városok!$A$2:$C$346,2,0))^2+(VLOOKUP($A161,városok!$A$2:$C$346,3,0)-VLOOKUP(H$1,városok!$A$2:$C$346,3,0))^2)/1000,0)</f>
        <v>234</v>
      </c>
      <c r="I161">
        <f ca="1">ROUND(SQRT((VLOOKUP($A161,városok!$A$2:$C$346,2,0)-VLOOKUP(I$1,városok!$A$2:$C$346,2,0))^2+(VLOOKUP($A161,városok!$A$2:$C$346,3,0)-VLOOKUP(I$1,városok!$A$2:$C$346,3,0))^2)/1000,0)</f>
        <v>93</v>
      </c>
      <c r="J161">
        <f ca="1">ROUND(SQRT((VLOOKUP($A161,városok!$A$2:$C$346,2,0)-VLOOKUP(J$1,városok!$A$2:$C$346,2,0))^2+(VLOOKUP($A161,városok!$A$2:$C$346,3,0)-VLOOKUP(J$1,városok!$A$2:$C$346,3,0))^2)/1000,0)</f>
        <v>106</v>
      </c>
      <c r="K161">
        <f ca="1">ROUND(SQRT((VLOOKUP($A161,városok!$A$2:$C$346,2,0)-VLOOKUP(K$1,városok!$A$2:$C$346,2,0))^2+(VLOOKUP($A161,városok!$A$2:$C$346,3,0)-VLOOKUP(K$1,városok!$A$2:$C$346,3,0))^2)/1000,0)</f>
        <v>87</v>
      </c>
      <c r="L161">
        <f ca="1">ROUND(SQRT((VLOOKUP($A161,városok!$A$2:$C$346,2,0)-VLOOKUP(L$1,városok!$A$2:$C$346,2,0))^2+(VLOOKUP($A161,városok!$A$2:$C$346,3,0)-VLOOKUP(L$1,városok!$A$2:$C$346,3,0))^2)/1000,0)</f>
        <v>110</v>
      </c>
      <c r="M161">
        <f ca="1">ROUND(SQRT((VLOOKUP($A161,városok!$A$2:$C$346,2,0)-VLOOKUP(M$1,városok!$A$2:$C$346,2,0))^2+(VLOOKUP($A161,városok!$A$2:$C$346,3,0)-VLOOKUP(M$1,városok!$A$2:$C$346,3,0))^2)/1000,0)</f>
        <v>98</v>
      </c>
      <c r="N161">
        <f ca="1">ROUND(SQRT((VLOOKUP($A161,városok!$A$2:$C$346,2,0)-VLOOKUP(N$1,városok!$A$2:$C$346,2,0))^2+(VLOOKUP($A161,városok!$A$2:$C$346,3,0)-VLOOKUP(N$1,városok!$A$2:$C$346,3,0))^2)/1000,0)</f>
        <v>103</v>
      </c>
      <c r="O161">
        <f ca="1">ROUND(SQRT((VLOOKUP($A161,városok!$A$2:$C$346,2,0)-VLOOKUP(O$1,városok!$A$2:$C$346,2,0))^2+(VLOOKUP($A161,városok!$A$2:$C$346,3,0)-VLOOKUP(O$1,városok!$A$2:$C$346,3,0))^2)/1000,0)</f>
        <v>161</v>
      </c>
      <c r="P161">
        <f ca="1">ROUND(SQRT((VLOOKUP($A161,városok!$A$2:$C$346,2,0)-VLOOKUP(P$1,városok!$A$2:$C$346,2,0))^2+(VLOOKUP($A161,városok!$A$2:$C$346,3,0)-VLOOKUP(P$1,városok!$A$2:$C$346,3,0))^2)/1000,0)</f>
        <v>161</v>
      </c>
      <c r="Q161">
        <f ca="1">ROUND(SQRT((VLOOKUP($A161,városok!$A$2:$C$346,2,0)-VLOOKUP(Q$1,városok!$A$2:$C$346,2,0))^2+(VLOOKUP($A161,városok!$A$2:$C$346,3,0)-VLOOKUP(Q$1,városok!$A$2:$C$346,3,0))^2)/1000,0)</f>
        <v>98</v>
      </c>
      <c r="R161">
        <f ca="1">ROUND(SQRT((VLOOKUP($A161,városok!$A$2:$C$346,2,0)-VLOOKUP(R$1,városok!$A$2:$C$346,2,0))^2+(VLOOKUP($A161,városok!$A$2:$C$346,3,0)-VLOOKUP(R$1,városok!$A$2:$C$346,3,0))^2)/1000,0)</f>
        <v>121</v>
      </c>
      <c r="S161">
        <f ca="1">ROUND(SQRT((VLOOKUP($A161,városok!$A$2:$C$346,2,0)-VLOOKUP(S$1,városok!$A$2:$C$346,2,0))^2+(VLOOKUP($A161,városok!$A$2:$C$346,3,0)-VLOOKUP(S$1,városok!$A$2:$C$346,3,0))^2)/1000,0)</f>
        <v>117</v>
      </c>
      <c r="T161">
        <f ca="1">ROUND(SQRT((VLOOKUP($A161,városok!$A$2:$C$346,2,0)-VLOOKUP(T$1,városok!$A$2:$C$346,2,0))^2+(VLOOKUP($A161,városok!$A$2:$C$346,3,0)-VLOOKUP(T$1,városok!$A$2:$C$346,3,0))^2)/1000,0)</f>
        <v>124</v>
      </c>
      <c r="U161">
        <f ca="1">ROUND(SQRT((VLOOKUP($A161,városok!$A$2:$C$346,2,0)-VLOOKUP(U$1,városok!$A$2:$C$346,2,0))^2+(VLOOKUP($A161,városok!$A$2:$C$346,3,0)-VLOOKUP(U$1,városok!$A$2:$C$346,3,0))^2)/1000,0)</f>
        <v>107</v>
      </c>
      <c r="V161">
        <f ca="1">ROUND(SQRT((VLOOKUP($A161,városok!$A$2:$C$346,2,0)-VLOOKUP(V$1,városok!$A$2:$C$346,2,0))^2+(VLOOKUP($A161,városok!$A$2:$C$346,3,0)-VLOOKUP(V$1,városok!$A$2:$C$346,3,0))^2)/1000,0)</f>
        <v>151</v>
      </c>
      <c r="W161">
        <f ca="1">ROUND(SQRT((VLOOKUP($A161,városok!$A$2:$C$346,2,0)-VLOOKUP(W$1,városok!$A$2:$C$346,2,0))^2+(VLOOKUP($A161,városok!$A$2:$C$346,3,0)-VLOOKUP(W$1,városok!$A$2:$C$346,3,0))^2)/1000,0)</f>
        <v>132</v>
      </c>
      <c r="X161">
        <f ca="1">ROUND(SQRT((VLOOKUP($A161,városok!$A$2:$C$346,2,0)-VLOOKUP(X$1,városok!$A$2:$C$346,2,0))^2+(VLOOKUP($A161,városok!$A$2:$C$346,3,0)-VLOOKUP(X$1,városok!$A$2:$C$346,3,0))^2)/1000,0)</f>
        <v>146</v>
      </c>
      <c r="Y161">
        <f ca="1">ROUND(SQRT((VLOOKUP($A161,városok!$A$2:$C$346,2,0)-VLOOKUP(Y$1,városok!$A$2:$C$346,2,0))^2+(VLOOKUP($A161,városok!$A$2:$C$346,3,0)-VLOOKUP(Y$1,városok!$A$2:$C$346,3,0))^2)/1000,0)</f>
        <v>202</v>
      </c>
      <c r="Z161">
        <f ca="1">ROUND(SQRT((VLOOKUP($A161,városok!$A$2:$C$346,2,0)-VLOOKUP(Z$1,városok!$A$2:$C$346,2,0))^2+(VLOOKUP($A161,városok!$A$2:$C$346,3,0)-VLOOKUP(Z$1,városok!$A$2:$C$346,3,0))^2)/1000,0)</f>
        <v>221</v>
      </c>
      <c r="AA161">
        <f ca="1">ROUND(SQRT((VLOOKUP($A161,városok!$A$2:$C$346,2,0)-VLOOKUP(AA$1,városok!$A$2:$C$346,2,0))^2+(VLOOKUP($A161,városok!$A$2:$C$346,3,0)-VLOOKUP(AA$1,városok!$A$2:$C$346,3,0))^2)/1000,0)</f>
        <v>280</v>
      </c>
      <c r="AB161">
        <f ca="1">ROUND(SQRT((VLOOKUP($A161,városok!$A$2:$C$346,2,0)-VLOOKUP(AB$1,városok!$A$2:$C$346,2,0))^2+(VLOOKUP($A161,városok!$A$2:$C$346,3,0)-VLOOKUP(AB$1,városok!$A$2:$C$346,3,0))^2)/1000,0)</f>
        <v>107</v>
      </c>
      <c r="AC161">
        <f ca="1">ROUND(SQRT((VLOOKUP($A161,városok!$A$2:$C$346,2,0)-VLOOKUP(AC$1,városok!$A$2:$C$346,2,0))^2+(VLOOKUP($A161,városok!$A$2:$C$346,3,0)-VLOOKUP(AC$1,városok!$A$2:$C$346,3,0))^2)/1000,0)</f>
        <v>87</v>
      </c>
      <c r="AD161">
        <f ca="1">ROUND(SQRT((VLOOKUP($A161,városok!$A$2:$C$346,2,0)-VLOOKUP(AD$1,városok!$A$2:$C$346,2,0))^2+(VLOOKUP($A161,városok!$A$2:$C$346,3,0)-VLOOKUP(AD$1,városok!$A$2:$C$346,3,0))^2)/1000,0)</f>
        <v>70</v>
      </c>
      <c r="AE161">
        <f ca="1">ROUND(SQRT((VLOOKUP($A161,városok!$A$2:$C$346,2,0)-VLOOKUP(AE$1,városok!$A$2:$C$346,2,0))^2+(VLOOKUP($A161,városok!$A$2:$C$346,3,0)-VLOOKUP(AE$1,városok!$A$2:$C$346,3,0))^2)/1000,0)</f>
        <v>69</v>
      </c>
      <c r="AF161">
        <f ca="1">ROUND(SQRT((VLOOKUP($A161,városok!$A$2:$C$346,2,0)-VLOOKUP(AF$1,városok!$A$2:$C$346,2,0))^2+(VLOOKUP($A161,városok!$A$2:$C$346,3,0)-VLOOKUP(AF$1,városok!$A$2:$C$346,3,0))^2)/1000,0)</f>
        <v>68</v>
      </c>
      <c r="AG161">
        <f ca="1">ROUND(SQRT((VLOOKUP($A161,városok!$A$2:$C$346,2,0)-VLOOKUP(AG$1,városok!$A$2:$C$346,2,0))^2+(VLOOKUP($A161,városok!$A$2:$C$346,3,0)-VLOOKUP(AG$1,városok!$A$2:$C$346,3,0))^2)/1000,0)</f>
        <v>59</v>
      </c>
      <c r="AH161">
        <f ca="1">ROUND(SQRT((VLOOKUP($A161,városok!$A$2:$C$346,2,0)-VLOOKUP(AH$1,városok!$A$2:$C$346,2,0))^2+(VLOOKUP($A161,városok!$A$2:$C$346,3,0)-VLOOKUP(AH$1,városok!$A$2:$C$346,3,0))^2)/1000,0)</f>
        <v>60</v>
      </c>
      <c r="AI161">
        <f ca="1">ROUND(SQRT((VLOOKUP($A161,városok!$A$2:$C$346,2,0)-VLOOKUP(AI$1,városok!$A$2:$C$346,2,0))^2+(VLOOKUP($A161,városok!$A$2:$C$346,3,0)-VLOOKUP(AI$1,városok!$A$2:$C$346,3,0))^2)/1000,0)</f>
        <v>81</v>
      </c>
      <c r="AJ161">
        <f ca="1">ROUND(SQRT((VLOOKUP($A161,városok!$A$2:$C$346,2,0)-VLOOKUP(AJ$1,városok!$A$2:$C$346,2,0))^2+(VLOOKUP($A161,városok!$A$2:$C$346,3,0)-VLOOKUP(AJ$1,városok!$A$2:$C$346,3,0))^2)/1000,0)</f>
        <v>44</v>
      </c>
      <c r="AK161">
        <f ca="1">ROUND(SQRT((VLOOKUP($A161,városok!$A$2:$C$346,2,0)-VLOOKUP(AK$1,városok!$A$2:$C$346,2,0))^2+(VLOOKUP($A161,városok!$A$2:$C$346,3,0)-VLOOKUP(AK$1,városok!$A$2:$C$346,3,0))^2)/1000,0)</f>
        <v>54</v>
      </c>
      <c r="AL161">
        <f ca="1">ROUND(SQRT((VLOOKUP($A161,városok!$A$2:$C$346,2,0)-VLOOKUP(AL$1,városok!$A$2:$C$346,2,0))^2+(VLOOKUP($A161,városok!$A$2:$C$346,3,0)-VLOOKUP(AL$1,városok!$A$2:$C$346,3,0))^2)/1000,0)</f>
        <v>29</v>
      </c>
      <c r="AM161">
        <f ca="1">ROUND(SQRT((VLOOKUP($A161,városok!$A$2:$C$346,2,0)-VLOOKUP(AM$1,városok!$A$2:$C$346,2,0))^2+(VLOOKUP($A161,városok!$A$2:$C$346,3,0)-VLOOKUP(AM$1,városok!$A$2:$C$346,3,0))^2)/1000,0)</f>
        <v>14</v>
      </c>
      <c r="AN161">
        <f ca="1">ROUND(SQRT((VLOOKUP($A161,városok!$A$2:$C$346,2,0)-VLOOKUP(AN$1,városok!$A$2:$C$346,2,0))^2+(VLOOKUP($A161,városok!$A$2:$C$346,3,0)-VLOOKUP(AN$1,városok!$A$2:$C$346,3,0))^2)/1000,0)</f>
        <v>127</v>
      </c>
      <c r="AO161">
        <f ca="1">ROUND(SQRT((VLOOKUP($A161,városok!$A$2:$C$346,2,0)-VLOOKUP(AO$1,városok!$A$2:$C$346,2,0))^2+(VLOOKUP($A161,városok!$A$2:$C$346,3,0)-VLOOKUP(AO$1,városok!$A$2:$C$346,3,0))^2)/1000,0)</f>
        <v>168</v>
      </c>
      <c r="AP161">
        <f ca="1">ROUND(SQRT((VLOOKUP($A161,városok!$A$2:$C$346,2,0)-VLOOKUP(AP$1,városok!$A$2:$C$346,2,0))^2+(VLOOKUP($A161,városok!$A$2:$C$346,3,0)-VLOOKUP(AP$1,városok!$A$2:$C$346,3,0))^2)/1000,0)</f>
        <v>150</v>
      </c>
      <c r="AQ161">
        <f ca="1">ROUND(SQRT((VLOOKUP($A161,városok!$A$2:$C$346,2,0)-VLOOKUP(AQ$1,városok!$A$2:$C$346,2,0))^2+(VLOOKUP($A161,városok!$A$2:$C$346,3,0)-VLOOKUP(AQ$1,városok!$A$2:$C$346,3,0))^2)/1000,0)</f>
        <v>143</v>
      </c>
      <c r="AR161">
        <f ca="1">ROUND(SQRT((VLOOKUP($A161,városok!$A$2:$C$346,2,0)-VLOOKUP(AR$1,városok!$A$2:$C$346,2,0))^2+(VLOOKUP($A161,városok!$A$2:$C$346,3,0)-VLOOKUP(AR$1,városok!$A$2:$C$346,3,0))^2)/1000,0)</f>
        <v>81</v>
      </c>
      <c r="AS161">
        <f ca="1">ROUND(SQRT((VLOOKUP($A161,városok!$A$2:$C$346,2,0)-VLOOKUP(AS$1,városok!$A$2:$C$346,2,0))^2+(VLOOKUP($A161,városok!$A$2:$C$346,3,0)-VLOOKUP(AS$1,városok!$A$2:$C$346,3,0))^2)/1000,0)</f>
        <v>96</v>
      </c>
      <c r="AT161">
        <f ca="1">ROUND(SQRT((VLOOKUP($A161,városok!$A$2:$C$346,2,0)-VLOOKUP(AT$1,városok!$A$2:$C$346,2,0))^2+(VLOOKUP($A161,városok!$A$2:$C$346,3,0)-VLOOKUP(AT$1,városok!$A$2:$C$346,3,0))^2)/1000,0)</f>
        <v>110</v>
      </c>
      <c r="AU161">
        <f ca="1">ROUND(SQRT((VLOOKUP($A161,városok!$A$2:$C$346,2,0)-VLOOKUP(AU$1,városok!$A$2:$C$346,2,0))^2+(VLOOKUP($A161,városok!$A$2:$C$346,3,0)-VLOOKUP(AU$1,városok!$A$2:$C$346,3,0))^2)/1000,0)</f>
        <v>100</v>
      </c>
      <c r="AV161">
        <f ca="1">ROUND(SQRT((VLOOKUP($A161,városok!$A$2:$C$346,2,0)-VLOOKUP(AV$1,városok!$A$2:$C$346,2,0))^2+(VLOOKUP($A161,városok!$A$2:$C$346,3,0)-VLOOKUP(AV$1,városok!$A$2:$C$346,3,0))^2)/1000,0)</f>
        <v>100</v>
      </c>
      <c r="AW161">
        <f ca="1">ROUND(SQRT((VLOOKUP($A161,városok!$A$2:$C$346,2,0)-VLOOKUP(AW$1,városok!$A$2:$C$346,2,0))^2+(VLOOKUP($A161,városok!$A$2:$C$346,3,0)-VLOOKUP(AW$1,városok!$A$2:$C$346,3,0))^2)/1000,0)</f>
        <v>103</v>
      </c>
      <c r="AX161">
        <f ca="1">ROUND(SQRT((VLOOKUP($A161,városok!$A$2:$C$346,2,0)-VLOOKUP(AX$1,városok!$A$2:$C$346,2,0))^2+(VLOOKUP($A161,városok!$A$2:$C$346,3,0)-VLOOKUP(AX$1,városok!$A$2:$C$346,3,0))^2)/1000,0)</f>
        <v>47</v>
      </c>
      <c r="AY161">
        <f ca="1">ROUND(SQRT((VLOOKUP($A161,városok!$A$2:$C$346,2,0)-VLOOKUP(AY$1,városok!$A$2:$C$346,2,0))^2+(VLOOKUP($A161,városok!$A$2:$C$346,3,0)-VLOOKUP(AY$1,városok!$A$2:$C$346,3,0))^2)/1000,0)</f>
        <v>100</v>
      </c>
      <c r="AZ161">
        <f ca="1">ROUND(SQRT((VLOOKUP($A161,városok!$A$2:$C$346,2,0)-VLOOKUP(AZ$1,városok!$A$2:$C$346,2,0))^2+(VLOOKUP($A161,városok!$A$2:$C$346,3,0)-VLOOKUP(AZ$1,városok!$A$2:$C$346,3,0))^2)/1000,0)</f>
        <v>111</v>
      </c>
      <c r="BA161">
        <f ca="1">ROUND(SQRT((VLOOKUP($A161,városok!$A$2:$C$346,2,0)-VLOOKUP(BA$1,városok!$A$2:$C$346,2,0))^2+(VLOOKUP($A161,városok!$A$2:$C$346,3,0)-VLOOKUP(BA$1,városok!$A$2:$C$346,3,0))^2)/1000,0)</f>
        <v>203</v>
      </c>
      <c r="BB161">
        <f ca="1">ROUND(SQRT((VLOOKUP($A161,városok!$A$2:$C$346,2,0)-VLOOKUP(BB$1,városok!$A$2:$C$346,2,0))^2+(VLOOKUP($A161,városok!$A$2:$C$346,3,0)-VLOOKUP(BB$1,városok!$A$2:$C$346,3,0))^2)/1000,0)</f>
        <v>196</v>
      </c>
      <c r="BC161">
        <f ca="1">ROUND(SQRT((VLOOKUP($A161,városok!$A$2:$C$346,2,0)-VLOOKUP(BC$1,városok!$A$2:$C$346,2,0))^2+(VLOOKUP($A161,városok!$A$2:$C$346,3,0)-VLOOKUP(BC$1,városok!$A$2:$C$346,3,0))^2)/1000,0)</f>
        <v>215</v>
      </c>
      <c r="BD161">
        <f ca="1">ROUND(SQRT((VLOOKUP($A161,városok!$A$2:$C$346,2,0)-VLOOKUP(BD$1,városok!$A$2:$C$346,2,0))^2+(VLOOKUP($A161,városok!$A$2:$C$346,3,0)-VLOOKUP(BD$1,városok!$A$2:$C$346,3,0))^2)/1000,0)</f>
        <v>172</v>
      </c>
      <c r="BE161">
        <f ca="1">ROUND(SQRT((VLOOKUP($A161,városok!$A$2:$C$346,2,0)-VLOOKUP(BE$1,városok!$A$2:$C$346,2,0))^2+(VLOOKUP($A161,városok!$A$2:$C$346,3,0)-VLOOKUP(BE$1,városok!$A$2:$C$346,3,0))^2)/1000,0)</f>
        <v>191</v>
      </c>
      <c r="BF161">
        <f ca="1">ROUND(SQRT((VLOOKUP($A161,városok!$A$2:$C$346,2,0)-VLOOKUP(BF$1,városok!$A$2:$C$346,2,0))^2+(VLOOKUP($A161,városok!$A$2:$C$346,3,0)-VLOOKUP(BF$1,városok!$A$2:$C$346,3,0))^2)/1000,0)</f>
        <v>171</v>
      </c>
      <c r="BG161">
        <f ca="1">ROUND(SQRT((VLOOKUP($A161,városok!$A$2:$C$346,2,0)-VLOOKUP(BG$1,városok!$A$2:$C$346,2,0))^2+(VLOOKUP($A161,városok!$A$2:$C$346,3,0)-VLOOKUP(BG$1,városok!$A$2:$C$346,3,0))^2)/1000,0)</f>
        <v>129</v>
      </c>
      <c r="BH161">
        <f ca="1">ROUND(SQRT((VLOOKUP($A161,városok!$A$2:$C$346,2,0)-VLOOKUP(BH$1,városok!$A$2:$C$346,2,0))^2+(VLOOKUP($A161,városok!$A$2:$C$346,3,0)-VLOOKUP(BH$1,városok!$A$2:$C$346,3,0))^2)/1000,0)</f>
        <v>129</v>
      </c>
      <c r="BI161">
        <f ca="1">ROUND(SQRT((VLOOKUP($A161,városok!$A$2:$C$346,2,0)-VLOOKUP(BI$1,városok!$A$2:$C$346,2,0))^2+(VLOOKUP($A161,városok!$A$2:$C$346,3,0)-VLOOKUP(BI$1,városok!$A$2:$C$346,3,0))^2)/1000,0)</f>
        <v>160</v>
      </c>
      <c r="BJ161">
        <f ca="1">ROUND(SQRT((VLOOKUP($A161,városok!$A$2:$C$346,2,0)-VLOOKUP(BJ$1,városok!$A$2:$C$346,2,0))^2+(VLOOKUP($A161,városok!$A$2:$C$346,3,0)-VLOOKUP(BJ$1,városok!$A$2:$C$346,3,0))^2)/1000,0)</f>
        <v>178</v>
      </c>
      <c r="BK161">
        <f ca="1">ROUND(SQRT((VLOOKUP($A161,városok!$A$2:$C$346,2,0)-VLOOKUP(BK$1,városok!$A$2:$C$346,2,0))^2+(VLOOKUP($A161,városok!$A$2:$C$346,3,0)-VLOOKUP(BK$1,városok!$A$2:$C$346,3,0))^2)/1000,0)</f>
        <v>159</v>
      </c>
      <c r="BL161">
        <f ca="1">ROUND(SQRT((VLOOKUP($A161,városok!$A$2:$C$346,2,0)-VLOOKUP(BL$1,városok!$A$2:$C$346,2,0))^2+(VLOOKUP($A161,városok!$A$2:$C$346,3,0)-VLOOKUP(BL$1,városok!$A$2:$C$346,3,0))^2)/1000,0)</f>
        <v>279</v>
      </c>
      <c r="BM161">
        <f ca="1">ROUND(SQRT((VLOOKUP($A161,városok!$A$2:$C$346,2,0)-VLOOKUP(BM$1,városok!$A$2:$C$346,2,0))^2+(VLOOKUP($A161,városok!$A$2:$C$346,3,0)-VLOOKUP(BM$1,városok!$A$2:$C$346,3,0))^2)/1000,0)</f>
        <v>252</v>
      </c>
      <c r="BN161">
        <f ca="1">ROUND(SQRT((VLOOKUP($A161,városok!$A$2:$C$346,2,0)-VLOOKUP(BN$1,városok!$A$2:$C$346,2,0))^2+(VLOOKUP($A161,városok!$A$2:$C$346,3,0)-VLOOKUP(BN$1,városok!$A$2:$C$346,3,0))^2)/1000,0)</f>
        <v>275</v>
      </c>
      <c r="BO161">
        <f ca="1">ROUND(SQRT((VLOOKUP($A161,városok!$A$2:$C$346,2,0)-VLOOKUP(BO$1,városok!$A$2:$C$346,2,0))^2+(VLOOKUP($A161,városok!$A$2:$C$346,3,0)-VLOOKUP(BO$1,városok!$A$2:$C$346,3,0))^2)/1000,0)</f>
        <v>173</v>
      </c>
      <c r="BP161">
        <f ca="1">ROUND(SQRT((VLOOKUP($A161,városok!$A$2:$C$346,2,0)-VLOOKUP(BP$1,városok!$A$2:$C$346,2,0))^2+(VLOOKUP($A161,városok!$A$2:$C$346,3,0)-VLOOKUP(BP$1,városok!$A$2:$C$346,3,0))^2)/1000,0)</f>
        <v>165</v>
      </c>
      <c r="BQ161">
        <f ca="1">ROUND(SQRT((VLOOKUP($A161,városok!$A$2:$C$346,2,0)-VLOOKUP(BQ$1,városok!$A$2:$C$346,2,0))^2+(VLOOKUP($A161,városok!$A$2:$C$346,3,0)-VLOOKUP(BQ$1,városok!$A$2:$C$346,3,0))^2)/1000,0)</f>
        <v>179</v>
      </c>
      <c r="BR161">
        <f ca="1">ROUND(SQRT((VLOOKUP($A161,városok!$A$2:$C$346,2,0)-VLOOKUP(BR$1,városok!$A$2:$C$346,2,0))^2+(VLOOKUP($A161,városok!$A$2:$C$346,3,0)-VLOOKUP(BR$1,városok!$A$2:$C$346,3,0))^2)/1000,0)</f>
        <v>236</v>
      </c>
      <c r="BS161">
        <f ca="1">ROUND(SQRT((VLOOKUP($A161,városok!$A$2:$C$346,2,0)-VLOOKUP(BS$1,városok!$A$2:$C$346,2,0))^2+(VLOOKUP($A161,városok!$A$2:$C$346,3,0)-VLOOKUP(BS$1,városok!$A$2:$C$346,3,0))^2)/1000,0)</f>
        <v>266</v>
      </c>
      <c r="BT161">
        <f ca="1">ROUND(SQRT((VLOOKUP($A161,városok!$A$2:$C$346,2,0)-VLOOKUP(BT$1,városok!$A$2:$C$346,2,0))^2+(VLOOKUP($A161,városok!$A$2:$C$346,3,0)-VLOOKUP(BT$1,városok!$A$2:$C$346,3,0))^2)/1000,0)</f>
        <v>265</v>
      </c>
    </row>
    <row r="162" spans="1:72" x14ac:dyDescent="0.2">
      <c r="A162" t="str">
        <f>városok!A162</f>
        <v>Fegyvernek</v>
      </c>
      <c r="B162">
        <f ca="1">ROUND(SQRT((VLOOKUP($A162,városok!$A$2:$C$346,2,0)-VLOOKUP(B$1,városok!$A$2:$C$346,2,0))^2+(VLOOKUP($A162,városok!$A$2:$C$346,3,0)-VLOOKUP(B$1,városok!$A$2:$C$346,3,0))^2)/1000,0)</f>
        <v>169</v>
      </c>
      <c r="C162">
        <f ca="1">ROUND(SQRT((VLOOKUP($A162,városok!$A$2:$C$346,2,0)-VLOOKUP(C$1,városok!$A$2:$C$346,2,0))^2+(VLOOKUP($A162,városok!$A$2:$C$346,3,0)-VLOOKUP(C$1,városok!$A$2:$C$346,3,0))^2)/1000,0)</f>
        <v>143</v>
      </c>
      <c r="D162">
        <f ca="1">ROUND(SQRT((VLOOKUP($A162,városok!$A$2:$C$346,2,0)-VLOOKUP(D$1,városok!$A$2:$C$346,2,0))^2+(VLOOKUP($A162,városok!$A$2:$C$346,3,0)-VLOOKUP(D$1,városok!$A$2:$C$346,3,0))^2)/1000,0)</f>
        <v>74</v>
      </c>
      <c r="E162">
        <f ca="1">ROUND(SQRT((VLOOKUP($A162,városok!$A$2:$C$346,2,0)-VLOOKUP(E$1,városok!$A$2:$C$346,2,0))^2+(VLOOKUP($A162,városok!$A$2:$C$346,3,0)-VLOOKUP(E$1,városok!$A$2:$C$346,3,0))^2)/1000,0)</f>
        <v>210</v>
      </c>
      <c r="F162">
        <f ca="1">ROUND(SQRT((VLOOKUP($A162,városok!$A$2:$C$346,2,0)-VLOOKUP(F$1,városok!$A$2:$C$346,2,0))^2+(VLOOKUP($A162,városok!$A$2:$C$346,3,0)-VLOOKUP(F$1,városok!$A$2:$C$346,3,0))^2)/1000,0)</f>
        <v>199</v>
      </c>
      <c r="G162">
        <f ca="1">ROUND(SQRT((VLOOKUP($A162,városok!$A$2:$C$346,2,0)-VLOOKUP(G$1,városok!$A$2:$C$346,2,0))^2+(VLOOKUP($A162,városok!$A$2:$C$346,3,0)-VLOOKUP(G$1,városok!$A$2:$C$346,3,0))^2)/1000,0)</f>
        <v>218</v>
      </c>
      <c r="H162">
        <f ca="1">ROUND(SQRT((VLOOKUP($A162,városok!$A$2:$C$346,2,0)-VLOOKUP(H$1,városok!$A$2:$C$346,2,0))^2+(VLOOKUP($A162,városok!$A$2:$C$346,3,0)-VLOOKUP(H$1,városok!$A$2:$C$346,3,0))^2)/1000,0)</f>
        <v>248</v>
      </c>
      <c r="I162">
        <f ca="1">ROUND(SQRT((VLOOKUP($A162,városok!$A$2:$C$346,2,0)-VLOOKUP(I$1,városok!$A$2:$C$346,2,0))^2+(VLOOKUP($A162,városok!$A$2:$C$346,3,0)-VLOOKUP(I$1,városok!$A$2:$C$346,3,0))^2)/1000,0)</f>
        <v>78</v>
      </c>
      <c r="J162">
        <f ca="1">ROUND(SQRT((VLOOKUP($A162,városok!$A$2:$C$346,2,0)-VLOOKUP(J$1,városok!$A$2:$C$346,2,0))^2+(VLOOKUP($A162,városok!$A$2:$C$346,3,0)-VLOOKUP(J$1,városok!$A$2:$C$346,3,0))^2)/1000,0)</f>
        <v>89</v>
      </c>
      <c r="K162">
        <f ca="1">ROUND(SQRT((VLOOKUP($A162,városok!$A$2:$C$346,2,0)-VLOOKUP(K$1,városok!$A$2:$C$346,2,0))^2+(VLOOKUP($A162,városok!$A$2:$C$346,3,0)-VLOOKUP(K$1,városok!$A$2:$C$346,3,0))^2)/1000,0)</f>
        <v>78</v>
      </c>
      <c r="L162">
        <f ca="1">ROUND(SQRT((VLOOKUP($A162,városok!$A$2:$C$346,2,0)-VLOOKUP(L$1,városok!$A$2:$C$346,2,0))^2+(VLOOKUP($A162,városok!$A$2:$C$346,3,0)-VLOOKUP(L$1,városok!$A$2:$C$346,3,0))^2)/1000,0)</f>
        <v>111</v>
      </c>
      <c r="M162">
        <f ca="1">ROUND(SQRT((VLOOKUP($A162,városok!$A$2:$C$346,2,0)-VLOOKUP(M$1,városok!$A$2:$C$346,2,0))^2+(VLOOKUP($A162,városok!$A$2:$C$346,3,0)-VLOOKUP(M$1,városok!$A$2:$C$346,3,0))^2)/1000,0)</f>
        <v>96</v>
      </c>
      <c r="N162">
        <f ca="1">ROUND(SQRT((VLOOKUP($A162,városok!$A$2:$C$346,2,0)-VLOOKUP(N$1,városok!$A$2:$C$346,2,0))^2+(VLOOKUP($A162,városok!$A$2:$C$346,3,0)-VLOOKUP(N$1,városok!$A$2:$C$346,3,0))^2)/1000,0)</f>
        <v>108</v>
      </c>
      <c r="O162">
        <f ca="1">ROUND(SQRT((VLOOKUP($A162,városok!$A$2:$C$346,2,0)-VLOOKUP(O$1,városok!$A$2:$C$346,2,0))^2+(VLOOKUP($A162,városok!$A$2:$C$346,3,0)-VLOOKUP(O$1,városok!$A$2:$C$346,3,0))^2)/1000,0)</f>
        <v>152</v>
      </c>
      <c r="P162">
        <f ca="1">ROUND(SQRT((VLOOKUP($A162,városok!$A$2:$C$346,2,0)-VLOOKUP(P$1,városok!$A$2:$C$346,2,0))^2+(VLOOKUP($A162,városok!$A$2:$C$346,3,0)-VLOOKUP(P$1,városok!$A$2:$C$346,3,0))^2)/1000,0)</f>
        <v>152</v>
      </c>
      <c r="Q162">
        <f ca="1">ROUND(SQRT((VLOOKUP($A162,városok!$A$2:$C$346,2,0)-VLOOKUP(Q$1,városok!$A$2:$C$346,2,0))^2+(VLOOKUP($A162,városok!$A$2:$C$346,3,0)-VLOOKUP(Q$1,városok!$A$2:$C$346,3,0))^2)/1000,0)</f>
        <v>95</v>
      </c>
      <c r="R162">
        <f ca="1">ROUND(SQRT((VLOOKUP($A162,városok!$A$2:$C$346,2,0)-VLOOKUP(R$1,városok!$A$2:$C$346,2,0))^2+(VLOOKUP($A162,városok!$A$2:$C$346,3,0)-VLOOKUP(R$1,városok!$A$2:$C$346,3,0))^2)/1000,0)</f>
        <v>116</v>
      </c>
      <c r="S162">
        <f ca="1">ROUND(SQRT((VLOOKUP($A162,városok!$A$2:$C$346,2,0)-VLOOKUP(S$1,városok!$A$2:$C$346,2,0))^2+(VLOOKUP($A162,városok!$A$2:$C$346,3,0)-VLOOKUP(S$1,városok!$A$2:$C$346,3,0))^2)/1000,0)</f>
        <v>116</v>
      </c>
      <c r="T162">
        <f ca="1">ROUND(SQRT((VLOOKUP($A162,városok!$A$2:$C$346,2,0)-VLOOKUP(T$1,városok!$A$2:$C$346,2,0))^2+(VLOOKUP($A162,városok!$A$2:$C$346,3,0)-VLOOKUP(T$1,városok!$A$2:$C$346,3,0))^2)/1000,0)</f>
        <v>145</v>
      </c>
      <c r="U162">
        <f ca="1">ROUND(SQRT((VLOOKUP($A162,városok!$A$2:$C$346,2,0)-VLOOKUP(U$1,városok!$A$2:$C$346,2,0))^2+(VLOOKUP($A162,városok!$A$2:$C$346,3,0)-VLOOKUP(U$1,városok!$A$2:$C$346,3,0))^2)/1000,0)</f>
        <v>125</v>
      </c>
      <c r="V162">
        <f ca="1">ROUND(SQRT((VLOOKUP($A162,városok!$A$2:$C$346,2,0)-VLOOKUP(V$1,városok!$A$2:$C$346,2,0))^2+(VLOOKUP($A162,városok!$A$2:$C$346,3,0)-VLOOKUP(V$1,városok!$A$2:$C$346,3,0))^2)/1000,0)</f>
        <v>170</v>
      </c>
      <c r="W162">
        <f ca="1">ROUND(SQRT((VLOOKUP($A162,városok!$A$2:$C$346,2,0)-VLOOKUP(W$1,városok!$A$2:$C$346,2,0))^2+(VLOOKUP($A162,városok!$A$2:$C$346,3,0)-VLOOKUP(W$1,városok!$A$2:$C$346,3,0))^2)/1000,0)</f>
        <v>150</v>
      </c>
      <c r="X162">
        <f ca="1">ROUND(SQRT((VLOOKUP($A162,városok!$A$2:$C$346,2,0)-VLOOKUP(X$1,városok!$A$2:$C$346,2,0))^2+(VLOOKUP($A162,városok!$A$2:$C$346,3,0)-VLOOKUP(X$1,városok!$A$2:$C$346,3,0))^2)/1000,0)</f>
        <v>166</v>
      </c>
      <c r="Y162">
        <f ca="1">ROUND(SQRT((VLOOKUP($A162,városok!$A$2:$C$346,2,0)-VLOOKUP(Y$1,városok!$A$2:$C$346,2,0))^2+(VLOOKUP($A162,városok!$A$2:$C$346,3,0)-VLOOKUP(Y$1,városok!$A$2:$C$346,3,0))^2)/1000,0)</f>
        <v>223</v>
      </c>
      <c r="Z162">
        <f ca="1">ROUND(SQRT((VLOOKUP($A162,városok!$A$2:$C$346,2,0)-VLOOKUP(Z$1,városok!$A$2:$C$346,2,0))^2+(VLOOKUP($A162,városok!$A$2:$C$346,3,0)-VLOOKUP(Z$1,városok!$A$2:$C$346,3,0))^2)/1000,0)</f>
        <v>242</v>
      </c>
      <c r="AA162">
        <f ca="1">ROUND(SQRT((VLOOKUP($A162,városok!$A$2:$C$346,2,0)-VLOOKUP(AA$1,városok!$A$2:$C$346,2,0))^2+(VLOOKUP($A162,városok!$A$2:$C$346,3,0)-VLOOKUP(AA$1,városok!$A$2:$C$346,3,0))^2)/1000,0)</f>
        <v>301</v>
      </c>
      <c r="AB162">
        <f ca="1">ROUND(SQRT((VLOOKUP($A162,városok!$A$2:$C$346,2,0)-VLOOKUP(AB$1,városok!$A$2:$C$346,2,0))^2+(VLOOKUP($A162,városok!$A$2:$C$346,3,0)-VLOOKUP(AB$1,városok!$A$2:$C$346,3,0))^2)/1000,0)</f>
        <v>89</v>
      </c>
      <c r="AC162">
        <f ca="1">ROUND(SQRT((VLOOKUP($A162,városok!$A$2:$C$346,2,0)-VLOOKUP(AC$1,városok!$A$2:$C$346,2,0))^2+(VLOOKUP($A162,városok!$A$2:$C$346,3,0)-VLOOKUP(AC$1,városok!$A$2:$C$346,3,0))^2)/1000,0)</f>
        <v>69</v>
      </c>
      <c r="AD162">
        <f ca="1">ROUND(SQRT((VLOOKUP($A162,városok!$A$2:$C$346,2,0)-VLOOKUP(AD$1,városok!$A$2:$C$346,2,0))^2+(VLOOKUP($A162,városok!$A$2:$C$346,3,0)-VLOOKUP(AD$1,városok!$A$2:$C$346,3,0))^2)/1000,0)</f>
        <v>51</v>
      </c>
      <c r="AE162">
        <f ca="1">ROUND(SQRT((VLOOKUP($A162,városok!$A$2:$C$346,2,0)-VLOOKUP(AE$1,városok!$A$2:$C$346,2,0))^2+(VLOOKUP($A162,városok!$A$2:$C$346,3,0)-VLOOKUP(AE$1,városok!$A$2:$C$346,3,0))^2)/1000,0)</f>
        <v>49</v>
      </c>
      <c r="AF162">
        <f ca="1">ROUND(SQRT((VLOOKUP($A162,városok!$A$2:$C$346,2,0)-VLOOKUP(AF$1,városok!$A$2:$C$346,2,0))^2+(VLOOKUP($A162,városok!$A$2:$C$346,3,0)-VLOOKUP(AF$1,városok!$A$2:$C$346,3,0))^2)/1000,0)</f>
        <v>72</v>
      </c>
      <c r="AG162">
        <f ca="1">ROUND(SQRT((VLOOKUP($A162,városok!$A$2:$C$346,2,0)-VLOOKUP(AG$1,városok!$A$2:$C$346,2,0))^2+(VLOOKUP($A162,városok!$A$2:$C$346,3,0)-VLOOKUP(AG$1,városok!$A$2:$C$346,3,0))^2)/1000,0)</f>
        <v>73</v>
      </c>
      <c r="AH162">
        <f ca="1">ROUND(SQRT((VLOOKUP($A162,városok!$A$2:$C$346,2,0)-VLOOKUP(AH$1,városok!$A$2:$C$346,2,0))^2+(VLOOKUP($A162,városok!$A$2:$C$346,3,0)-VLOOKUP(AH$1,városok!$A$2:$C$346,3,0))^2)/1000,0)</f>
        <v>78</v>
      </c>
      <c r="AI162">
        <f ca="1">ROUND(SQRT((VLOOKUP($A162,városok!$A$2:$C$346,2,0)-VLOOKUP(AI$1,városok!$A$2:$C$346,2,0))^2+(VLOOKUP($A162,városok!$A$2:$C$346,3,0)-VLOOKUP(AI$1,városok!$A$2:$C$346,3,0))^2)/1000,0)</f>
        <v>90</v>
      </c>
      <c r="AJ162">
        <f ca="1">ROUND(SQRT((VLOOKUP($A162,városok!$A$2:$C$346,2,0)-VLOOKUP(AJ$1,városok!$A$2:$C$346,2,0))^2+(VLOOKUP($A162,városok!$A$2:$C$346,3,0)-VLOOKUP(AJ$1,városok!$A$2:$C$346,3,0))^2)/1000,0)</f>
        <v>59</v>
      </c>
      <c r="AK162">
        <f ca="1">ROUND(SQRT((VLOOKUP($A162,városok!$A$2:$C$346,2,0)-VLOOKUP(AK$1,városok!$A$2:$C$346,2,0))^2+(VLOOKUP($A162,városok!$A$2:$C$346,3,0)-VLOOKUP(AK$1,városok!$A$2:$C$346,3,0))^2)/1000,0)</f>
        <v>34</v>
      </c>
      <c r="AL162">
        <f ca="1">ROUND(SQRT((VLOOKUP($A162,városok!$A$2:$C$346,2,0)-VLOOKUP(AL$1,városok!$A$2:$C$346,2,0))^2+(VLOOKUP($A162,városok!$A$2:$C$346,3,0)-VLOOKUP(AL$1,városok!$A$2:$C$346,3,0))^2)/1000,0)</f>
        <v>14</v>
      </c>
      <c r="AM162">
        <f ca="1">ROUND(SQRT((VLOOKUP($A162,városok!$A$2:$C$346,2,0)-VLOOKUP(AM$1,városok!$A$2:$C$346,2,0))^2+(VLOOKUP($A162,városok!$A$2:$C$346,3,0)-VLOOKUP(AM$1,városok!$A$2:$C$346,3,0))^2)/1000,0)</f>
        <v>27</v>
      </c>
      <c r="AN162">
        <f ca="1">ROUND(SQRT((VLOOKUP($A162,városok!$A$2:$C$346,2,0)-VLOOKUP(AN$1,városok!$A$2:$C$346,2,0))^2+(VLOOKUP($A162,városok!$A$2:$C$346,3,0)-VLOOKUP(AN$1,városok!$A$2:$C$346,3,0))^2)/1000,0)</f>
        <v>146</v>
      </c>
      <c r="AO162">
        <f ca="1">ROUND(SQRT((VLOOKUP($A162,városok!$A$2:$C$346,2,0)-VLOOKUP(AO$1,városok!$A$2:$C$346,2,0))^2+(VLOOKUP($A162,városok!$A$2:$C$346,3,0)-VLOOKUP(AO$1,városok!$A$2:$C$346,3,0))^2)/1000,0)</f>
        <v>189</v>
      </c>
      <c r="AP162">
        <f ca="1">ROUND(SQRT((VLOOKUP($A162,városok!$A$2:$C$346,2,0)-VLOOKUP(AP$1,városok!$A$2:$C$346,2,0))^2+(VLOOKUP($A162,városok!$A$2:$C$346,3,0)-VLOOKUP(AP$1,városok!$A$2:$C$346,3,0))^2)/1000,0)</f>
        <v>171</v>
      </c>
      <c r="AQ162">
        <f ca="1">ROUND(SQRT((VLOOKUP($A162,városok!$A$2:$C$346,2,0)-VLOOKUP(AQ$1,városok!$A$2:$C$346,2,0))^2+(VLOOKUP($A162,városok!$A$2:$C$346,3,0)-VLOOKUP(AQ$1,városok!$A$2:$C$346,3,0))^2)/1000,0)</f>
        <v>163</v>
      </c>
      <c r="AR162">
        <f ca="1">ROUND(SQRT((VLOOKUP($A162,városok!$A$2:$C$346,2,0)-VLOOKUP(AR$1,városok!$A$2:$C$346,2,0))^2+(VLOOKUP($A162,városok!$A$2:$C$346,3,0)-VLOOKUP(AR$1,városok!$A$2:$C$346,3,0))^2)/1000,0)</f>
        <v>96</v>
      </c>
      <c r="AS162">
        <f ca="1">ROUND(SQRT((VLOOKUP($A162,városok!$A$2:$C$346,2,0)-VLOOKUP(AS$1,városok!$A$2:$C$346,2,0))^2+(VLOOKUP($A162,városok!$A$2:$C$346,3,0)-VLOOKUP(AS$1,városok!$A$2:$C$346,3,0))^2)/1000,0)</f>
        <v>109</v>
      </c>
      <c r="AT162">
        <f ca="1">ROUND(SQRT((VLOOKUP($A162,városok!$A$2:$C$346,2,0)-VLOOKUP(AT$1,városok!$A$2:$C$346,2,0))^2+(VLOOKUP($A162,városok!$A$2:$C$346,3,0)-VLOOKUP(AT$1,városok!$A$2:$C$346,3,0))^2)/1000,0)</f>
        <v>131</v>
      </c>
      <c r="AU162">
        <f ca="1">ROUND(SQRT((VLOOKUP($A162,városok!$A$2:$C$346,2,0)-VLOOKUP(AU$1,városok!$A$2:$C$346,2,0))^2+(VLOOKUP($A162,városok!$A$2:$C$346,3,0)-VLOOKUP(AU$1,városok!$A$2:$C$346,3,0))^2)/1000,0)</f>
        <v>120</v>
      </c>
      <c r="AV162">
        <f ca="1">ROUND(SQRT((VLOOKUP($A162,városok!$A$2:$C$346,2,0)-VLOOKUP(AV$1,városok!$A$2:$C$346,2,0))^2+(VLOOKUP($A162,városok!$A$2:$C$346,3,0)-VLOOKUP(AV$1,városok!$A$2:$C$346,3,0))^2)/1000,0)</f>
        <v>120</v>
      </c>
      <c r="AW162">
        <f ca="1">ROUND(SQRT((VLOOKUP($A162,városok!$A$2:$C$346,2,0)-VLOOKUP(AW$1,városok!$A$2:$C$346,2,0))^2+(VLOOKUP($A162,városok!$A$2:$C$346,3,0)-VLOOKUP(AW$1,városok!$A$2:$C$346,3,0))^2)/1000,0)</f>
        <v>123</v>
      </c>
      <c r="AX162">
        <f ca="1">ROUND(SQRT((VLOOKUP($A162,városok!$A$2:$C$346,2,0)-VLOOKUP(AX$1,városok!$A$2:$C$346,2,0))^2+(VLOOKUP($A162,városok!$A$2:$C$346,3,0)-VLOOKUP(AX$1,városok!$A$2:$C$346,3,0))^2)/1000,0)</f>
        <v>62</v>
      </c>
      <c r="AY162">
        <f ca="1">ROUND(SQRT((VLOOKUP($A162,városok!$A$2:$C$346,2,0)-VLOOKUP(AY$1,városok!$A$2:$C$346,2,0))^2+(VLOOKUP($A162,városok!$A$2:$C$346,3,0)-VLOOKUP(AY$1,városok!$A$2:$C$346,3,0))^2)/1000,0)</f>
        <v>120</v>
      </c>
      <c r="AZ162">
        <f ca="1">ROUND(SQRT((VLOOKUP($A162,városok!$A$2:$C$346,2,0)-VLOOKUP(AZ$1,városok!$A$2:$C$346,2,0))^2+(VLOOKUP($A162,városok!$A$2:$C$346,3,0)-VLOOKUP(AZ$1,városok!$A$2:$C$346,3,0))^2)/1000,0)</f>
        <v>131</v>
      </c>
      <c r="BA162">
        <f ca="1">ROUND(SQRT((VLOOKUP($A162,városok!$A$2:$C$346,2,0)-VLOOKUP(BA$1,városok!$A$2:$C$346,2,0))^2+(VLOOKUP($A162,városok!$A$2:$C$346,3,0)-VLOOKUP(BA$1,városok!$A$2:$C$346,3,0))^2)/1000,0)</f>
        <v>221</v>
      </c>
      <c r="BB162">
        <f ca="1">ROUND(SQRT((VLOOKUP($A162,városok!$A$2:$C$346,2,0)-VLOOKUP(BB$1,városok!$A$2:$C$346,2,0))^2+(VLOOKUP($A162,városok!$A$2:$C$346,3,0)-VLOOKUP(BB$1,városok!$A$2:$C$346,3,0))^2)/1000,0)</f>
        <v>212</v>
      </c>
      <c r="BC162">
        <f ca="1">ROUND(SQRT((VLOOKUP($A162,városok!$A$2:$C$346,2,0)-VLOOKUP(BC$1,városok!$A$2:$C$346,2,0))^2+(VLOOKUP($A162,városok!$A$2:$C$346,3,0)-VLOOKUP(BC$1,városok!$A$2:$C$346,3,0))^2)/1000,0)</f>
        <v>231</v>
      </c>
      <c r="BD162">
        <f ca="1">ROUND(SQRT((VLOOKUP($A162,városok!$A$2:$C$346,2,0)-VLOOKUP(BD$1,városok!$A$2:$C$346,2,0))^2+(VLOOKUP($A162,városok!$A$2:$C$346,3,0)-VLOOKUP(BD$1,városok!$A$2:$C$346,3,0))^2)/1000,0)</f>
        <v>191</v>
      </c>
      <c r="BE162">
        <f ca="1">ROUND(SQRT((VLOOKUP($A162,városok!$A$2:$C$346,2,0)-VLOOKUP(BE$1,városok!$A$2:$C$346,2,0))^2+(VLOOKUP($A162,városok!$A$2:$C$346,3,0)-VLOOKUP(BE$1,városok!$A$2:$C$346,3,0))^2)/1000,0)</f>
        <v>174</v>
      </c>
      <c r="BF162">
        <f ca="1">ROUND(SQRT((VLOOKUP($A162,városok!$A$2:$C$346,2,0)-VLOOKUP(BF$1,városok!$A$2:$C$346,2,0))^2+(VLOOKUP($A162,városok!$A$2:$C$346,3,0)-VLOOKUP(BF$1,városok!$A$2:$C$346,3,0))^2)/1000,0)</f>
        <v>158</v>
      </c>
      <c r="BG162">
        <f ca="1">ROUND(SQRT((VLOOKUP($A162,városok!$A$2:$C$346,2,0)-VLOOKUP(BG$1,városok!$A$2:$C$346,2,0))^2+(VLOOKUP($A162,városok!$A$2:$C$346,3,0)-VLOOKUP(BG$1,városok!$A$2:$C$346,3,0))^2)/1000,0)</f>
        <v>119</v>
      </c>
      <c r="BH162">
        <f ca="1">ROUND(SQRT((VLOOKUP($A162,városok!$A$2:$C$346,2,0)-VLOOKUP(BH$1,városok!$A$2:$C$346,2,0))^2+(VLOOKUP($A162,városok!$A$2:$C$346,3,0)-VLOOKUP(BH$1,városok!$A$2:$C$346,3,0))^2)/1000,0)</f>
        <v>119</v>
      </c>
      <c r="BI162">
        <f ca="1">ROUND(SQRT((VLOOKUP($A162,városok!$A$2:$C$346,2,0)-VLOOKUP(BI$1,városok!$A$2:$C$346,2,0))^2+(VLOOKUP($A162,városok!$A$2:$C$346,3,0)-VLOOKUP(BI$1,városok!$A$2:$C$346,3,0))^2)/1000,0)</f>
        <v>174</v>
      </c>
      <c r="BJ162">
        <f ca="1">ROUND(SQRT((VLOOKUP($A162,városok!$A$2:$C$346,2,0)-VLOOKUP(BJ$1,városok!$A$2:$C$346,2,0))^2+(VLOOKUP($A162,városok!$A$2:$C$346,3,0)-VLOOKUP(BJ$1,városok!$A$2:$C$346,3,0))^2)/1000,0)</f>
        <v>191</v>
      </c>
      <c r="BK162">
        <f ca="1">ROUND(SQRT((VLOOKUP($A162,városok!$A$2:$C$346,2,0)-VLOOKUP(BK$1,városok!$A$2:$C$346,2,0))^2+(VLOOKUP($A162,városok!$A$2:$C$346,3,0)-VLOOKUP(BK$1,városok!$A$2:$C$346,3,0))^2)/1000,0)</f>
        <v>172</v>
      </c>
      <c r="BL162">
        <f ca="1">ROUND(SQRT((VLOOKUP($A162,városok!$A$2:$C$346,2,0)-VLOOKUP(BL$1,városok!$A$2:$C$346,2,0))^2+(VLOOKUP($A162,városok!$A$2:$C$346,3,0)-VLOOKUP(BL$1,városok!$A$2:$C$346,3,0))^2)/1000,0)</f>
        <v>299</v>
      </c>
      <c r="BM162">
        <f ca="1">ROUND(SQRT((VLOOKUP($A162,városok!$A$2:$C$346,2,0)-VLOOKUP(BM$1,városok!$A$2:$C$346,2,0))^2+(VLOOKUP($A162,városok!$A$2:$C$346,3,0)-VLOOKUP(BM$1,városok!$A$2:$C$346,3,0))^2)/1000,0)</f>
        <v>272</v>
      </c>
      <c r="BN162">
        <f ca="1">ROUND(SQRT((VLOOKUP($A162,városok!$A$2:$C$346,2,0)-VLOOKUP(BN$1,városok!$A$2:$C$346,2,0))^2+(VLOOKUP($A162,városok!$A$2:$C$346,3,0)-VLOOKUP(BN$1,városok!$A$2:$C$346,3,0))^2)/1000,0)</f>
        <v>295</v>
      </c>
      <c r="BO162">
        <f ca="1">ROUND(SQRT((VLOOKUP($A162,városok!$A$2:$C$346,2,0)-VLOOKUP(BO$1,városok!$A$2:$C$346,2,0))^2+(VLOOKUP($A162,városok!$A$2:$C$346,3,0)-VLOOKUP(BO$1,városok!$A$2:$C$346,3,0))^2)/1000,0)</f>
        <v>192</v>
      </c>
      <c r="BP162">
        <f ca="1">ROUND(SQRT((VLOOKUP($A162,városok!$A$2:$C$346,2,0)-VLOOKUP(BP$1,városok!$A$2:$C$346,2,0))^2+(VLOOKUP($A162,városok!$A$2:$C$346,3,0)-VLOOKUP(BP$1,városok!$A$2:$C$346,3,0))^2)/1000,0)</f>
        <v>185</v>
      </c>
      <c r="BQ162">
        <f ca="1">ROUND(SQRT((VLOOKUP($A162,városok!$A$2:$C$346,2,0)-VLOOKUP(BQ$1,városok!$A$2:$C$346,2,0))^2+(VLOOKUP($A162,városok!$A$2:$C$346,3,0)-VLOOKUP(BQ$1,városok!$A$2:$C$346,3,0))^2)/1000,0)</f>
        <v>199</v>
      </c>
      <c r="BR162">
        <f ca="1">ROUND(SQRT((VLOOKUP($A162,városok!$A$2:$C$346,2,0)-VLOOKUP(BR$1,városok!$A$2:$C$346,2,0))^2+(VLOOKUP($A162,városok!$A$2:$C$346,3,0)-VLOOKUP(BR$1,városok!$A$2:$C$346,3,0))^2)/1000,0)</f>
        <v>254</v>
      </c>
      <c r="BS162">
        <f ca="1">ROUND(SQRT((VLOOKUP($A162,városok!$A$2:$C$346,2,0)-VLOOKUP(BS$1,városok!$A$2:$C$346,2,0))^2+(VLOOKUP($A162,városok!$A$2:$C$346,3,0)-VLOOKUP(BS$1,városok!$A$2:$C$346,3,0))^2)/1000,0)</f>
        <v>284</v>
      </c>
      <c r="BT162">
        <f ca="1">ROUND(SQRT((VLOOKUP($A162,városok!$A$2:$C$346,2,0)-VLOOKUP(BT$1,városok!$A$2:$C$346,2,0))^2+(VLOOKUP($A162,városok!$A$2:$C$346,3,0)-VLOOKUP(BT$1,városok!$A$2:$C$346,3,0))^2)/1000,0)</f>
        <v>284</v>
      </c>
    </row>
    <row r="163" spans="1:72" x14ac:dyDescent="0.2">
      <c r="A163" t="str">
        <f>városok!A163</f>
        <v>Jászapáti</v>
      </c>
      <c r="B163">
        <f ca="1">ROUND(SQRT((VLOOKUP($A163,városok!$A$2:$C$346,2,0)-VLOOKUP(B$1,városok!$A$2:$C$346,2,0))^2+(VLOOKUP($A163,városok!$A$2:$C$346,3,0)-VLOOKUP(B$1,városok!$A$2:$C$346,3,0))^2)/1000,0)</f>
        <v>173</v>
      </c>
      <c r="C163">
        <f ca="1">ROUND(SQRT((VLOOKUP($A163,városok!$A$2:$C$346,2,0)-VLOOKUP(C$1,városok!$A$2:$C$346,2,0))^2+(VLOOKUP($A163,városok!$A$2:$C$346,3,0)-VLOOKUP(C$1,városok!$A$2:$C$346,3,0))^2)/1000,0)</f>
        <v>141</v>
      </c>
      <c r="D163">
        <f ca="1">ROUND(SQRT((VLOOKUP($A163,városok!$A$2:$C$346,2,0)-VLOOKUP(D$1,városok!$A$2:$C$346,2,0))^2+(VLOOKUP($A163,városok!$A$2:$C$346,3,0)-VLOOKUP(D$1,városok!$A$2:$C$346,3,0))^2)/1000,0)</f>
        <v>75</v>
      </c>
      <c r="E163">
        <f ca="1">ROUND(SQRT((VLOOKUP($A163,városok!$A$2:$C$346,2,0)-VLOOKUP(E$1,városok!$A$2:$C$346,2,0))^2+(VLOOKUP($A163,városok!$A$2:$C$346,3,0)-VLOOKUP(E$1,városok!$A$2:$C$346,3,0))^2)/1000,0)</f>
        <v>205</v>
      </c>
      <c r="F163">
        <f ca="1">ROUND(SQRT((VLOOKUP($A163,városok!$A$2:$C$346,2,0)-VLOOKUP(F$1,városok!$A$2:$C$346,2,0))^2+(VLOOKUP($A163,városok!$A$2:$C$346,3,0)-VLOOKUP(F$1,városok!$A$2:$C$346,3,0))^2)/1000,0)</f>
        <v>202</v>
      </c>
      <c r="G163">
        <f ca="1">ROUND(SQRT((VLOOKUP($A163,városok!$A$2:$C$346,2,0)-VLOOKUP(G$1,városok!$A$2:$C$346,2,0))^2+(VLOOKUP($A163,városok!$A$2:$C$346,3,0)-VLOOKUP(G$1,városok!$A$2:$C$346,3,0))^2)/1000,0)</f>
        <v>215</v>
      </c>
      <c r="H163">
        <f ca="1">ROUND(SQRT((VLOOKUP($A163,városok!$A$2:$C$346,2,0)-VLOOKUP(H$1,városok!$A$2:$C$346,2,0))^2+(VLOOKUP($A163,városok!$A$2:$C$346,3,0)-VLOOKUP(H$1,városok!$A$2:$C$346,3,0))^2)/1000,0)</f>
        <v>242</v>
      </c>
      <c r="I163">
        <f ca="1">ROUND(SQRT((VLOOKUP($A163,városok!$A$2:$C$346,2,0)-VLOOKUP(I$1,városok!$A$2:$C$346,2,0))^2+(VLOOKUP($A163,városok!$A$2:$C$346,3,0)-VLOOKUP(I$1,városok!$A$2:$C$346,3,0))^2)/1000,0)</f>
        <v>117</v>
      </c>
      <c r="J163">
        <f ca="1">ROUND(SQRT((VLOOKUP($A163,városok!$A$2:$C$346,2,0)-VLOOKUP(J$1,városok!$A$2:$C$346,2,0))^2+(VLOOKUP($A163,városok!$A$2:$C$346,3,0)-VLOOKUP(J$1,városok!$A$2:$C$346,3,0))^2)/1000,0)</f>
        <v>129</v>
      </c>
      <c r="K163">
        <f ca="1">ROUND(SQRT((VLOOKUP($A163,városok!$A$2:$C$346,2,0)-VLOOKUP(K$1,városok!$A$2:$C$346,2,0))^2+(VLOOKUP($A163,városok!$A$2:$C$346,3,0)-VLOOKUP(K$1,városok!$A$2:$C$346,3,0))^2)/1000,0)</f>
        <v>113</v>
      </c>
      <c r="L163">
        <f ca="1">ROUND(SQRT((VLOOKUP($A163,városok!$A$2:$C$346,2,0)-VLOOKUP(L$1,városok!$A$2:$C$346,2,0))^2+(VLOOKUP($A163,városok!$A$2:$C$346,3,0)-VLOOKUP(L$1,városok!$A$2:$C$346,3,0))^2)/1000,0)</f>
        <v>90</v>
      </c>
      <c r="M163">
        <f ca="1">ROUND(SQRT((VLOOKUP($A163,városok!$A$2:$C$346,2,0)-VLOOKUP(M$1,városok!$A$2:$C$346,2,0))^2+(VLOOKUP($A163,városok!$A$2:$C$346,3,0)-VLOOKUP(M$1,városok!$A$2:$C$346,3,0))^2)/1000,0)</f>
        <v>82</v>
      </c>
      <c r="N163">
        <f ca="1">ROUND(SQRT((VLOOKUP($A163,városok!$A$2:$C$346,2,0)-VLOOKUP(N$1,városok!$A$2:$C$346,2,0))^2+(VLOOKUP($A163,városok!$A$2:$C$346,3,0)-VLOOKUP(N$1,városok!$A$2:$C$346,3,0))^2)/1000,0)</f>
        <v>80</v>
      </c>
      <c r="O163">
        <f ca="1">ROUND(SQRT((VLOOKUP($A163,városok!$A$2:$C$346,2,0)-VLOOKUP(O$1,városok!$A$2:$C$346,2,0))^2+(VLOOKUP($A163,városok!$A$2:$C$346,3,0)-VLOOKUP(O$1,városok!$A$2:$C$346,3,0))^2)/1000,0)</f>
        <v>150</v>
      </c>
      <c r="P163">
        <f ca="1">ROUND(SQRT((VLOOKUP($A163,városok!$A$2:$C$346,2,0)-VLOOKUP(P$1,városok!$A$2:$C$346,2,0))^2+(VLOOKUP($A163,városok!$A$2:$C$346,3,0)-VLOOKUP(P$1,városok!$A$2:$C$346,3,0))^2)/1000,0)</f>
        <v>150</v>
      </c>
      <c r="Q163">
        <f ca="1">ROUND(SQRT((VLOOKUP($A163,városok!$A$2:$C$346,2,0)-VLOOKUP(Q$1,városok!$A$2:$C$346,2,0))^2+(VLOOKUP($A163,városok!$A$2:$C$346,3,0)-VLOOKUP(Q$1,városok!$A$2:$C$346,3,0))^2)/1000,0)</f>
        <v>122</v>
      </c>
      <c r="R163">
        <f ca="1">ROUND(SQRT((VLOOKUP($A163,városok!$A$2:$C$346,2,0)-VLOOKUP(R$1,városok!$A$2:$C$346,2,0))^2+(VLOOKUP($A163,városok!$A$2:$C$346,3,0)-VLOOKUP(R$1,városok!$A$2:$C$346,3,0))^2)/1000,0)</f>
        <v>146</v>
      </c>
      <c r="S163">
        <f ca="1">ROUND(SQRT((VLOOKUP($A163,városok!$A$2:$C$346,2,0)-VLOOKUP(S$1,városok!$A$2:$C$346,2,0))^2+(VLOOKUP($A163,városok!$A$2:$C$346,3,0)-VLOOKUP(S$1,városok!$A$2:$C$346,3,0))^2)/1000,0)</f>
        <v>141</v>
      </c>
      <c r="T163">
        <f ca="1">ROUND(SQRT((VLOOKUP($A163,városok!$A$2:$C$346,2,0)-VLOOKUP(T$1,városok!$A$2:$C$346,2,0))^2+(VLOOKUP($A163,városok!$A$2:$C$346,3,0)-VLOOKUP(T$1,városok!$A$2:$C$346,3,0))^2)/1000,0)</f>
        <v>113</v>
      </c>
      <c r="U163">
        <f ca="1">ROUND(SQRT((VLOOKUP($A163,városok!$A$2:$C$346,2,0)-VLOOKUP(U$1,városok!$A$2:$C$346,2,0))^2+(VLOOKUP($A163,városok!$A$2:$C$346,3,0)-VLOOKUP(U$1,városok!$A$2:$C$346,3,0))^2)/1000,0)</f>
        <v>110</v>
      </c>
      <c r="V163">
        <f ca="1">ROUND(SQRT((VLOOKUP($A163,városok!$A$2:$C$346,2,0)-VLOOKUP(V$1,városok!$A$2:$C$346,2,0))^2+(VLOOKUP($A163,városok!$A$2:$C$346,3,0)-VLOOKUP(V$1,városok!$A$2:$C$346,3,0))^2)/1000,0)</f>
        <v>148</v>
      </c>
      <c r="W163">
        <f ca="1">ROUND(SQRT((VLOOKUP($A163,városok!$A$2:$C$346,2,0)-VLOOKUP(W$1,városok!$A$2:$C$346,2,0))^2+(VLOOKUP($A163,városok!$A$2:$C$346,3,0)-VLOOKUP(W$1,városok!$A$2:$C$346,3,0))^2)/1000,0)</f>
        <v>134</v>
      </c>
      <c r="X163">
        <f ca="1">ROUND(SQRT((VLOOKUP($A163,városok!$A$2:$C$346,2,0)-VLOOKUP(X$1,városok!$A$2:$C$346,2,0))^2+(VLOOKUP($A163,városok!$A$2:$C$346,3,0)-VLOOKUP(X$1,városok!$A$2:$C$346,3,0))^2)/1000,0)</f>
        <v>139</v>
      </c>
      <c r="Y163">
        <f ca="1">ROUND(SQRT((VLOOKUP($A163,városok!$A$2:$C$346,2,0)-VLOOKUP(Y$1,városok!$A$2:$C$346,2,0))^2+(VLOOKUP($A163,városok!$A$2:$C$346,3,0)-VLOOKUP(Y$1,városok!$A$2:$C$346,3,0))^2)/1000,0)</f>
        <v>189</v>
      </c>
      <c r="Z163">
        <f ca="1">ROUND(SQRT((VLOOKUP($A163,városok!$A$2:$C$346,2,0)-VLOOKUP(Z$1,városok!$A$2:$C$346,2,0))^2+(VLOOKUP($A163,városok!$A$2:$C$346,3,0)-VLOOKUP(Z$1,városok!$A$2:$C$346,3,0))^2)/1000,0)</f>
        <v>208</v>
      </c>
      <c r="AA163">
        <f ca="1">ROUND(SQRT((VLOOKUP($A163,városok!$A$2:$C$346,2,0)-VLOOKUP(AA$1,városok!$A$2:$C$346,2,0))^2+(VLOOKUP($A163,városok!$A$2:$C$346,3,0)-VLOOKUP(AA$1,városok!$A$2:$C$346,3,0))^2)/1000,0)</f>
        <v>268</v>
      </c>
      <c r="AB163">
        <f ca="1">ROUND(SQRT((VLOOKUP($A163,városok!$A$2:$C$346,2,0)-VLOOKUP(AB$1,városok!$A$2:$C$346,2,0))^2+(VLOOKUP($A163,városok!$A$2:$C$346,3,0)-VLOOKUP(AB$1,városok!$A$2:$C$346,3,0))^2)/1000,0)</f>
        <v>112</v>
      </c>
      <c r="AC163">
        <f ca="1">ROUND(SQRT((VLOOKUP($A163,városok!$A$2:$C$346,2,0)-VLOOKUP(AC$1,városok!$A$2:$C$346,2,0))^2+(VLOOKUP($A163,városok!$A$2:$C$346,3,0)-VLOOKUP(AC$1,városok!$A$2:$C$346,3,0))^2)/1000,0)</f>
        <v>95</v>
      </c>
      <c r="AD163">
        <f ca="1">ROUND(SQRT((VLOOKUP($A163,városok!$A$2:$C$346,2,0)-VLOOKUP(AD$1,városok!$A$2:$C$346,2,0))^2+(VLOOKUP($A163,városok!$A$2:$C$346,3,0)-VLOOKUP(AD$1,városok!$A$2:$C$346,3,0))^2)/1000,0)</f>
        <v>77</v>
      </c>
      <c r="AE163">
        <f ca="1">ROUND(SQRT((VLOOKUP($A163,városok!$A$2:$C$346,2,0)-VLOOKUP(AE$1,városok!$A$2:$C$346,2,0))^2+(VLOOKUP($A163,városok!$A$2:$C$346,3,0)-VLOOKUP(AE$1,városok!$A$2:$C$346,3,0))^2)/1000,0)</f>
        <v>82</v>
      </c>
      <c r="AF163">
        <f ca="1">ROUND(SQRT((VLOOKUP($A163,városok!$A$2:$C$346,2,0)-VLOOKUP(AF$1,városok!$A$2:$C$346,2,0))^2+(VLOOKUP($A163,városok!$A$2:$C$346,3,0)-VLOOKUP(AF$1,városok!$A$2:$C$346,3,0))^2)/1000,0)</f>
        <v>47</v>
      </c>
      <c r="AG163">
        <f ca="1">ROUND(SQRT((VLOOKUP($A163,városok!$A$2:$C$346,2,0)-VLOOKUP(AG$1,városok!$A$2:$C$346,2,0))^2+(VLOOKUP($A163,városok!$A$2:$C$346,3,0)-VLOOKUP(AG$1,városok!$A$2:$C$346,3,0))^2)/1000,0)</f>
        <v>34</v>
      </c>
      <c r="AH163">
        <f ca="1">ROUND(SQRT((VLOOKUP($A163,városok!$A$2:$C$346,2,0)-VLOOKUP(AH$1,városok!$A$2:$C$346,2,0))^2+(VLOOKUP($A163,városok!$A$2:$C$346,3,0)-VLOOKUP(AH$1,városok!$A$2:$C$346,3,0))^2)/1000,0)</f>
        <v>39</v>
      </c>
      <c r="AI163">
        <f ca="1">ROUND(SQRT((VLOOKUP($A163,városok!$A$2:$C$346,2,0)-VLOOKUP(AI$1,városok!$A$2:$C$346,2,0))^2+(VLOOKUP($A163,városok!$A$2:$C$346,3,0)-VLOOKUP(AI$1,városok!$A$2:$C$346,3,0))^2)/1000,0)</f>
        <v>56</v>
      </c>
      <c r="AJ163">
        <f ca="1">ROUND(SQRT((VLOOKUP($A163,városok!$A$2:$C$346,2,0)-VLOOKUP(AJ$1,városok!$A$2:$C$346,2,0))^2+(VLOOKUP($A163,városok!$A$2:$C$346,3,0)-VLOOKUP(AJ$1,városok!$A$2:$C$346,3,0))^2)/1000,0)</f>
        <v>19</v>
      </c>
      <c r="AK163">
        <f ca="1">ROUND(SQRT((VLOOKUP($A163,városok!$A$2:$C$346,2,0)-VLOOKUP(AK$1,városok!$A$2:$C$346,2,0))^2+(VLOOKUP($A163,városok!$A$2:$C$346,3,0)-VLOOKUP(AK$1,városok!$A$2:$C$346,3,0))^2)/1000,0)</f>
        <v>68</v>
      </c>
      <c r="AL163">
        <f ca="1">ROUND(SQRT((VLOOKUP($A163,városok!$A$2:$C$346,2,0)-VLOOKUP(AL$1,városok!$A$2:$C$346,2,0))^2+(VLOOKUP($A163,városok!$A$2:$C$346,3,0)-VLOOKUP(AL$1,városok!$A$2:$C$346,3,0))^2)/1000,0)</f>
        <v>40</v>
      </c>
      <c r="AM163">
        <f ca="1">ROUND(SQRT((VLOOKUP($A163,városok!$A$2:$C$346,2,0)-VLOOKUP(AM$1,városok!$A$2:$C$346,2,0))^2+(VLOOKUP($A163,városok!$A$2:$C$346,3,0)-VLOOKUP(AM$1,városok!$A$2:$C$346,3,0))^2)/1000,0)</f>
        <v>37</v>
      </c>
      <c r="AN163">
        <f ca="1">ROUND(SQRT((VLOOKUP($A163,városok!$A$2:$C$346,2,0)-VLOOKUP(AN$1,városok!$A$2:$C$346,2,0))^2+(VLOOKUP($A163,városok!$A$2:$C$346,3,0)-VLOOKUP(AN$1,városok!$A$2:$C$346,3,0))^2)/1000,0)</f>
        <v>109</v>
      </c>
      <c r="AO163">
        <f ca="1">ROUND(SQRT((VLOOKUP($A163,városok!$A$2:$C$346,2,0)-VLOOKUP(AO$1,városok!$A$2:$C$346,2,0))^2+(VLOOKUP($A163,városok!$A$2:$C$346,3,0)-VLOOKUP(AO$1,városok!$A$2:$C$346,3,0))^2)/1000,0)</f>
        <v>154</v>
      </c>
      <c r="AP163">
        <f ca="1">ROUND(SQRT((VLOOKUP($A163,városok!$A$2:$C$346,2,0)-VLOOKUP(AP$1,városok!$A$2:$C$346,2,0))^2+(VLOOKUP($A163,városok!$A$2:$C$346,3,0)-VLOOKUP(AP$1,városok!$A$2:$C$346,3,0))^2)/1000,0)</f>
        <v>137</v>
      </c>
      <c r="AQ163">
        <f ca="1">ROUND(SQRT((VLOOKUP($A163,városok!$A$2:$C$346,2,0)-VLOOKUP(AQ$1,városok!$A$2:$C$346,2,0))^2+(VLOOKUP($A163,városok!$A$2:$C$346,3,0)-VLOOKUP(AQ$1,városok!$A$2:$C$346,3,0))^2)/1000,0)</f>
        <v>130</v>
      </c>
      <c r="AR163">
        <f ca="1">ROUND(SQRT((VLOOKUP($A163,városok!$A$2:$C$346,2,0)-VLOOKUP(AR$1,városok!$A$2:$C$346,2,0))^2+(VLOOKUP($A163,városok!$A$2:$C$346,3,0)-VLOOKUP(AR$1,városok!$A$2:$C$346,3,0))^2)/1000,0)</f>
        <v>56</v>
      </c>
      <c r="AS163">
        <f ca="1">ROUND(SQRT((VLOOKUP($A163,városok!$A$2:$C$346,2,0)-VLOOKUP(AS$1,városok!$A$2:$C$346,2,0))^2+(VLOOKUP($A163,városok!$A$2:$C$346,3,0)-VLOOKUP(AS$1,városok!$A$2:$C$346,3,0))^2)/1000,0)</f>
        <v>71</v>
      </c>
      <c r="AT163">
        <f ca="1">ROUND(SQRT((VLOOKUP($A163,városok!$A$2:$C$346,2,0)-VLOOKUP(AT$1,városok!$A$2:$C$346,2,0))^2+(VLOOKUP($A163,városok!$A$2:$C$346,3,0)-VLOOKUP(AT$1,városok!$A$2:$C$346,3,0))^2)/1000,0)</f>
        <v>100</v>
      </c>
      <c r="AU163">
        <f ca="1">ROUND(SQRT((VLOOKUP($A163,városok!$A$2:$C$346,2,0)-VLOOKUP(AU$1,városok!$A$2:$C$346,2,0))^2+(VLOOKUP($A163,városok!$A$2:$C$346,3,0)-VLOOKUP(AU$1,városok!$A$2:$C$346,3,0))^2)/1000,0)</f>
        <v>89</v>
      </c>
      <c r="AV163">
        <f ca="1">ROUND(SQRT((VLOOKUP($A163,városok!$A$2:$C$346,2,0)-VLOOKUP(AV$1,városok!$A$2:$C$346,2,0))^2+(VLOOKUP($A163,városok!$A$2:$C$346,3,0)-VLOOKUP(AV$1,városok!$A$2:$C$346,3,0))^2)/1000,0)</f>
        <v>90</v>
      </c>
      <c r="AW163">
        <f ca="1">ROUND(SQRT((VLOOKUP($A163,városok!$A$2:$C$346,2,0)-VLOOKUP(AW$1,városok!$A$2:$C$346,2,0))^2+(VLOOKUP($A163,városok!$A$2:$C$346,3,0)-VLOOKUP(AW$1,városok!$A$2:$C$346,3,0))^2)/1000,0)</f>
        <v>94</v>
      </c>
      <c r="AX163">
        <f ca="1">ROUND(SQRT((VLOOKUP($A163,városok!$A$2:$C$346,2,0)-VLOOKUP(AX$1,városok!$A$2:$C$346,2,0))^2+(VLOOKUP($A163,városok!$A$2:$C$346,3,0)-VLOOKUP(AX$1,városok!$A$2:$C$346,3,0))^2)/1000,0)</f>
        <v>60</v>
      </c>
      <c r="AY163">
        <f ca="1">ROUND(SQRT((VLOOKUP($A163,városok!$A$2:$C$346,2,0)-VLOOKUP(AY$1,városok!$A$2:$C$346,2,0))^2+(VLOOKUP($A163,városok!$A$2:$C$346,3,0)-VLOOKUP(AY$1,városok!$A$2:$C$346,3,0))^2)/1000,0)</f>
        <v>83</v>
      </c>
      <c r="AZ163">
        <f ca="1">ROUND(SQRT((VLOOKUP($A163,városok!$A$2:$C$346,2,0)-VLOOKUP(AZ$1,városok!$A$2:$C$346,2,0))^2+(VLOOKUP($A163,városok!$A$2:$C$346,3,0)-VLOOKUP(AZ$1,városok!$A$2:$C$346,3,0))^2)/1000,0)</f>
        <v>93</v>
      </c>
      <c r="BA163">
        <f ca="1">ROUND(SQRT((VLOOKUP($A163,városok!$A$2:$C$346,2,0)-VLOOKUP(BA$1,városok!$A$2:$C$346,2,0))^2+(VLOOKUP($A163,városok!$A$2:$C$346,3,0)-VLOOKUP(BA$1,városok!$A$2:$C$346,3,0))^2)/1000,0)</f>
        <v>202</v>
      </c>
      <c r="BB163">
        <f ca="1">ROUND(SQRT((VLOOKUP($A163,városok!$A$2:$C$346,2,0)-VLOOKUP(BB$1,városok!$A$2:$C$346,2,0))^2+(VLOOKUP($A163,városok!$A$2:$C$346,3,0)-VLOOKUP(BB$1,városok!$A$2:$C$346,3,0))^2)/1000,0)</f>
        <v>199</v>
      </c>
      <c r="BC163">
        <f ca="1">ROUND(SQRT((VLOOKUP($A163,városok!$A$2:$C$346,2,0)-VLOOKUP(BC$1,városok!$A$2:$C$346,2,0))^2+(VLOOKUP($A163,városok!$A$2:$C$346,3,0)-VLOOKUP(BC$1,városok!$A$2:$C$346,3,0))^2)/1000,0)</f>
        <v>220</v>
      </c>
      <c r="BD163">
        <f ca="1">ROUND(SQRT((VLOOKUP($A163,városok!$A$2:$C$346,2,0)-VLOOKUP(BD$1,városok!$A$2:$C$346,2,0))^2+(VLOOKUP($A163,városok!$A$2:$C$346,3,0)-VLOOKUP(BD$1,városok!$A$2:$C$346,3,0))^2)/1000,0)</f>
        <v>171</v>
      </c>
      <c r="BE163">
        <f ca="1">ROUND(SQRT((VLOOKUP($A163,városok!$A$2:$C$346,2,0)-VLOOKUP(BE$1,városok!$A$2:$C$346,2,0))^2+(VLOOKUP($A163,városok!$A$2:$C$346,3,0)-VLOOKUP(BE$1,városok!$A$2:$C$346,3,0))^2)/1000,0)</f>
        <v>193</v>
      </c>
      <c r="BF163">
        <f ca="1">ROUND(SQRT((VLOOKUP($A163,városok!$A$2:$C$346,2,0)-VLOOKUP(BF$1,városok!$A$2:$C$346,2,0))^2+(VLOOKUP($A163,városok!$A$2:$C$346,3,0)-VLOOKUP(BF$1,városok!$A$2:$C$346,3,0))^2)/1000,0)</f>
        <v>165</v>
      </c>
      <c r="BG163">
        <f ca="1">ROUND(SQRT((VLOOKUP($A163,városok!$A$2:$C$346,2,0)-VLOOKUP(BG$1,városok!$A$2:$C$346,2,0))^2+(VLOOKUP($A163,városok!$A$2:$C$346,3,0)-VLOOKUP(BG$1,városok!$A$2:$C$346,3,0))^2)/1000,0)</f>
        <v>120</v>
      </c>
      <c r="BH163">
        <f ca="1">ROUND(SQRT((VLOOKUP($A163,városok!$A$2:$C$346,2,0)-VLOOKUP(BH$1,városok!$A$2:$C$346,2,0))^2+(VLOOKUP($A163,városok!$A$2:$C$346,3,0)-VLOOKUP(BH$1,városok!$A$2:$C$346,3,0))^2)/1000,0)</f>
        <v>120</v>
      </c>
      <c r="BI163">
        <f ca="1">ROUND(SQRT((VLOOKUP($A163,városok!$A$2:$C$346,2,0)-VLOOKUP(BI$1,városok!$A$2:$C$346,2,0))^2+(VLOOKUP($A163,városok!$A$2:$C$346,3,0)-VLOOKUP(BI$1,városok!$A$2:$C$346,3,0))^2)/1000,0)</f>
        <v>169</v>
      </c>
      <c r="BJ163">
        <f ca="1">ROUND(SQRT((VLOOKUP($A163,városok!$A$2:$C$346,2,0)-VLOOKUP(BJ$1,városok!$A$2:$C$346,2,0))^2+(VLOOKUP($A163,városok!$A$2:$C$346,3,0)-VLOOKUP(BJ$1,városok!$A$2:$C$346,3,0))^2)/1000,0)</f>
        <v>187</v>
      </c>
      <c r="BK163">
        <f ca="1">ROUND(SQRT((VLOOKUP($A163,városok!$A$2:$C$346,2,0)-VLOOKUP(BK$1,városok!$A$2:$C$346,2,0))^2+(VLOOKUP($A163,városok!$A$2:$C$346,3,0)-VLOOKUP(BK$1,városok!$A$2:$C$346,3,0))^2)/1000,0)</f>
        <v>169</v>
      </c>
      <c r="BL163">
        <f ca="1">ROUND(SQRT((VLOOKUP($A163,városok!$A$2:$C$346,2,0)-VLOOKUP(BL$1,városok!$A$2:$C$346,2,0))^2+(VLOOKUP($A163,városok!$A$2:$C$346,3,0)-VLOOKUP(BL$1,városok!$A$2:$C$346,3,0))^2)/1000,0)</f>
        <v>273</v>
      </c>
      <c r="BM163">
        <f ca="1">ROUND(SQRT((VLOOKUP($A163,városok!$A$2:$C$346,2,0)-VLOOKUP(BM$1,városok!$A$2:$C$346,2,0))^2+(VLOOKUP($A163,városok!$A$2:$C$346,3,0)-VLOOKUP(BM$1,városok!$A$2:$C$346,3,0))^2)/1000,0)</f>
        <v>244</v>
      </c>
      <c r="BN163">
        <f ca="1">ROUND(SQRT((VLOOKUP($A163,városok!$A$2:$C$346,2,0)-VLOOKUP(BN$1,városok!$A$2:$C$346,2,0))^2+(VLOOKUP($A163,városok!$A$2:$C$346,3,0)-VLOOKUP(BN$1,városok!$A$2:$C$346,3,0))^2)/1000,0)</f>
        <v>267</v>
      </c>
      <c r="BO163">
        <f ca="1">ROUND(SQRT((VLOOKUP($A163,városok!$A$2:$C$346,2,0)-VLOOKUP(BO$1,városok!$A$2:$C$346,2,0))^2+(VLOOKUP($A163,városok!$A$2:$C$346,3,0)-VLOOKUP(BO$1,városok!$A$2:$C$346,3,0))^2)/1000,0)</f>
        <v>170</v>
      </c>
      <c r="BP163">
        <f ca="1">ROUND(SQRT((VLOOKUP($A163,városok!$A$2:$C$346,2,0)-VLOOKUP(BP$1,városok!$A$2:$C$346,2,0))^2+(VLOOKUP($A163,városok!$A$2:$C$346,3,0)-VLOOKUP(BP$1,városok!$A$2:$C$346,3,0))^2)/1000,0)</f>
        <v>162</v>
      </c>
      <c r="BQ163">
        <f ca="1">ROUND(SQRT((VLOOKUP($A163,városok!$A$2:$C$346,2,0)-VLOOKUP(BQ$1,városok!$A$2:$C$346,2,0))^2+(VLOOKUP($A163,városok!$A$2:$C$346,3,0)-VLOOKUP(BQ$1,városok!$A$2:$C$346,3,0))^2)/1000,0)</f>
        <v>175</v>
      </c>
      <c r="BR163">
        <f ca="1">ROUND(SQRT((VLOOKUP($A163,városok!$A$2:$C$346,2,0)-VLOOKUP(BR$1,városok!$A$2:$C$346,2,0))^2+(VLOOKUP($A163,városok!$A$2:$C$346,3,0)-VLOOKUP(BR$1,városok!$A$2:$C$346,3,0))^2)/1000,0)</f>
        <v>234</v>
      </c>
      <c r="BS163">
        <f ca="1">ROUND(SQRT((VLOOKUP($A163,városok!$A$2:$C$346,2,0)-VLOOKUP(BS$1,városok!$A$2:$C$346,2,0))^2+(VLOOKUP($A163,városok!$A$2:$C$346,3,0)-VLOOKUP(BS$1,városok!$A$2:$C$346,3,0))^2)/1000,0)</f>
        <v>267</v>
      </c>
      <c r="BT163">
        <f ca="1">ROUND(SQRT((VLOOKUP($A163,városok!$A$2:$C$346,2,0)-VLOOKUP(BT$1,városok!$A$2:$C$346,2,0))^2+(VLOOKUP($A163,városok!$A$2:$C$346,3,0)-VLOOKUP(BT$1,városok!$A$2:$C$346,3,0))^2)/1000,0)</f>
        <v>261</v>
      </c>
    </row>
    <row r="164" spans="1:72" x14ac:dyDescent="0.2">
      <c r="A164" t="str">
        <f>városok!A164</f>
        <v>Jászárokszállás</v>
      </c>
      <c r="B164">
        <f ca="1">ROUND(SQRT((VLOOKUP($A164,városok!$A$2:$C$346,2,0)-VLOOKUP(B$1,városok!$A$2:$C$346,2,0))^2+(VLOOKUP($A164,városok!$A$2:$C$346,3,0)-VLOOKUP(B$1,városok!$A$2:$C$346,3,0))^2)/1000,0)</f>
        <v>180</v>
      </c>
      <c r="C164">
        <f ca="1">ROUND(SQRT((VLOOKUP($A164,városok!$A$2:$C$346,2,0)-VLOOKUP(C$1,városok!$A$2:$C$346,2,0))^2+(VLOOKUP($A164,városok!$A$2:$C$346,3,0)-VLOOKUP(C$1,városok!$A$2:$C$346,3,0))^2)/1000,0)</f>
        <v>145</v>
      </c>
      <c r="D164">
        <f ca="1">ROUND(SQRT((VLOOKUP($A164,városok!$A$2:$C$346,2,0)-VLOOKUP(D$1,városok!$A$2:$C$346,2,0))^2+(VLOOKUP($A164,városok!$A$2:$C$346,3,0)-VLOOKUP(D$1,városok!$A$2:$C$346,3,0))^2)/1000,0)</f>
        <v>85</v>
      </c>
      <c r="E164">
        <f ca="1">ROUND(SQRT((VLOOKUP($A164,városok!$A$2:$C$346,2,0)-VLOOKUP(E$1,városok!$A$2:$C$346,2,0))^2+(VLOOKUP($A164,városok!$A$2:$C$346,3,0)-VLOOKUP(E$1,városok!$A$2:$C$346,3,0))^2)/1000,0)</f>
        <v>208</v>
      </c>
      <c r="F164">
        <f ca="1">ROUND(SQRT((VLOOKUP($A164,városok!$A$2:$C$346,2,0)-VLOOKUP(F$1,városok!$A$2:$C$346,2,0))^2+(VLOOKUP($A164,városok!$A$2:$C$346,3,0)-VLOOKUP(F$1,városok!$A$2:$C$346,3,0))^2)/1000,0)</f>
        <v>208</v>
      </c>
      <c r="G164">
        <f ca="1">ROUND(SQRT((VLOOKUP($A164,városok!$A$2:$C$346,2,0)-VLOOKUP(G$1,városok!$A$2:$C$346,2,0))^2+(VLOOKUP($A164,városok!$A$2:$C$346,3,0)-VLOOKUP(G$1,városok!$A$2:$C$346,3,0))^2)/1000,0)</f>
        <v>218</v>
      </c>
      <c r="H164">
        <f ca="1">ROUND(SQRT((VLOOKUP($A164,városok!$A$2:$C$346,2,0)-VLOOKUP(H$1,városok!$A$2:$C$346,2,0))^2+(VLOOKUP($A164,városok!$A$2:$C$346,3,0)-VLOOKUP(H$1,városok!$A$2:$C$346,3,0))^2)/1000,0)</f>
        <v>243</v>
      </c>
      <c r="I164">
        <f ca="1">ROUND(SQRT((VLOOKUP($A164,városok!$A$2:$C$346,2,0)-VLOOKUP(I$1,városok!$A$2:$C$346,2,0))^2+(VLOOKUP($A164,városok!$A$2:$C$346,3,0)-VLOOKUP(I$1,városok!$A$2:$C$346,3,0))^2)/1000,0)</f>
        <v>136</v>
      </c>
      <c r="J164">
        <f ca="1">ROUND(SQRT((VLOOKUP($A164,városok!$A$2:$C$346,2,0)-VLOOKUP(J$1,városok!$A$2:$C$346,2,0))^2+(VLOOKUP($A164,városok!$A$2:$C$346,3,0)-VLOOKUP(J$1,városok!$A$2:$C$346,3,0))^2)/1000,0)</f>
        <v>148</v>
      </c>
      <c r="K164">
        <f ca="1">ROUND(SQRT((VLOOKUP($A164,városok!$A$2:$C$346,2,0)-VLOOKUP(K$1,városok!$A$2:$C$346,2,0))^2+(VLOOKUP($A164,városok!$A$2:$C$346,3,0)-VLOOKUP(K$1,városok!$A$2:$C$346,3,0))^2)/1000,0)</f>
        <v>131</v>
      </c>
      <c r="L164">
        <f ca="1">ROUND(SQRT((VLOOKUP($A164,városok!$A$2:$C$346,2,0)-VLOOKUP(L$1,városok!$A$2:$C$346,2,0))^2+(VLOOKUP($A164,városok!$A$2:$C$346,3,0)-VLOOKUP(L$1,városok!$A$2:$C$346,3,0))^2)/1000,0)</f>
        <v>84</v>
      </c>
      <c r="M164">
        <f ca="1">ROUND(SQRT((VLOOKUP($A164,városok!$A$2:$C$346,2,0)-VLOOKUP(M$1,városok!$A$2:$C$346,2,0))^2+(VLOOKUP($A164,városok!$A$2:$C$346,3,0)-VLOOKUP(M$1,városok!$A$2:$C$346,3,0))^2)/1000,0)</f>
        <v>80</v>
      </c>
      <c r="N164">
        <f ca="1">ROUND(SQRT((VLOOKUP($A164,városok!$A$2:$C$346,2,0)-VLOOKUP(N$1,városok!$A$2:$C$346,2,0))^2+(VLOOKUP($A164,városok!$A$2:$C$346,3,0)-VLOOKUP(N$1,városok!$A$2:$C$346,3,0))^2)/1000,0)</f>
        <v>69</v>
      </c>
      <c r="O164">
        <f ca="1">ROUND(SQRT((VLOOKUP($A164,városok!$A$2:$C$346,2,0)-VLOOKUP(O$1,városok!$A$2:$C$346,2,0))^2+(VLOOKUP($A164,városok!$A$2:$C$346,3,0)-VLOOKUP(O$1,városok!$A$2:$C$346,3,0))^2)/1000,0)</f>
        <v>150</v>
      </c>
      <c r="P164">
        <f ca="1">ROUND(SQRT((VLOOKUP($A164,városok!$A$2:$C$346,2,0)-VLOOKUP(P$1,városok!$A$2:$C$346,2,0))^2+(VLOOKUP($A164,városok!$A$2:$C$346,3,0)-VLOOKUP(P$1,városok!$A$2:$C$346,3,0))^2)/1000,0)</f>
        <v>150</v>
      </c>
      <c r="Q164">
        <f ca="1">ROUND(SQRT((VLOOKUP($A164,városok!$A$2:$C$346,2,0)-VLOOKUP(Q$1,városok!$A$2:$C$346,2,0))^2+(VLOOKUP($A164,városok!$A$2:$C$346,3,0)-VLOOKUP(Q$1,városok!$A$2:$C$346,3,0))^2)/1000,0)</f>
        <v>139</v>
      </c>
      <c r="R164">
        <f ca="1">ROUND(SQRT((VLOOKUP($A164,városok!$A$2:$C$346,2,0)-VLOOKUP(R$1,városok!$A$2:$C$346,2,0))^2+(VLOOKUP($A164,városok!$A$2:$C$346,3,0)-VLOOKUP(R$1,városok!$A$2:$C$346,3,0))^2)/1000,0)</f>
        <v>163</v>
      </c>
      <c r="S164">
        <f ca="1">ROUND(SQRT((VLOOKUP($A164,városok!$A$2:$C$346,2,0)-VLOOKUP(S$1,városok!$A$2:$C$346,2,0))^2+(VLOOKUP($A164,városok!$A$2:$C$346,3,0)-VLOOKUP(S$1,városok!$A$2:$C$346,3,0))^2)/1000,0)</f>
        <v>156</v>
      </c>
      <c r="T164">
        <f ca="1">ROUND(SQRT((VLOOKUP($A164,városok!$A$2:$C$346,2,0)-VLOOKUP(T$1,városok!$A$2:$C$346,2,0))^2+(VLOOKUP($A164,városok!$A$2:$C$346,3,0)-VLOOKUP(T$1,városok!$A$2:$C$346,3,0))^2)/1000,0)</f>
        <v>102</v>
      </c>
      <c r="U164">
        <f ca="1">ROUND(SQRT((VLOOKUP($A164,városok!$A$2:$C$346,2,0)-VLOOKUP(U$1,városok!$A$2:$C$346,2,0))^2+(VLOOKUP($A164,városok!$A$2:$C$346,3,0)-VLOOKUP(U$1,városok!$A$2:$C$346,3,0))^2)/1000,0)</f>
        <v>109</v>
      </c>
      <c r="V164">
        <f ca="1">ROUND(SQRT((VLOOKUP($A164,városok!$A$2:$C$346,2,0)-VLOOKUP(V$1,városok!$A$2:$C$346,2,0))^2+(VLOOKUP($A164,városok!$A$2:$C$346,3,0)-VLOOKUP(V$1,városok!$A$2:$C$346,3,0))^2)/1000,0)</f>
        <v>142</v>
      </c>
      <c r="W164">
        <f ca="1">ROUND(SQRT((VLOOKUP($A164,városok!$A$2:$C$346,2,0)-VLOOKUP(W$1,városok!$A$2:$C$346,2,0))^2+(VLOOKUP($A164,városok!$A$2:$C$346,3,0)-VLOOKUP(W$1,városok!$A$2:$C$346,3,0))^2)/1000,0)</f>
        <v>133</v>
      </c>
      <c r="X164">
        <f ca="1">ROUND(SQRT((VLOOKUP($A164,városok!$A$2:$C$346,2,0)-VLOOKUP(X$1,városok!$A$2:$C$346,2,0))^2+(VLOOKUP($A164,városok!$A$2:$C$346,3,0)-VLOOKUP(X$1,városok!$A$2:$C$346,3,0))^2)/1000,0)</f>
        <v>130</v>
      </c>
      <c r="Y164">
        <f ca="1">ROUND(SQRT((VLOOKUP($A164,városok!$A$2:$C$346,2,0)-VLOOKUP(Y$1,városok!$A$2:$C$346,2,0))^2+(VLOOKUP($A164,városok!$A$2:$C$346,3,0)-VLOOKUP(Y$1,városok!$A$2:$C$346,3,0))^2)/1000,0)</f>
        <v>176</v>
      </c>
      <c r="Z164">
        <f ca="1">ROUND(SQRT((VLOOKUP($A164,városok!$A$2:$C$346,2,0)-VLOOKUP(Z$1,városok!$A$2:$C$346,2,0))^2+(VLOOKUP($A164,városok!$A$2:$C$346,3,0)-VLOOKUP(Z$1,városok!$A$2:$C$346,3,0))^2)/1000,0)</f>
        <v>194</v>
      </c>
      <c r="AA164">
        <f ca="1">ROUND(SQRT((VLOOKUP($A164,városok!$A$2:$C$346,2,0)-VLOOKUP(AA$1,városok!$A$2:$C$346,2,0))^2+(VLOOKUP($A164,városok!$A$2:$C$346,3,0)-VLOOKUP(AA$1,városok!$A$2:$C$346,3,0))^2)/1000,0)</f>
        <v>255</v>
      </c>
      <c r="AB164">
        <f ca="1">ROUND(SQRT((VLOOKUP($A164,városok!$A$2:$C$346,2,0)-VLOOKUP(AB$1,városok!$A$2:$C$346,2,0))^2+(VLOOKUP($A164,városok!$A$2:$C$346,3,0)-VLOOKUP(AB$1,városok!$A$2:$C$346,3,0))^2)/1000,0)</f>
        <v>125</v>
      </c>
      <c r="AC164">
        <f ca="1">ROUND(SQRT((VLOOKUP($A164,városok!$A$2:$C$346,2,0)-VLOOKUP(AC$1,városok!$A$2:$C$346,2,0))^2+(VLOOKUP($A164,városok!$A$2:$C$346,3,0)-VLOOKUP(AC$1,városok!$A$2:$C$346,3,0))^2)/1000,0)</f>
        <v>109</v>
      </c>
      <c r="AD164">
        <f ca="1">ROUND(SQRT((VLOOKUP($A164,városok!$A$2:$C$346,2,0)-VLOOKUP(AD$1,városok!$A$2:$C$346,2,0))^2+(VLOOKUP($A164,városok!$A$2:$C$346,3,0)-VLOOKUP(AD$1,városok!$A$2:$C$346,3,0))^2)/1000,0)</f>
        <v>92</v>
      </c>
      <c r="AE164">
        <f ca="1">ROUND(SQRT((VLOOKUP($A164,városok!$A$2:$C$346,2,0)-VLOOKUP(AE$1,városok!$A$2:$C$346,2,0))^2+(VLOOKUP($A164,városok!$A$2:$C$346,3,0)-VLOOKUP(AE$1,városok!$A$2:$C$346,3,0))^2)/1000,0)</f>
        <v>98</v>
      </c>
      <c r="AF164">
        <f ca="1">ROUND(SQRT((VLOOKUP($A164,városok!$A$2:$C$346,2,0)-VLOOKUP(AF$1,városok!$A$2:$C$346,2,0))^2+(VLOOKUP($A164,városok!$A$2:$C$346,3,0)-VLOOKUP(AF$1,városok!$A$2:$C$346,3,0))^2)/1000,0)</f>
        <v>41</v>
      </c>
      <c r="AG164">
        <f ca="1">ROUND(SQRT((VLOOKUP($A164,városok!$A$2:$C$346,2,0)-VLOOKUP(AG$1,városok!$A$2:$C$346,2,0))^2+(VLOOKUP($A164,városok!$A$2:$C$346,3,0)-VLOOKUP(AG$1,városok!$A$2:$C$346,3,0))^2)/1000,0)</f>
        <v>16</v>
      </c>
      <c r="AH164">
        <f ca="1">ROUND(SQRT((VLOOKUP($A164,városok!$A$2:$C$346,2,0)-VLOOKUP(AH$1,városok!$A$2:$C$346,2,0))^2+(VLOOKUP($A164,városok!$A$2:$C$346,3,0)-VLOOKUP(AH$1,városok!$A$2:$C$346,3,0))^2)/1000,0)</f>
        <v>23</v>
      </c>
      <c r="AI164">
        <f ca="1">ROUND(SQRT((VLOOKUP($A164,városok!$A$2:$C$346,2,0)-VLOOKUP(AI$1,városok!$A$2:$C$346,2,0))^2+(VLOOKUP($A164,városok!$A$2:$C$346,3,0)-VLOOKUP(AI$1,városok!$A$2:$C$346,3,0))^2)/1000,0)</f>
        <v>43</v>
      </c>
      <c r="AJ164">
        <f ca="1">ROUND(SQRT((VLOOKUP($A164,városok!$A$2:$C$346,2,0)-VLOOKUP(AJ$1,városok!$A$2:$C$346,2,0))^2+(VLOOKUP($A164,városok!$A$2:$C$346,3,0)-VLOOKUP(AJ$1,városok!$A$2:$C$346,3,0))^2)/1000,0)</f>
        <v>0</v>
      </c>
      <c r="AK164">
        <f ca="1">ROUND(SQRT((VLOOKUP($A164,városok!$A$2:$C$346,2,0)-VLOOKUP(AK$1,városok!$A$2:$C$346,2,0))^2+(VLOOKUP($A164,városok!$A$2:$C$346,3,0)-VLOOKUP(AK$1,városok!$A$2:$C$346,3,0))^2)/1000,0)</f>
        <v>85</v>
      </c>
      <c r="AL164">
        <f ca="1">ROUND(SQRT((VLOOKUP($A164,városok!$A$2:$C$346,2,0)-VLOOKUP(AL$1,városok!$A$2:$C$346,2,0))^2+(VLOOKUP($A164,városok!$A$2:$C$346,3,0)-VLOOKUP(AL$1,városok!$A$2:$C$346,3,0))^2)/1000,0)</f>
        <v>58</v>
      </c>
      <c r="AM164">
        <f ca="1">ROUND(SQRT((VLOOKUP($A164,városok!$A$2:$C$346,2,0)-VLOOKUP(AM$1,városok!$A$2:$C$346,2,0))^2+(VLOOKUP($A164,városok!$A$2:$C$346,3,0)-VLOOKUP(AM$1,városok!$A$2:$C$346,3,0))^2)/1000,0)</f>
        <v>54</v>
      </c>
      <c r="AN164">
        <f ca="1">ROUND(SQRT((VLOOKUP($A164,városok!$A$2:$C$346,2,0)-VLOOKUP(AN$1,városok!$A$2:$C$346,2,0))^2+(VLOOKUP($A164,városok!$A$2:$C$346,3,0)-VLOOKUP(AN$1,városok!$A$2:$C$346,3,0))^2)/1000,0)</f>
        <v>94</v>
      </c>
      <c r="AO164">
        <f ca="1">ROUND(SQRT((VLOOKUP($A164,városok!$A$2:$C$346,2,0)-VLOOKUP(AO$1,városok!$A$2:$C$346,2,0))^2+(VLOOKUP($A164,városok!$A$2:$C$346,3,0)-VLOOKUP(AO$1,városok!$A$2:$C$346,3,0))^2)/1000,0)</f>
        <v>140</v>
      </c>
      <c r="AP164">
        <f ca="1">ROUND(SQRT((VLOOKUP($A164,városok!$A$2:$C$346,2,0)-VLOOKUP(AP$1,városok!$A$2:$C$346,2,0))^2+(VLOOKUP($A164,városok!$A$2:$C$346,3,0)-VLOOKUP(AP$1,városok!$A$2:$C$346,3,0))^2)/1000,0)</f>
        <v>124</v>
      </c>
      <c r="AQ164">
        <f ca="1">ROUND(SQRT((VLOOKUP($A164,városok!$A$2:$C$346,2,0)-VLOOKUP(AQ$1,városok!$A$2:$C$346,2,0))^2+(VLOOKUP($A164,városok!$A$2:$C$346,3,0)-VLOOKUP(AQ$1,városok!$A$2:$C$346,3,0))^2)/1000,0)</f>
        <v>118</v>
      </c>
      <c r="AR164">
        <f ca="1">ROUND(SQRT((VLOOKUP($A164,városok!$A$2:$C$346,2,0)-VLOOKUP(AR$1,városok!$A$2:$C$346,2,0))^2+(VLOOKUP($A164,városok!$A$2:$C$346,3,0)-VLOOKUP(AR$1,városok!$A$2:$C$346,3,0))^2)/1000,0)</f>
        <v>37</v>
      </c>
      <c r="AS164">
        <f ca="1">ROUND(SQRT((VLOOKUP($A164,városok!$A$2:$C$346,2,0)-VLOOKUP(AS$1,városok!$A$2:$C$346,2,0))^2+(VLOOKUP($A164,városok!$A$2:$C$346,3,0)-VLOOKUP(AS$1,városok!$A$2:$C$346,3,0))^2)/1000,0)</f>
        <v>53</v>
      </c>
      <c r="AT164">
        <f ca="1">ROUND(SQRT((VLOOKUP($A164,városok!$A$2:$C$346,2,0)-VLOOKUP(AT$1,városok!$A$2:$C$346,2,0))^2+(VLOOKUP($A164,városok!$A$2:$C$346,3,0)-VLOOKUP(AT$1,városok!$A$2:$C$346,3,0))^2)/1000,0)</f>
        <v>89</v>
      </c>
      <c r="AU164">
        <f ca="1">ROUND(SQRT((VLOOKUP($A164,városok!$A$2:$C$346,2,0)-VLOOKUP(AU$1,városok!$A$2:$C$346,2,0))^2+(VLOOKUP($A164,városok!$A$2:$C$346,3,0)-VLOOKUP(AU$1,városok!$A$2:$C$346,3,0))^2)/1000,0)</f>
        <v>79</v>
      </c>
      <c r="AV164">
        <f ca="1">ROUND(SQRT((VLOOKUP($A164,városok!$A$2:$C$346,2,0)-VLOOKUP(AV$1,városok!$A$2:$C$346,2,0))^2+(VLOOKUP($A164,városok!$A$2:$C$346,3,0)-VLOOKUP(AV$1,városok!$A$2:$C$346,3,0))^2)/1000,0)</f>
        <v>82</v>
      </c>
      <c r="AW164">
        <f ca="1">ROUND(SQRT((VLOOKUP($A164,városok!$A$2:$C$346,2,0)-VLOOKUP(AW$1,városok!$A$2:$C$346,2,0))^2+(VLOOKUP($A164,városok!$A$2:$C$346,3,0)-VLOOKUP(AW$1,városok!$A$2:$C$346,3,0))^2)/1000,0)</f>
        <v>85</v>
      </c>
      <c r="AX164">
        <f ca="1">ROUND(SQRT((VLOOKUP($A164,városok!$A$2:$C$346,2,0)-VLOOKUP(AX$1,városok!$A$2:$C$346,2,0))^2+(VLOOKUP($A164,városok!$A$2:$C$346,3,0)-VLOOKUP(AX$1,városok!$A$2:$C$346,3,0))^2)/1000,0)</f>
        <v>70</v>
      </c>
      <c r="AY164">
        <f ca="1">ROUND(SQRT((VLOOKUP($A164,városok!$A$2:$C$346,2,0)-VLOOKUP(AY$1,városok!$A$2:$C$346,2,0))^2+(VLOOKUP($A164,városok!$A$2:$C$346,3,0)-VLOOKUP(AY$1,városok!$A$2:$C$346,3,0))^2)/1000,0)</f>
        <v>69</v>
      </c>
      <c r="AZ164">
        <f ca="1">ROUND(SQRT((VLOOKUP($A164,városok!$A$2:$C$346,2,0)-VLOOKUP(AZ$1,városok!$A$2:$C$346,2,0))^2+(VLOOKUP($A164,városok!$A$2:$C$346,3,0)-VLOOKUP(AZ$1,városok!$A$2:$C$346,3,0))^2)/1000,0)</f>
        <v>77</v>
      </c>
      <c r="BA164">
        <f ca="1">ROUND(SQRT((VLOOKUP($A164,városok!$A$2:$C$346,2,0)-VLOOKUP(BA$1,városok!$A$2:$C$346,2,0))^2+(VLOOKUP($A164,városok!$A$2:$C$346,3,0)-VLOOKUP(BA$1,városok!$A$2:$C$346,3,0))^2)/1000,0)</f>
        <v>197</v>
      </c>
      <c r="BB164">
        <f ca="1">ROUND(SQRT((VLOOKUP($A164,városok!$A$2:$C$346,2,0)-VLOOKUP(BB$1,városok!$A$2:$C$346,2,0))^2+(VLOOKUP($A164,városok!$A$2:$C$346,3,0)-VLOOKUP(BB$1,városok!$A$2:$C$346,3,0))^2)/1000,0)</f>
        <v>197</v>
      </c>
      <c r="BC164">
        <f ca="1">ROUND(SQRT((VLOOKUP($A164,városok!$A$2:$C$346,2,0)-VLOOKUP(BC$1,városok!$A$2:$C$346,2,0))^2+(VLOOKUP($A164,városok!$A$2:$C$346,3,0)-VLOOKUP(BC$1,városok!$A$2:$C$346,3,0))^2)/1000,0)</f>
        <v>219</v>
      </c>
      <c r="BD164">
        <f ca="1">ROUND(SQRT((VLOOKUP($A164,városok!$A$2:$C$346,2,0)-VLOOKUP(BD$1,városok!$A$2:$C$346,2,0))^2+(VLOOKUP($A164,városok!$A$2:$C$346,3,0)-VLOOKUP(BD$1,városok!$A$2:$C$346,3,0))^2)/1000,0)</f>
        <v>166</v>
      </c>
      <c r="BE164">
        <f ca="1">ROUND(SQRT((VLOOKUP($A164,városok!$A$2:$C$346,2,0)-VLOOKUP(BE$1,városok!$A$2:$C$346,2,0))^2+(VLOOKUP($A164,városok!$A$2:$C$346,3,0)-VLOOKUP(BE$1,városok!$A$2:$C$346,3,0))^2)/1000,0)</f>
        <v>203</v>
      </c>
      <c r="BF164">
        <f ca="1">ROUND(SQRT((VLOOKUP($A164,városok!$A$2:$C$346,2,0)-VLOOKUP(BF$1,városok!$A$2:$C$346,2,0))^2+(VLOOKUP($A164,városok!$A$2:$C$346,3,0)-VLOOKUP(BF$1,városok!$A$2:$C$346,3,0))^2)/1000,0)</f>
        <v>170</v>
      </c>
      <c r="BG164">
        <f ca="1">ROUND(SQRT((VLOOKUP($A164,városok!$A$2:$C$346,2,0)-VLOOKUP(BG$1,városok!$A$2:$C$346,2,0))^2+(VLOOKUP($A164,városok!$A$2:$C$346,3,0)-VLOOKUP(BG$1,városok!$A$2:$C$346,3,0))^2)/1000,0)</f>
        <v>124</v>
      </c>
      <c r="BH164">
        <f ca="1">ROUND(SQRT((VLOOKUP($A164,városok!$A$2:$C$346,2,0)-VLOOKUP(BH$1,városok!$A$2:$C$346,2,0))^2+(VLOOKUP($A164,városok!$A$2:$C$346,3,0)-VLOOKUP(BH$1,városok!$A$2:$C$346,3,0))^2)/1000,0)</f>
        <v>123</v>
      </c>
      <c r="BI164">
        <f ca="1">ROUND(SQRT((VLOOKUP($A164,városok!$A$2:$C$346,2,0)-VLOOKUP(BI$1,városok!$A$2:$C$346,2,0))^2+(VLOOKUP($A164,városok!$A$2:$C$346,3,0)-VLOOKUP(BI$1,városok!$A$2:$C$346,3,0))^2)/1000,0)</f>
        <v>173</v>
      </c>
      <c r="BJ164">
        <f ca="1">ROUND(SQRT((VLOOKUP($A164,városok!$A$2:$C$346,2,0)-VLOOKUP(BJ$1,városok!$A$2:$C$346,2,0))^2+(VLOOKUP($A164,városok!$A$2:$C$346,3,0)-VLOOKUP(BJ$1,városok!$A$2:$C$346,3,0))^2)/1000,0)</f>
        <v>190</v>
      </c>
      <c r="BK164">
        <f ca="1">ROUND(SQRT((VLOOKUP($A164,városok!$A$2:$C$346,2,0)-VLOOKUP(BK$1,városok!$A$2:$C$346,2,0))^2+(VLOOKUP($A164,városok!$A$2:$C$346,3,0)-VLOOKUP(BK$1,városok!$A$2:$C$346,3,0))^2)/1000,0)</f>
        <v>173</v>
      </c>
      <c r="BL164">
        <f ca="1">ROUND(SQRT((VLOOKUP($A164,városok!$A$2:$C$346,2,0)-VLOOKUP(BL$1,városok!$A$2:$C$346,2,0))^2+(VLOOKUP($A164,városok!$A$2:$C$346,3,0)-VLOOKUP(BL$1,városok!$A$2:$C$346,3,0))^2)/1000,0)</f>
        <v>264</v>
      </c>
      <c r="BM164">
        <f ca="1">ROUND(SQRT((VLOOKUP($A164,városok!$A$2:$C$346,2,0)-VLOOKUP(BM$1,városok!$A$2:$C$346,2,0))^2+(VLOOKUP($A164,városok!$A$2:$C$346,3,0)-VLOOKUP(BM$1,városok!$A$2:$C$346,3,0))^2)/1000,0)</f>
        <v>234</v>
      </c>
      <c r="BN164">
        <f ca="1">ROUND(SQRT((VLOOKUP($A164,városok!$A$2:$C$346,2,0)-VLOOKUP(BN$1,városok!$A$2:$C$346,2,0))^2+(VLOOKUP($A164,városok!$A$2:$C$346,3,0)-VLOOKUP(BN$1,városok!$A$2:$C$346,3,0))^2)/1000,0)</f>
        <v>257</v>
      </c>
      <c r="BO164">
        <f ca="1">ROUND(SQRT((VLOOKUP($A164,városok!$A$2:$C$346,2,0)-VLOOKUP(BO$1,városok!$A$2:$C$346,2,0))^2+(VLOOKUP($A164,városok!$A$2:$C$346,3,0)-VLOOKUP(BO$1,városok!$A$2:$C$346,3,0))^2)/1000,0)</f>
        <v>163</v>
      </c>
      <c r="BP164">
        <f ca="1">ROUND(SQRT((VLOOKUP($A164,városok!$A$2:$C$346,2,0)-VLOOKUP(BP$1,városok!$A$2:$C$346,2,0))^2+(VLOOKUP($A164,városok!$A$2:$C$346,3,0)-VLOOKUP(BP$1,városok!$A$2:$C$346,3,0))^2)/1000,0)</f>
        <v>156</v>
      </c>
      <c r="BQ164">
        <f ca="1">ROUND(SQRT((VLOOKUP($A164,városok!$A$2:$C$346,2,0)-VLOOKUP(BQ$1,városok!$A$2:$C$346,2,0))^2+(VLOOKUP($A164,városok!$A$2:$C$346,3,0)-VLOOKUP(BQ$1,városok!$A$2:$C$346,3,0))^2)/1000,0)</f>
        <v>168</v>
      </c>
      <c r="BR164">
        <f ca="1">ROUND(SQRT((VLOOKUP($A164,városok!$A$2:$C$346,2,0)-VLOOKUP(BR$1,városok!$A$2:$C$346,2,0))^2+(VLOOKUP($A164,városok!$A$2:$C$346,3,0)-VLOOKUP(BR$1,városok!$A$2:$C$346,3,0))^2)/1000,0)</f>
        <v>228</v>
      </c>
      <c r="BS164">
        <f ca="1">ROUND(SQRT((VLOOKUP($A164,városok!$A$2:$C$346,2,0)-VLOOKUP(BS$1,városok!$A$2:$C$346,2,0))^2+(VLOOKUP($A164,városok!$A$2:$C$346,3,0)-VLOOKUP(BS$1,városok!$A$2:$C$346,3,0))^2)/1000,0)</f>
        <v>263</v>
      </c>
      <c r="BT164">
        <f ca="1">ROUND(SQRT((VLOOKUP($A164,városok!$A$2:$C$346,2,0)-VLOOKUP(BT$1,városok!$A$2:$C$346,2,0))^2+(VLOOKUP($A164,városok!$A$2:$C$346,3,0)-VLOOKUP(BT$1,városok!$A$2:$C$346,3,0))^2)/1000,0)</f>
        <v>254</v>
      </c>
    </row>
    <row r="165" spans="1:72" x14ac:dyDescent="0.2">
      <c r="A165" t="str">
        <f>városok!A165</f>
        <v>Jászberény</v>
      </c>
      <c r="B165">
        <f ca="1">ROUND(SQRT((VLOOKUP($A165,városok!$A$2:$C$346,2,0)-VLOOKUP(B$1,városok!$A$2:$C$346,2,0))^2+(VLOOKUP($A165,városok!$A$2:$C$346,3,0)-VLOOKUP(B$1,városok!$A$2:$C$346,3,0))^2)/1000,0)</f>
        <v>163</v>
      </c>
      <c r="C165">
        <f ca="1">ROUND(SQRT((VLOOKUP($A165,városok!$A$2:$C$346,2,0)-VLOOKUP(C$1,városok!$A$2:$C$346,2,0))^2+(VLOOKUP($A165,városok!$A$2:$C$346,3,0)-VLOOKUP(C$1,városok!$A$2:$C$346,3,0))^2)/1000,0)</f>
        <v>129</v>
      </c>
      <c r="D165">
        <f ca="1">ROUND(SQRT((VLOOKUP($A165,városok!$A$2:$C$346,2,0)-VLOOKUP(D$1,városok!$A$2:$C$346,2,0))^2+(VLOOKUP($A165,városok!$A$2:$C$346,3,0)-VLOOKUP(D$1,városok!$A$2:$C$346,3,0))^2)/1000,0)</f>
        <v>68</v>
      </c>
      <c r="E165">
        <f ca="1">ROUND(SQRT((VLOOKUP($A165,városok!$A$2:$C$346,2,0)-VLOOKUP(E$1,városok!$A$2:$C$346,2,0))^2+(VLOOKUP($A165,városok!$A$2:$C$346,3,0)-VLOOKUP(E$1,városok!$A$2:$C$346,3,0))^2)/1000,0)</f>
        <v>193</v>
      </c>
      <c r="F165">
        <f ca="1">ROUND(SQRT((VLOOKUP($A165,városok!$A$2:$C$346,2,0)-VLOOKUP(F$1,városok!$A$2:$C$346,2,0))^2+(VLOOKUP($A165,városok!$A$2:$C$346,3,0)-VLOOKUP(F$1,városok!$A$2:$C$346,3,0))^2)/1000,0)</f>
        <v>192</v>
      </c>
      <c r="G165">
        <f ca="1">ROUND(SQRT((VLOOKUP($A165,városok!$A$2:$C$346,2,0)-VLOOKUP(G$1,városok!$A$2:$C$346,2,0))^2+(VLOOKUP($A165,városok!$A$2:$C$346,3,0)-VLOOKUP(G$1,városok!$A$2:$C$346,3,0))^2)/1000,0)</f>
        <v>203</v>
      </c>
      <c r="H165">
        <f ca="1">ROUND(SQRT((VLOOKUP($A165,városok!$A$2:$C$346,2,0)-VLOOKUP(H$1,városok!$A$2:$C$346,2,0))^2+(VLOOKUP($A165,városok!$A$2:$C$346,3,0)-VLOOKUP(H$1,városok!$A$2:$C$346,3,0))^2)/1000,0)</f>
        <v>228</v>
      </c>
      <c r="I165">
        <f ca="1">ROUND(SQRT((VLOOKUP($A165,városok!$A$2:$C$346,2,0)-VLOOKUP(I$1,városok!$A$2:$C$346,2,0))^2+(VLOOKUP($A165,városok!$A$2:$C$346,3,0)-VLOOKUP(I$1,városok!$A$2:$C$346,3,0))^2)/1000,0)</f>
        <v>128</v>
      </c>
      <c r="J165">
        <f ca="1">ROUND(SQRT((VLOOKUP($A165,városok!$A$2:$C$346,2,0)-VLOOKUP(J$1,városok!$A$2:$C$346,2,0))^2+(VLOOKUP($A165,városok!$A$2:$C$346,3,0)-VLOOKUP(J$1,városok!$A$2:$C$346,3,0))^2)/1000,0)</f>
        <v>141</v>
      </c>
      <c r="K165">
        <f ca="1">ROUND(SQRT((VLOOKUP($A165,városok!$A$2:$C$346,2,0)-VLOOKUP(K$1,városok!$A$2:$C$346,2,0))^2+(VLOOKUP($A165,városok!$A$2:$C$346,3,0)-VLOOKUP(K$1,városok!$A$2:$C$346,3,0))^2)/1000,0)</f>
        <v>119</v>
      </c>
      <c r="L165">
        <f ca="1">ROUND(SQRT((VLOOKUP($A165,városok!$A$2:$C$346,2,0)-VLOOKUP(L$1,városok!$A$2:$C$346,2,0))^2+(VLOOKUP($A165,városok!$A$2:$C$346,3,0)-VLOOKUP(L$1,városok!$A$2:$C$346,3,0))^2)/1000,0)</f>
        <v>100</v>
      </c>
      <c r="M165">
        <f ca="1">ROUND(SQRT((VLOOKUP($A165,városok!$A$2:$C$346,2,0)-VLOOKUP(M$1,városok!$A$2:$C$346,2,0))^2+(VLOOKUP($A165,városok!$A$2:$C$346,3,0)-VLOOKUP(M$1,városok!$A$2:$C$346,3,0))^2)/1000,0)</f>
        <v>94</v>
      </c>
      <c r="N165">
        <f ca="1">ROUND(SQRT((VLOOKUP($A165,városok!$A$2:$C$346,2,0)-VLOOKUP(N$1,városok!$A$2:$C$346,2,0))^2+(VLOOKUP($A165,városok!$A$2:$C$346,3,0)-VLOOKUP(N$1,városok!$A$2:$C$346,3,0))^2)/1000,0)</f>
        <v>85</v>
      </c>
      <c r="O165">
        <f ca="1">ROUND(SQRT((VLOOKUP($A165,városok!$A$2:$C$346,2,0)-VLOOKUP(O$1,városok!$A$2:$C$346,2,0))^2+(VLOOKUP($A165,városok!$A$2:$C$346,3,0)-VLOOKUP(O$1,városok!$A$2:$C$346,3,0))^2)/1000,0)</f>
        <v>164</v>
      </c>
      <c r="P165">
        <f ca="1">ROUND(SQRT((VLOOKUP($A165,városok!$A$2:$C$346,2,0)-VLOOKUP(P$1,városok!$A$2:$C$346,2,0))^2+(VLOOKUP($A165,városok!$A$2:$C$346,3,0)-VLOOKUP(P$1,városok!$A$2:$C$346,3,0))^2)/1000,0)</f>
        <v>164</v>
      </c>
      <c r="Q165">
        <f ca="1">ROUND(SQRT((VLOOKUP($A165,városok!$A$2:$C$346,2,0)-VLOOKUP(Q$1,városok!$A$2:$C$346,2,0))^2+(VLOOKUP($A165,városok!$A$2:$C$346,3,0)-VLOOKUP(Q$1,városok!$A$2:$C$346,3,0))^2)/1000,0)</f>
        <v>124</v>
      </c>
      <c r="R165">
        <f ca="1">ROUND(SQRT((VLOOKUP($A165,városok!$A$2:$C$346,2,0)-VLOOKUP(R$1,városok!$A$2:$C$346,2,0))^2+(VLOOKUP($A165,városok!$A$2:$C$346,3,0)-VLOOKUP(R$1,városok!$A$2:$C$346,3,0))^2)/1000,0)</f>
        <v>149</v>
      </c>
      <c r="S165">
        <f ca="1">ROUND(SQRT((VLOOKUP($A165,városok!$A$2:$C$346,2,0)-VLOOKUP(S$1,városok!$A$2:$C$346,2,0))^2+(VLOOKUP($A165,városok!$A$2:$C$346,3,0)-VLOOKUP(S$1,városok!$A$2:$C$346,3,0))^2)/1000,0)</f>
        <v>141</v>
      </c>
      <c r="T165">
        <f ca="1">ROUND(SQRT((VLOOKUP($A165,városok!$A$2:$C$346,2,0)-VLOOKUP(T$1,városok!$A$2:$C$346,2,0))^2+(VLOOKUP($A165,városok!$A$2:$C$346,3,0)-VLOOKUP(T$1,városok!$A$2:$C$346,3,0))^2)/1000,0)</f>
        <v>96</v>
      </c>
      <c r="U165">
        <f ca="1">ROUND(SQRT((VLOOKUP($A165,városok!$A$2:$C$346,2,0)-VLOOKUP(U$1,városok!$A$2:$C$346,2,0))^2+(VLOOKUP($A165,városok!$A$2:$C$346,3,0)-VLOOKUP(U$1,városok!$A$2:$C$346,3,0))^2)/1000,0)</f>
        <v>95</v>
      </c>
      <c r="V165">
        <f ca="1">ROUND(SQRT((VLOOKUP($A165,városok!$A$2:$C$346,2,0)-VLOOKUP(V$1,városok!$A$2:$C$346,2,0))^2+(VLOOKUP($A165,városok!$A$2:$C$346,3,0)-VLOOKUP(V$1,városok!$A$2:$C$346,3,0))^2)/1000,0)</f>
        <v>131</v>
      </c>
      <c r="W165">
        <f ca="1">ROUND(SQRT((VLOOKUP($A165,városok!$A$2:$C$346,2,0)-VLOOKUP(W$1,városok!$A$2:$C$346,2,0))^2+(VLOOKUP($A165,városok!$A$2:$C$346,3,0)-VLOOKUP(W$1,városok!$A$2:$C$346,3,0))^2)/1000,0)</f>
        <v>119</v>
      </c>
      <c r="X165">
        <f ca="1">ROUND(SQRT((VLOOKUP($A165,városok!$A$2:$C$346,2,0)-VLOOKUP(X$1,városok!$A$2:$C$346,2,0))^2+(VLOOKUP($A165,városok!$A$2:$C$346,3,0)-VLOOKUP(X$1,városok!$A$2:$C$346,3,0))^2)/1000,0)</f>
        <v>122</v>
      </c>
      <c r="Y165">
        <f ca="1">ROUND(SQRT((VLOOKUP($A165,városok!$A$2:$C$346,2,0)-VLOOKUP(Y$1,városok!$A$2:$C$346,2,0))^2+(VLOOKUP($A165,városok!$A$2:$C$346,3,0)-VLOOKUP(Y$1,városok!$A$2:$C$346,3,0))^2)/1000,0)</f>
        <v>172</v>
      </c>
      <c r="Z165">
        <f ca="1">ROUND(SQRT((VLOOKUP($A165,városok!$A$2:$C$346,2,0)-VLOOKUP(Z$1,városok!$A$2:$C$346,2,0))^2+(VLOOKUP($A165,városok!$A$2:$C$346,3,0)-VLOOKUP(Z$1,városok!$A$2:$C$346,3,0))^2)/1000,0)</f>
        <v>191</v>
      </c>
      <c r="AA165">
        <f ca="1">ROUND(SQRT((VLOOKUP($A165,városok!$A$2:$C$346,2,0)-VLOOKUP(AA$1,városok!$A$2:$C$346,2,0))^2+(VLOOKUP($A165,városok!$A$2:$C$346,3,0)-VLOOKUP(AA$1,városok!$A$2:$C$346,3,0))^2)/1000,0)</f>
        <v>251</v>
      </c>
      <c r="AB165">
        <f ca="1">ROUND(SQRT((VLOOKUP($A165,városok!$A$2:$C$346,2,0)-VLOOKUP(AB$1,városok!$A$2:$C$346,2,0))^2+(VLOOKUP($A165,városok!$A$2:$C$346,3,0)-VLOOKUP(AB$1,városok!$A$2:$C$346,3,0))^2)/1000,0)</f>
        <v>130</v>
      </c>
      <c r="AC165">
        <f ca="1">ROUND(SQRT((VLOOKUP($A165,városok!$A$2:$C$346,2,0)-VLOOKUP(AC$1,városok!$A$2:$C$346,2,0))^2+(VLOOKUP($A165,városok!$A$2:$C$346,3,0)-VLOOKUP(AC$1,városok!$A$2:$C$346,3,0))^2)/1000,0)</f>
        <v>112</v>
      </c>
      <c r="AD165">
        <f ca="1">ROUND(SQRT((VLOOKUP($A165,városok!$A$2:$C$346,2,0)-VLOOKUP(AD$1,városok!$A$2:$C$346,2,0))^2+(VLOOKUP($A165,városok!$A$2:$C$346,3,0)-VLOOKUP(AD$1,városok!$A$2:$C$346,3,0))^2)/1000,0)</f>
        <v>95</v>
      </c>
      <c r="AE165">
        <f ca="1">ROUND(SQRT((VLOOKUP($A165,városok!$A$2:$C$346,2,0)-VLOOKUP(AE$1,városok!$A$2:$C$346,2,0))^2+(VLOOKUP($A165,városok!$A$2:$C$346,3,0)-VLOOKUP(AE$1,városok!$A$2:$C$346,3,0))^2)/1000,0)</f>
        <v>98</v>
      </c>
      <c r="AF165">
        <f ca="1">ROUND(SQRT((VLOOKUP($A165,városok!$A$2:$C$346,2,0)-VLOOKUP(AF$1,városok!$A$2:$C$346,2,0))^2+(VLOOKUP($A165,városok!$A$2:$C$346,3,0)-VLOOKUP(AF$1,városok!$A$2:$C$346,3,0))^2)/1000,0)</f>
        <v>57</v>
      </c>
      <c r="AG165">
        <f ca="1">ROUND(SQRT((VLOOKUP($A165,városok!$A$2:$C$346,2,0)-VLOOKUP(AG$1,városok!$A$2:$C$346,2,0))^2+(VLOOKUP($A165,városok!$A$2:$C$346,3,0)-VLOOKUP(AG$1,városok!$A$2:$C$346,3,0))^2)/1000,0)</f>
        <v>31</v>
      </c>
      <c r="AH165">
        <f ca="1">ROUND(SQRT((VLOOKUP($A165,városok!$A$2:$C$346,2,0)-VLOOKUP(AH$1,városok!$A$2:$C$346,2,0))^2+(VLOOKUP($A165,városok!$A$2:$C$346,3,0)-VLOOKUP(AH$1,városok!$A$2:$C$346,3,0))^2)/1000,0)</f>
        <v>25</v>
      </c>
      <c r="AI165">
        <f ca="1">ROUND(SQRT((VLOOKUP($A165,városok!$A$2:$C$346,2,0)-VLOOKUP(AI$1,városok!$A$2:$C$346,2,0))^2+(VLOOKUP($A165,városok!$A$2:$C$346,3,0)-VLOOKUP(AI$1,városok!$A$2:$C$346,3,0))^2)/1000,0)</f>
        <v>59</v>
      </c>
      <c r="AJ165">
        <f ca="1">ROUND(SQRT((VLOOKUP($A165,városok!$A$2:$C$346,2,0)-VLOOKUP(AJ$1,városok!$A$2:$C$346,2,0))^2+(VLOOKUP($A165,városok!$A$2:$C$346,3,0)-VLOOKUP(AJ$1,városok!$A$2:$C$346,3,0))^2)/1000,0)</f>
        <v>17</v>
      </c>
      <c r="AK165">
        <f ca="1">ROUND(SQRT((VLOOKUP($A165,városok!$A$2:$C$346,2,0)-VLOOKUP(AK$1,városok!$A$2:$C$346,2,0))^2+(VLOOKUP($A165,városok!$A$2:$C$346,3,0)-VLOOKUP(AK$1,városok!$A$2:$C$346,3,0))^2)/1000,0)</f>
        <v>84</v>
      </c>
      <c r="AL165">
        <f ca="1">ROUND(SQRT((VLOOKUP($A165,városok!$A$2:$C$346,2,0)-VLOOKUP(AL$1,városok!$A$2:$C$346,2,0))^2+(VLOOKUP($A165,városok!$A$2:$C$346,3,0)-VLOOKUP(AL$1,városok!$A$2:$C$346,3,0))^2)/1000,0)</f>
        <v>56</v>
      </c>
      <c r="AM165">
        <f ca="1">ROUND(SQRT((VLOOKUP($A165,városok!$A$2:$C$346,2,0)-VLOOKUP(AM$1,városok!$A$2:$C$346,2,0))^2+(VLOOKUP($A165,városok!$A$2:$C$346,3,0)-VLOOKUP(AM$1,városok!$A$2:$C$346,3,0))^2)/1000,0)</f>
        <v>41</v>
      </c>
      <c r="AN165">
        <f ca="1">ROUND(SQRT((VLOOKUP($A165,városok!$A$2:$C$346,2,0)-VLOOKUP(AN$1,városok!$A$2:$C$346,2,0))^2+(VLOOKUP($A165,városok!$A$2:$C$346,3,0)-VLOOKUP(AN$1,városok!$A$2:$C$346,3,0))^2)/1000,0)</f>
        <v>93</v>
      </c>
      <c r="AO165">
        <f ca="1">ROUND(SQRT((VLOOKUP($A165,városok!$A$2:$C$346,2,0)-VLOOKUP(AO$1,városok!$A$2:$C$346,2,0))^2+(VLOOKUP($A165,városok!$A$2:$C$346,3,0)-VLOOKUP(AO$1,városok!$A$2:$C$346,3,0))^2)/1000,0)</f>
        <v>137</v>
      </c>
      <c r="AP165">
        <f ca="1">ROUND(SQRT((VLOOKUP($A165,városok!$A$2:$C$346,2,0)-VLOOKUP(AP$1,városok!$A$2:$C$346,2,0))^2+(VLOOKUP($A165,városok!$A$2:$C$346,3,0)-VLOOKUP(AP$1,városok!$A$2:$C$346,3,0))^2)/1000,0)</f>
        <v>120</v>
      </c>
      <c r="AQ165">
        <f ca="1">ROUND(SQRT((VLOOKUP($A165,városok!$A$2:$C$346,2,0)-VLOOKUP(AQ$1,városok!$A$2:$C$346,2,0))^2+(VLOOKUP($A165,városok!$A$2:$C$346,3,0)-VLOOKUP(AQ$1,városok!$A$2:$C$346,3,0))^2)/1000,0)</f>
        <v>113</v>
      </c>
      <c r="AR165">
        <f ca="1">ROUND(SQRT((VLOOKUP($A165,városok!$A$2:$C$346,2,0)-VLOOKUP(AR$1,városok!$A$2:$C$346,2,0))^2+(VLOOKUP($A165,városok!$A$2:$C$346,3,0)-VLOOKUP(AR$1,városok!$A$2:$C$346,3,0))^2)/1000,0)</f>
        <v>49</v>
      </c>
      <c r="AS165">
        <f ca="1">ROUND(SQRT((VLOOKUP($A165,városok!$A$2:$C$346,2,0)-VLOOKUP(AS$1,városok!$A$2:$C$346,2,0))^2+(VLOOKUP($A165,városok!$A$2:$C$346,3,0)-VLOOKUP(AS$1,városok!$A$2:$C$346,3,0))^2)/1000,0)</f>
        <v>68</v>
      </c>
      <c r="AT165">
        <f ca="1">ROUND(SQRT((VLOOKUP($A165,városok!$A$2:$C$346,2,0)-VLOOKUP(AT$1,városok!$A$2:$C$346,2,0))^2+(VLOOKUP($A165,városok!$A$2:$C$346,3,0)-VLOOKUP(AT$1,városok!$A$2:$C$346,3,0))^2)/1000,0)</f>
        <v>82</v>
      </c>
      <c r="AU165">
        <f ca="1">ROUND(SQRT((VLOOKUP($A165,városok!$A$2:$C$346,2,0)-VLOOKUP(AU$1,városok!$A$2:$C$346,2,0))^2+(VLOOKUP($A165,városok!$A$2:$C$346,3,0)-VLOOKUP(AU$1,városok!$A$2:$C$346,3,0))^2)/1000,0)</f>
        <v>72</v>
      </c>
      <c r="AV165">
        <f ca="1">ROUND(SQRT((VLOOKUP($A165,városok!$A$2:$C$346,2,0)-VLOOKUP(AV$1,városok!$A$2:$C$346,2,0))^2+(VLOOKUP($A165,városok!$A$2:$C$346,3,0)-VLOOKUP(AV$1,városok!$A$2:$C$346,3,0))^2)/1000,0)</f>
        <v>73</v>
      </c>
      <c r="AW165">
        <f ca="1">ROUND(SQRT((VLOOKUP($A165,városok!$A$2:$C$346,2,0)-VLOOKUP(AW$1,városok!$A$2:$C$346,2,0))^2+(VLOOKUP($A165,városok!$A$2:$C$346,3,0)-VLOOKUP(AW$1,városok!$A$2:$C$346,3,0))^2)/1000,0)</f>
        <v>76</v>
      </c>
      <c r="AX165">
        <f ca="1">ROUND(SQRT((VLOOKUP($A165,városok!$A$2:$C$346,2,0)-VLOOKUP(AX$1,városok!$A$2:$C$346,2,0))^2+(VLOOKUP($A165,városok!$A$2:$C$346,3,0)-VLOOKUP(AX$1,városok!$A$2:$C$346,3,0))^2)/1000,0)</f>
        <v>53</v>
      </c>
      <c r="AY165">
        <f ca="1">ROUND(SQRT((VLOOKUP($A165,városok!$A$2:$C$346,2,0)-VLOOKUP(AY$1,városok!$A$2:$C$346,2,0))^2+(VLOOKUP($A165,városok!$A$2:$C$346,3,0)-VLOOKUP(AY$1,városok!$A$2:$C$346,3,0))^2)/1000,0)</f>
        <v>67</v>
      </c>
      <c r="AZ165">
        <f ca="1">ROUND(SQRT((VLOOKUP($A165,városok!$A$2:$C$346,2,0)-VLOOKUP(AZ$1,városok!$A$2:$C$346,2,0))^2+(VLOOKUP($A165,városok!$A$2:$C$346,3,0)-VLOOKUP(AZ$1,városok!$A$2:$C$346,3,0))^2)/1000,0)</f>
        <v>77</v>
      </c>
      <c r="BA165">
        <f ca="1">ROUND(SQRT((VLOOKUP($A165,városok!$A$2:$C$346,2,0)-VLOOKUP(BA$1,városok!$A$2:$C$346,2,0))^2+(VLOOKUP($A165,városok!$A$2:$C$346,3,0)-VLOOKUP(BA$1,városok!$A$2:$C$346,3,0))^2)/1000,0)</f>
        <v>186</v>
      </c>
      <c r="BB165">
        <f ca="1">ROUND(SQRT((VLOOKUP($A165,városok!$A$2:$C$346,2,0)-VLOOKUP(BB$1,városok!$A$2:$C$346,2,0))^2+(VLOOKUP($A165,városok!$A$2:$C$346,3,0)-VLOOKUP(BB$1,városok!$A$2:$C$346,3,0))^2)/1000,0)</f>
        <v>184</v>
      </c>
      <c r="BC165">
        <f ca="1">ROUND(SQRT((VLOOKUP($A165,városok!$A$2:$C$346,2,0)-VLOOKUP(BC$1,városok!$A$2:$C$346,2,0))^2+(VLOOKUP($A165,városok!$A$2:$C$346,3,0)-VLOOKUP(BC$1,városok!$A$2:$C$346,3,0))^2)/1000,0)</f>
        <v>205</v>
      </c>
      <c r="BD165">
        <f ca="1">ROUND(SQRT((VLOOKUP($A165,városok!$A$2:$C$346,2,0)-VLOOKUP(BD$1,városok!$A$2:$C$346,2,0))^2+(VLOOKUP($A165,városok!$A$2:$C$346,3,0)-VLOOKUP(BD$1,városok!$A$2:$C$346,3,0))^2)/1000,0)</f>
        <v>154</v>
      </c>
      <c r="BE165">
        <f ca="1">ROUND(SQRT((VLOOKUP($A165,városok!$A$2:$C$346,2,0)-VLOOKUP(BE$1,városok!$A$2:$C$346,2,0))^2+(VLOOKUP($A165,városok!$A$2:$C$346,3,0)-VLOOKUP(BE$1,városok!$A$2:$C$346,3,0))^2)/1000,0)</f>
        <v>211</v>
      </c>
      <c r="BF165">
        <f ca="1">ROUND(SQRT((VLOOKUP($A165,városok!$A$2:$C$346,2,0)-VLOOKUP(BF$1,városok!$A$2:$C$346,2,0))^2+(VLOOKUP($A165,városok!$A$2:$C$346,3,0)-VLOOKUP(BF$1,városok!$A$2:$C$346,3,0))^2)/1000,0)</f>
        <v>181</v>
      </c>
      <c r="BG165">
        <f ca="1">ROUND(SQRT((VLOOKUP($A165,városok!$A$2:$C$346,2,0)-VLOOKUP(BG$1,városok!$A$2:$C$346,2,0))^2+(VLOOKUP($A165,városok!$A$2:$C$346,3,0)-VLOOKUP(BG$1,városok!$A$2:$C$346,3,0))^2)/1000,0)</f>
        <v>136</v>
      </c>
      <c r="BH165">
        <f ca="1">ROUND(SQRT((VLOOKUP($A165,városok!$A$2:$C$346,2,0)-VLOOKUP(BH$1,városok!$A$2:$C$346,2,0))^2+(VLOOKUP($A165,városok!$A$2:$C$346,3,0)-VLOOKUP(BH$1,városok!$A$2:$C$346,3,0))^2)/1000,0)</f>
        <v>135</v>
      </c>
      <c r="BI165">
        <f ca="1">ROUND(SQRT((VLOOKUP($A165,városok!$A$2:$C$346,2,0)-VLOOKUP(BI$1,városok!$A$2:$C$346,2,0))^2+(VLOOKUP($A165,városok!$A$2:$C$346,3,0)-VLOOKUP(BI$1,városok!$A$2:$C$346,3,0))^2)/1000,0)</f>
        <v>157</v>
      </c>
      <c r="BJ165">
        <f ca="1">ROUND(SQRT((VLOOKUP($A165,városok!$A$2:$C$346,2,0)-VLOOKUP(BJ$1,városok!$A$2:$C$346,2,0))^2+(VLOOKUP($A165,városok!$A$2:$C$346,3,0)-VLOOKUP(BJ$1,városok!$A$2:$C$346,3,0))^2)/1000,0)</f>
        <v>175</v>
      </c>
      <c r="BK165">
        <f ca="1">ROUND(SQRT((VLOOKUP($A165,városok!$A$2:$C$346,2,0)-VLOOKUP(BK$1,városok!$A$2:$C$346,2,0))^2+(VLOOKUP($A165,városok!$A$2:$C$346,3,0)-VLOOKUP(BK$1,városok!$A$2:$C$346,3,0))^2)/1000,0)</f>
        <v>157</v>
      </c>
      <c r="BL165">
        <f ca="1">ROUND(SQRT((VLOOKUP($A165,városok!$A$2:$C$346,2,0)-VLOOKUP(BL$1,városok!$A$2:$C$346,2,0))^2+(VLOOKUP($A165,városok!$A$2:$C$346,3,0)-VLOOKUP(BL$1,városok!$A$2:$C$346,3,0))^2)/1000,0)</f>
        <v>256</v>
      </c>
      <c r="BM165">
        <f ca="1">ROUND(SQRT((VLOOKUP($A165,városok!$A$2:$C$346,2,0)-VLOOKUP(BM$1,városok!$A$2:$C$346,2,0))^2+(VLOOKUP($A165,városok!$A$2:$C$346,3,0)-VLOOKUP(BM$1,városok!$A$2:$C$346,3,0))^2)/1000,0)</f>
        <v>226</v>
      </c>
      <c r="BN165">
        <f ca="1">ROUND(SQRT((VLOOKUP($A165,városok!$A$2:$C$346,2,0)-VLOOKUP(BN$1,városok!$A$2:$C$346,2,0))^2+(VLOOKUP($A165,városok!$A$2:$C$346,3,0)-VLOOKUP(BN$1,városok!$A$2:$C$346,3,0))^2)/1000,0)</f>
        <v>250</v>
      </c>
      <c r="BO165">
        <f ca="1">ROUND(SQRT((VLOOKUP($A165,városok!$A$2:$C$346,2,0)-VLOOKUP(BO$1,városok!$A$2:$C$346,2,0))^2+(VLOOKUP($A165,városok!$A$2:$C$346,3,0)-VLOOKUP(BO$1,városok!$A$2:$C$346,3,0))^2)/1000,0)</f>
        <v>153</v>
      </c>
      <c r="BP165">
        <f ca="1">ROUND(SQRT((VLOOKUP($A165,városok!$A$2:$C$346,2,0)-VLOOKUP(BP$1,városok!$A$2:$C$346,2,0))^2+(VLOOKUP($A165,városok!$A$2:$C$346,3,0)-VLOOKUP(BP$1,városok!$A$2:$C$346,3,0))^2)/1000,0)</f>
        <v>146</v>
      </c>
      <c r="BQ165">
        <f ca="1">ROUND(SQRT((VLOOKUP($A165,városok!$A$2:$C$346,2,0)-VLOOKUP(BQ$1,városok!$A$2:$C$346,2,0))^2+(VLOOKUP($A165,városok!$A$2:$C$346,3,0)-VLOOKUP(BQ$1,városok!$A$2:$C$346,3,0))^2)/1000,0)</f>
        <v>158</v>
      </c>
      <c r="BR165">
        <f ca="1">ROUND(SQRT((VLOOKUP($A165,városok!$A$2:$C$346,2,0)-VLOOKUP(BR$1,városok!$A$2:$C$346,2,0))^2+(VLOOKUP($A165,városok!$A$2:$C$346,3,0)-VLOOKUP(BR$1,városok!$A$2:$C$346,3,0))^2)/1000,0)</f>
        <v>217</v>
      </c>
      <c r="BS165">
        <f ca="1">ROUND(SQRT((VLOOKUP($A165,városok!$A$2:$C$346,2,0)-VLOOKUP(BS$1,városok!$A$2:$C$346,2,0))^2+(VLOOKUP($A165,városok!$A$2:$C$346,3,0)-VLOOKUP(BS$1,városok!$A$2:$C$346,3,0))^2)/1000,0)</f>
        <v>251</v>
      </c>
      <c r="BT165">
        <f ca="1">ROUND(SQRT((VLOOKUP($A165,városok!$A$2:$C$346,2,0)-VLOOKUP(BT$1,városok!$A$2:$C$346,2,0))^2+(VLOOKUP($A165,városok!$A$2:$C$346,3,0)-VLOOKUP(BT$1,városok!$A$2:$C$346,3,0))^2)/1000,0)</f>
        <v>244</v>
      </c>
    </row>
    <row r="166" spans="1:72" x14ac:dyDescent="0.2">
      <c r="A166" t="str">
        <f>városok!A166</f>
        <v>Jászfényszaru</v>
      </c>
      <c r="B166">
        <f ca="1">ROUND(SQRT((VLOOKUP($A166,városok!$A$2:$C$346,2,0)-VLOOKUP(B$1,városok!$A$2:$C$346,2,0))^2+(VLOOKUP($A166,városok!$A$2:$C$346,3,0)-VLOOKUP(B$1,városok!$A$2:$C$346,3,0))^2)/1000,0)</f>
        <v>164</v>
      </c>
      <c r="C166">
        <f ca="1">ROUND(SQRT((VLOOKUP($A166,városok!$A$2:$C$346,2,0)-VLOOKUP(C$1,városok!$A$2:$C$346,2,0))^2+(VLOOKUP($A166,városok!$A$2:$C$346,3,0)-VLOOKUP(C$1,városok!$A$2:$C$346,3,0))^2)/1000,0)</f>
        <v>129</v>
      </c>
      <c r="D166">
        <f ca="1">ROUND(SQRT((VLOOKUP($A166,városok!$A$2:$C$346,2,0)-VLOOKUP(D$1,városok!$A$2:$C$346,2,0))^2+(VLOOKUP($A166,városok!$A$2:$C$346,3,0)-VLOOKUP(D$1,városok!$A$2:$C$346,3,0))^2)/1000,0)</f>
        <v>74</v>
      </c>
      <c r="E166">
        <f ca="1">ROUND(SQRT((VLOOKUP($A166,városok!$A$2:$C$346,2,0)-VLOOKUP(E$1,városok!$A$2:$C$346,2,0))^2+(VLOOKUP($A166,városok!$A$2:$C$346,3,0)-VLOOKUP(E$1,városok!$A$2:$C$346,3,0))^2)/1000,0)</f>
        <v>190</v>
      </c>
      <c r="F166">
        <f ca="1">ROUND(SQRT((VLOOKUP($A166,városok!$A$2:$C$346,2,0)-VLOOKUP(F$1,városok!$A$2:$C$346,2,0))^2+(VLOOKUP($A166,városok!$A$2:$C$346,3,0)-VLOOKUP(F$1,városok!$A$2:$C$346,3,0))^2)/1000,0)</f>
        <v>193</v>
      </c>
      <c r="G166">
        <f ca="1">ROUND(SQRT((VLOOKUP($A166,városok!$A$2:$C$346,2,0)-VLOOKUP(G$1,városok!$A$2:$C$346,2,0))^2+(VLOOKUP($A166,városok!$A$2:$C$346,3,0)-VLOOKUP(G$1,városok!$A$2:$C$346,3,0))^2)/1000,0)</f>
        <v>200</v>
      </c>
      <c r="H166">
        <f ca="1">ROUND(SQRT((VLOOKUP($A166,városok!$A$2:$C$346,2,0)-VLOOKUP(H$1,városok!$A$2:$C$346,2,0))^2+(VLOOKUP($A166,városok!$A$2:$C$346,3,0)-VLOOKUP(H$1,városok!$A$2:$C$346,3,0))^2)/1000,0)</f>
        <v>224</v>
      </c>
      <c r="I166">
        <f ca="1">ROUND(SQRT((VLOOKUP($A166,városok!$A$2:$C$346,2,0)-VLOOKUP(I$1,városok!$A$2:$C$346,2,0))^2+(VLOOKUP($A166,városok!$A$2:$C$346,3,0)-VLOOKUP(I$1,városok!$A$2:$C$346,3,0))^2)/1000,0)</f>
        <v>143</v>
      </c>
      <c r="J166">
        <f ca="1">ROUND(SQRT((VLOOKUP($A166,városok!$A$2:$C$346,2,0)-VLOOKUP(J$1,városok!$A$2:$C$346,2,0))^2+(VLOOKUP($A166,városok!$A$2:$C$346,3,0)-VLOOKUP(J$1,városok!$A$2:$C$346,3,0))^2)/1000,0)</f>
        <v>156</v>
      </c>
      <c r="K166">
        <f ca="1">ROUND(SQRT((VLOOKUP($A166,városok!$A$2:$C$346,2,0)-VLOOKUP(K$1,városok!$A$2:$C$346,2,0))^2+(VLOOKUP($A166,városok!$A$2:$C$346,3,0)-VLOOKUP(K$1,városok!$A$2:$C$346,3,0))^2)/1000,0)</f>
        <v>133</v>
      </c>
      <c r="L166">
        <f ca="1">ROUND(SQRT((VLOOKUP($A166,városok!$A$2:$C$346,2,0)-VLOOKUP(L$1,városok!$A$2:$C$346,2,0))^2+(VLOOKUP($A166,városok!$A$2:$C$346,3,0)-VLOOKUP(L$1,városok!$A$2:$C$346,3,0))^2)/1000,0)</f>
        <v>102</v>
      </c>
      <c r="M166">
        <f ca="1">ROUND(SQRT((VLOOKUP($A166,városok!$A$2:$C$346,2,0)-VLOOKUP(M$1,városok!$A$2:$C$346,2,0))^2+(VLOOKUP($A166,városok!$A$2:$C$346,3,0)-VLOOKUP(M$1,városok!$A$2:$C$346,3,0))^2)/1000,0)</f>
        <v>100</v>
      </c>
      <c r="N166">
        <f ca="1">ROUND(SQRT((VLOOKUP($A166,városok!$A$2:$C$346,2,0)-VLOOKUP(N$1,városok!$A$2:$C$346,2,0))^2+(VLOOKUP($A166,városok!$A$2:$C$346,3,0)-VLOOKUP(N$1,városok!$A$2:$C$346,3,0))^2)/1000,0)</f>
        <v>84</v>
      </c>
      <c r="O166">
        <f ca="1">ROUND(SQRT((VLOOKUP($A166,városok!$A$2:$C$346,2,0)-VLOOKUP(O$1,városok!$A$2:$C$346,2,0))^2+(VLOOKUP($A166,városok!$A$2:$C$346,3,0)-VLOOKUP(O$1,városok!$A$2:$C$346,3,0))^2)/1000,0)</f>
        <v>171</v>
      </c>
      <c r="P166">
        <f ca="1">ROUND(SQRT((VLOOKUP($A166,városok!$A$2:$C$346,2,0)-VLOOKUP(P$1,városok!$A$2:$C$346,2,0))^2+(VLOOKUP($A166,városok!$A$2:$C$346,3,0)-VLOOKUP(P$1,városok!$A$2:$C$346,3,0))^2)/1000,0)</f>
        <v>171</v>
      </c>
      <c r="Q166">
        <f ca="1">ROUND(SQRT((VLOOKUP($A166,városok!$A$2:$C$346,2,0)-VLOOKUP(Q$1,városok!$A$2:$C$346,2,0))^2+(VLOOKUP($A166,városok!$A$2:$C$346,3,0)-VLOOKUP(Q$1,városok!$A$2:$C$346,3,0))^2)/1000,0)</f>
        <v>136</v>
      </c>
      <c r="R166">
        <f ca="1">ROUND(SQRT((VLOOKUP($A166,városok!$A$2:$C$346,2,0)-VLOOKUP(R$1,városok!$A$2:$C$346,2,0))^2+(VLOOKUP($A166,városok!$A$2:$C$346,3,0)-VLOOKUP(R$1,városok!$A$2:$C$346,3,0))^2)/1000,0)</f>
        <v>161</v>
      </c>
      <c r="S166">
        <f ca="1">ROUND(SQRT((VLOOKUP($A166,városok!$A$2:$C$346,2,0)-VLOOKUP(S$1,városok!$A$2:$C$346,2,0))^2+(VLOOKUP($A166,városok!$A$2:$C$346,3,0)-VLOOKUP(S$1,városok!$A$2:$C$346,3,0))^2)/1000,0)</f>
        <v>151</v>
      </c>
      <c r="T166">
        <f ca="1">ROUND(SQRT((VLOOKUP($A166,városok!$A$2:$C$346,2,0)-VLOOKUP(T$1,városok!$A$2:$C$346,2,0))^2+(VLOOKUP($A166,városok!$A$2:$C$346,3,0)-VLOOKUP(T$1,városok!$A$2:$C$346,3,0))^2)/1000,0)</f>
        <v>82</v>
      </c>
      <c r="U166">
        <f ca="1">ROUND(SQRT((VLOOKUP($A166,városok!$A$2:$C$346,2,0)-VLOOKUP(U$1,városok!$A$2:$C$346,2,0))^2+(VLOOKUP($A166,városok!$A$2:$C$346,3,0)-VLOOKUP(U$1,városok!$A$2:$C$346,3,0))^2)/1000,0)</f>
        <v>90</v>
      </c>
      <c r="V166">
        <f ca="1">ROUND(SQRT((VLOOKUP($A166,városok!$A$2:$C$346,2,0)-VLOOKUP(V$1,városok!$A$2:$C$346,2,0))^2+(VLOOKUP($A166,városok!$A$2:$C$346,3,0)-VLOOKUP(V$1,városok!$A$2:$C$346,3,0))^2)/1000,0)</f>
        <v>121</v>
      </c>
      <c r="W166">
        <f ca="1">ROUND(SQRT((VLOOKUP($A166,városok!$A$2:$C$346,2,0)-VLOOKUP(W$1,városok!$A$2:$C$346,2,0))^2+(VLOOKUP($A166,városok!$A$2:$C$346,3,0)-VLOOKUP(W$1,városok!$A$2:$C$346,3,0))^2)/1000,0)</f>
        <v>113</v>
      </c>
      <c r="X166">
        <f ca="1">ROUND(SQRT((VLOOKUP($A166,városok!$A$2:$C$346,2,0)-VLOOKUP(X$1,városok!$A$2:$C$346,2,0))^2+(VLOOKUP($A166,városok!$A$2:$C$346,3,0)-VLOOKUP(X$1,városok!$A$2:$C$346,3,0))^2)/1000,0)</f>
        <v>110</v>
      </c>
      <c r="Y166">
        <f ca="1">ROUND(SQRT((VLOOKUP($A166,városok!$A$2:$C$346,2,0)-VLOOKUP(Y$1,városok!$A$2:$C$346,2,0))^2+(VLOOKUP($A166,városok!$A$2:$C$346,3,0)-VLOOKUP(Y$1,városok!$A$2:$C$346,3,0))^2)/1000,0)</f>
        <v>157</v>
      </c>
      <c r="Z166">
        <f ca="1">ROUND(SQRT((VLOOKUP($A166,városok!$A$2:$C$346,2,0)-VLOOKUP(Z$1,városok!$A$2:$C$346,2,0))^2+(VLOOKUP($A166,városok!$A$2:$C$346,3,0)-VLOOKUP(Z$1,városok!$A$2:$C$346,3,0))^2)/1000,0)</f>
        <v>176</v>
      </c>
      <c r="AA166">
        <f ca="1">ROUND(SQRT((VLOOKUP($A166,városok!$A$2:$C$346,2,0)-VLOOKUP(AA$1,városok!$A$2:$C$346,2,0))^2+(VLOOKUP($A166,városok!$A$2:$C$346,3,0)-VLOOKUP(AA$1,városok!$A$2:$C$346,3,0))^2)/1000,0)</f>
        <v>236</v>
      </c>
      <c r="AB166">
        <f ca="1">ROUND(SQRT((VLOOKUP($A166,városok!$A$2:$C$346,2,0)-VLOOKUP(AB$1,városok!$A$2:$C$346,2,0))^2+(VLOOKUP($A166,városok!$A$2:$C$346,3,0)-VLOOKUP(AB$1,városok!$A$2:$C$346,3,0))^2)/1000,0)</f>
        <v>144</v>
      </c>
      <c r="AC166">
        <f ca="1">ROUND(SQRT((VLOOKUP($A166,városok!$A$2:$C$346,2,0)-VLOOKUP(AC$1,városok!$A$2:$C$346,2,0))^2+(VLOOKUP($A166,városok!$A$2:$C$346,3,0)-VLOOKUP(AC$1,városok!$A$2:$C$346,3,0))^2)/1000,0)</f>
        <v>127</v>
      </c>
      <c r="AD166">
        <f ca="1">ROUND(SQRT((VLOOKUP($A166,városok!$A$2:$C$346,2,0)-VLOOKUP(AD$1,városok!$A$2:$C$346,2,0))^2+(VLOOKUP($A166,városok!$A$2:$C$346,3,0)-VLOOKUP(AD$1,városok!$A$2:$C$346,3,0))^2)/1000,0)</f>
        <v>109</v>
      </c>
      <c r="AE166">
        <f ca="1">ROUND(SQRT((VLOOKUP($A166,városok!$A$2:$C$346,2,0)-VLOOKUP(AE$1,városok!$A$2:$C$346,2,0))^2+(VLOOKUP($A166,városok!$A$2:$C$346,3,0)-VLOOKUP(AE$1,városok!$A$2:$C$346,3,0))^2)/1000,0)</f>
        <v>114</v>
      </c>
      <c r="AF166">
        <f ca="1">ROUND(SQRT((VLOOKUP($A166,városok!$A$2:$C$346,2,0)-VLOOKUP(AF$1,városok!$A$2:$C$346,2,0))^2+(VLOOKUP($A166,városok!$A$2:$C$346,3,0)-VLOOKUP(AF$1,városok!$A$2:$C$346,3,0))^2)/1000,0)</f>
        <v>61</v>
      </c>
      <c r="AG166">
        <f ca="1">ROUND(SQRT((VLOOKUP($A166,városok!$A$2:$C$346,2,0)-VLOOKUP(AG$1,városok!$A$2:$C$346,2,0))^2+(VLOOKUP($A166,városok!$A$2:$C$346,3,0)-VLOOKUP(AG$1,városok!$A$2:$C$346,3,0))^2)/1000,0)</f>
        <v>28</v>
      </c>
      <c r="AH166">
        <f ca="1">ROUND(SQRT((VLOOKUP($A166,városok!$A$2:$C$346,2,0)-VLOOKUP(AH$1,városok!$A$2:$C$346,2,0))^2+(VLOOKUP($A166,városok!$A$2:$C$346,3,0)-VLOOKUP(AH$1,városok!$A$2:$C$346,3,0))^2)/1000,0)</f>
        <v>11</v>
      </c>
      <c r="AI166">
        <f ca="1">ROUND(SQRT((VLOOKUP($A166,városok!$A$2:$C$346,2,0)-VLOOKUP(AI$1,városok!$A$2:$C$346,2,0))^2+(VLOOKUP($A166,városok!$A$2:$C$346,3,0)-VLOOKUP(AI$1,városok!$A$2:$C$346,3,0))^2)/1000,0)</f>
        <v>57</v>
      </c>
      <c r="AJ166">
        <f ca="1">ROUND(SQRT((VLOOKUP($A166,városok!$A$2:$C$346,2,0)-VLOOKUP(AJ$1,városok!$A$2:$C$346,2,0))^2+(VLOOKUP($A166,városok!$A$2:$C$346,3,0)-VLOOKUP(AJ$1,városok!$A$2:$C$346,3,0))^2)/1000,0)</f>
        <v>21</v>
      </c>
      <c r="AK166">
        <f ca="1">ROUND(SQRT((VLOOKUP($A166,városok!$A$2:$C$346,2,0)-VLOOKUP(AK$1,városok!$A$2:$C$346,2,0))^2+(VLOOKUP($A166,városok!$A$2:$C$346,3,0)-VLOOKUP(AK$1,városok!$A$2:$C$346,3,0))^2)/1000,0)</f>
        <v>100</v>
      </c>
      <c r="AL166">
        <f ca="1">ROUND(SQRT((VLOOKUP($A166,városok!$A$2:$C$346,2,0)-VLOOKUP(AL$1,városok!$A$2:$C$346,2,0))^2+(VLOOKUP($A166,városok!$A$2:$C$346,3,0)-VLOOKUP(AL$1,városok!$A$2:$C$346,3,0))^2)/1000,0)</f>
        <v>72</v>
      </c>
      <c r="AM166">
        <f ca="1">ROUND(SQRT((VLOOKUP($A166,városok!$A$2:$C$346,2,0)-VLOOKUP(AM$1,városok!$A$2:$C$346,2,0))^2+(VLOOKUP($A166,városok!$A$2:$C$346,3,0)-VLOOKUP(AM$1,városok!$A$2:$C$346,3,0))^2)/1000,0)</f>
        <v>56</v>
      </c>
      <c r="AN166">
        <f ca="1">ROUND(SQRT((VLOOKUP($A166,városok!$A$2:$C$346,2,0)-VLOOKUP(AN$1,városok!$A$2:$C$346,2,0))^2+(VLOOKUP($A166,városok!$A$2:$C$346,3,0)-VLOOKUP(AN$1,városok!$A$2:$C$346,3,0))^2)/1000,0)</f>
        <v>77</v>
      </c>
      <c r="AO166">
        <f ca="1">ROUND(SQRT((VLOOKUP($A166,városok!$A$2:$C$346,2,0)-VLOOKUP(AO$1,városok!$A$2:$C$346,2,0))^2+(VLOOKUP($A166,városok!$A$2:$C$346,3,0)-VLOOKUP(AO$1,városok!$A$2:$C$346,3,0))^2)/1000,0)</f>
        <v>122</v>
      </c>
      <c r="AP166">
        <f ca="1">ROUND(SQRT((VLOOKUP($A166,városok!$A$2:$C$346,2,0)-VLOOKUP(AP$1,városok!$A$2:$C$346,2,0))^2+(VLOOKUP($A166,városok!$A$2:$C$346,3,0)-VLOOKUP(AP$1,városok!$A$2:$C$346,3,0))^2)/1000,0)</f>
        <v>105</v>
      </c>
      <c r="AQ166">
        <f ca="1">ROUND(SQRT((VLOOKUP($A166,városok!$A$2:$C$346,2,0)-VLOOKUP(AQ$1,városok!$A$2:$C$346,2,0))^2+(VLOOKUP($A166,városok!$A$2:$C$346,3,0)-VLOOKUP(AQ$1,városok!$A$2:$C$346,3,0))^2)/1000,0)</f>
        <v>99</v>
      </c>
      <c r="AR166">
        <f ca="1">ROUND(SQRT((VLOOKUP($A166,városok!$A$2:$C$346,2,0)-VLOOKUP(AR$1,városok!$A$2:$C$346,2,0))^2+(VLOOKUP($A166,városok!$A$2:$C$346,3,0)-VLOOKUP(AR$1,városok!$A$2:$C$346,3,0))^2)/1000,0)</f>
        <v>39</v>
      </c>
      <c r="AS166">
        <f ca="1">ROUND(SQRT((VLOOKUP($A166,városok!$A$2:$C$346,2,0)-VLOOKUP(AS$1,városok!$A$2:$C$346,2,0))^2+(VLOOKUP($A166,városok!$A$2:$C$346,3,0)-VLOOKUP(AS$1,városok!$A$2:$C$346,3,0))^2)/1000,0)</f>
        <v>61</v>
      </c>
      <c r="AT166">
        <f ca="1">ROUND(SQRT((VLOOKUP($A166,városok!$A$2:$C$346,2,0)-VLOOKUP(AT$1,városok!$A$2:$C$346,2,0))^2+(VLOOKUP($A166,városok!$A$2:$C$346,3,0)-VLOOKUP(AT$1,városok!$A$2:$C$346,3,0))^2)/1000,0)</f>
        <v>69</v>
      </c>
      <c r="AU166">
        <f ca="1">ROUND(SQRT((VLOOKUP($A166,városok!$A$2:$C$346,2,0)-VLOOKUP(AU$1,városok!$A$2:$C$346,2,0))^2+(VLOOKUP($A166,városok!$A$2:$C$346,3,0)-VLOOKUP(AU$1,városok!$A$2:$C$346,3,0))^2)/1000,0)</f>
        <v>59</v>
      </c>
      <c r="AV166">
        <f ca="1">ROUND(SQRT((VLOOKUP($A166,városok!$A$2:$C$346,2,0)-VLOOKUP(AV$1,városok!$A$2:$C$346,2,0))^2+(VLOOKUP($A166,városok!$A$2:$C$346,3,0)-VLOOKUP(AV$1,városok!$A$2:$C$346,3,0))^2)/1000,0)</f>
        <v>61</v>
      </c>
      <c r="AW166">
        <f ca="1">ROUND(SQRT((VLOOKUP($A166,városok!$A$2:$C$346,2,0)-VLOOKUP(AW$1,városok!$A$2:$C$346,2,0))^2+(VLOOKUP($A166,városok!$A$2:$C$346,3,0)-VLOOKUP(AW$1,városok!$A$2:$C$346,3,0))^2)/1000,0)</f>
        <v>64</v>
      </c>
      <c r="AX166">
        <f ca="1">ROUND(SQRT((VLOOKUP($A166,városok!$A$2:$C$346,2,0)-VLOOKUP(AX$1,városok!$A$2:$C$346,2,0))^2+(VLOOKUP($A166,városok!$A$2:$C$346,3,0)-VLOOKUP(AX$1,városok!$A$2:$C$346,3,0))^2)/1000,0)</f>
        <v>60</v>
      </c>
      <c r="AY166">
        <f ca="1">ROUND(SQRT((VLOOKUP($A166,városok!$A$2:$C$346,2,0)-VLOOKUP(AY$1,városok!$A$2:$C$346,2,0))^2+(VLOOKUP($A166,városok!$A$2:$C$346,3,0)-VLOOKUP(AY$1,városok!$A$2:$C$346,3,0))^2)/1000,0)</f>
        <v>51</v>
      </c>
      <c r="AZ166">
        <f ca="1">ROUND(SQRT((VLOOKUP($A166,városok!$A$2:$C$346,2,0)-VLOOKUP(AZ$1,városok!$A$2:$C$346,2,0))^2+(VLOOKUP($A166,városok!$A$2:$C$346,3,0)-VLOOKUP(AZ$1,városok!$A$2:$C$346,3,0))^2)/1000,0)</f>
        <v>61</v>
      </c>
      <c r="BA166">
        <f ca="1">ROUND(SQRT((VLOOKUP($A166,városok!$A$2:$C$346,2,0)-VLOOKUP(BA$1,városok!$A$2:$C$346,2,0))^2+(VLOOKUP($A166,városok!$A$2:$C$346,3,0)-VLOOKUP(BA$1,városok!$A$2:$C$346,3,0))^2)/1000,0)</f>
        <v>176</v>
      </c>
      <c r="BB166">
        <f ca="1">ROUND(SQRT((VLOOKUP($A166,városok!$A$2:$C$346,2,0)-VLOOKUP(BB$1,városok!$A$2:$C$346,2,0))^2+(VLOOKUP($A166,városok!$A$2:$C$346,3,0)-VLOOKUP(BB$1,városok!$A$2:$C$346,3,0))^2)/1000,0)</f>
        <v>177</v>
      </c>
      <c r="BC166">
        <f ca="1">ROUND(SQRT((VLOOKUP($A166,városok!$A$2:$C$346,2,0)-VLOOKUP(BC$1,városok!$A$2:$C$346,2,0))^2+(VLOOKUP($A166,városok!$A$2:$C$346,3,0)-VLOOKUP(BC$1,városok!$A$2:$C$346,3,0))^2)/1000,0)</f>
        <v>199</v>
      </c>
      <c r="BD166">
        <f ca="1">ROUND(SQRT((VLOOKUP($A166,városok!$A$2:$C$346,2,0)-VLOOKUP(BD$1,városok!$A$2:$C$346,2,0))^2+(VLOOKUP($A166,városok!$A$2:$C$346,3,0)-VLOOKUP(BD$1,városok!$A$2:$C$346,3,0))^2)/1000,0)</f>
        <v>145</v>
      </c>
      <c r="BE166">
        <f ca="1">ROUND(SQRT((VLOOKUP($A166,városok!$A$2:$C$346,2,0)-VLOOKUP(BE$1,városok!$A$2:$C$346,2,0))^2+(VLOOKUP($A166,városok!$A$2:$C$346,3,0)-VLOOKUP(BE$1,városok!$A$2:$C$346,3,0))^2)/1000,0)</f>
        <v>223</v>
      </c>
      <c r="BF166">
        <f ca="1">ROUND(SQRT((VLOOKUP($A166,városok!$A$2:$C$346,2,0)-VLOOKUP(BF$1,városok!$A$2:$C$346,2,0))^2+(VLOOKUP($A166,városok!$A$2:$C$346,3,0)-VLOOKUP(BF$1,városok!$A$2:$C$346,3,0))^2)/1000,0)</f>
        <v>190</v>
      </c>
      <c r="BG166">
        <f ca="1">ROUND(SQRT((VLOOKUP($A166,városok!$A$2:$C$346,2,0)-VLOOKUP(BG$1,városok!$A$2:$C$346,2,0))^2+(VLOOKUP($A166,városok!$A$2:$C$346,3,0)-VLOOKUP(BG$1,városok!$A$2:$C$346,3,0))^2)/1000,0)</f>
        <v>145</v>
      </c>
      <c r="BH166">
        <f ca="1">ROUND(SQRT((VLOOKUP($A166,városok!$A$2:$C$346,2,0)-VLOOKUP(BH$1,városok!$A$2:$C$346,2,0))^2+(VLOOKUP($A166,városok!$A$2:$C$346,3,0)-VLOOKUP(BH$1,városok!$A$2:$C$346,3,0))^2)/1000,0)</f>
        <v>144</v>
      </c>
      <c r="BI166">
        <f ca="1">ROUND(SQRT((VLOOKUP($A166,városok!$A$2:$C$346,2,0)-VLOOKUP(BI$1,városok!$A$2:$C$346,2,0))^2+(VLOOKUP($A166,városok!$A$2:$C$346,3,0)-VLOOKUP(BI$1,városok!$A$2:$C$346,3,0))^2)/1000,0)</f>
        <v>155</v>
      </c>
      <c r="BJ166">
        <f ca="1">ROUND(SQRT((VLOOKUP($A166,városok!$A$2:$C$346,2,0)-VLOOKUP(BJ$1,városok!$A$2:$C$346,2,0))^2+(VLOOKUP($A166,városok!$A$2:$C$346,3,0)-VLOOKUP(BJ$1,városok!$A$2:$C$346,3,0))^2)/1000,0)</f>
        <v>172</v>
      </c>
      <c r="BK166">
        <f ca="1">ROUND(SQRT((VLOOKUP($A166,városok!$A$2:$C$346,2,0)-VLOOKUP(BK$1,városok!$A$2:$C$346,2,0))^2+(VLOOKUP($A166,városok!$A$2:$C$346,3,0)-VLOOKUP(BK$1,városok!$A$2:$C$346,3,0))^2)/1000,0)</f>
        <v>156</v>
      </c>
      <c r="BL166">
        <f ca="1">ROUND(SQRT((VLOOKUP($A166,városok!$A$2:$C$346,2,0)-VLOOKUP(BL$1,városok!$A$2:$C$346,2,0))^2+(VLOOKUP($A166,városok!$A$2:$C$346,3,0)-VLOOKUP(BL$1,városok!$A$2:$C$346,3,0))^2)/1000,0)</f>
        <v>244</v>
      </c>
      <c r="BM166">
        <f ca="1">ROUND(SQRT((VLOOKUP($A166,városok!$A$2:$C$346,2,0)-VLOOKUP(BM$1,városok!$A$2:$C$346,2,0))^2+(VLOOKUP($A166,városok!$A$2:$C$346,3,0)-VLOOKUP(BM$1,városok!$A$2:$C$346,3,0))^2)/1000,0)</f>
        <v>213</v>
      </c>
      <c r="BN166">
        <f ca="1">ROUND(SQRT((VLOOKUP($A166,városok!$A$2:$C$346,2,0)-VLOOKUP(BN$1,városok!$A$2:$C$346,2,0))^2+(VLOOKUP($A166,városok!$A$2:$C$346,3,0)-VLOOKUP(BN$1,városok!$A$2:$C$346,3,0))^2)/1000,0)</f>
        <v>237</v>
      </c>
      <c r="BO166">
        <f ca="1">ROUND(SQRT((VLOOKUP($A166,városok!$A$2:$C$346,2,0)-VLOOKUP(BO$1,városok!$A$2:$C$346,2,0))^2+(VLOOKUP($A166,városok!$A$2:$C$346,3,0)-VLOOKUP(BO$1,városok!$A$2:$C$346,3,0))^2)/1000,0)</f>
        <v>142</v>
      </c>
      <c r="BP166">
        <f ca="1">ROUND(SQRT((VLOOKUP($A166,városok!$A$2:$C$346,2,0)-VLOOKUP(BP$1,városok!$A$2:$C$346,2,0))^2+(VLOOKUP($A166,városok!$A$2:$C$346,3,0)-VLOOKUP(BP$1,városok!$A$2:$C$346,3,0))^2)/1000,0)</f>
        <v>136</v>
      </c>
      <c r="BQ166">
        <f ca="1">ROUND(SQRT((VLOOKUP($A166,városok!$A$2:$C$346,2,0)-VLOOKUP(BQ$1,városok!$A$2:$C$346,2,0))^2+(VLOOKUP($A166,városok!$A$2:$C$346,3,0)-VLOOKUP(BQ$1,városok!$A$2:$C$346,3,0))^2)/1000,0)</f>
        <v>147</v>
      </c>
      <c r="BR166">
        <f ca="1">ROUND(SQRT((VLOOKUP($A166,városok!$A$2:$C$346,2,0)-VLOOKUP(BR$1,városok!$A$2:$C$346,2,0))^2+(VLOOKUP($A166,városok!$A$2:$C$346,3,0)-VLOOKUP(BR$1,városok!$A$2:$C$346,3,0))^2)/1000,0)</f>
        <v>207</v>
      </c>
      <c r="BS166">
        <f ca="1">ROUND(SQRT((VLOOKUP($A166,városok!$A$2:$C$346,2,0)-VLOOKUP(BS$1,városok!$A$2:$C$346,2,0))^2+(VLOOKUP($A166,városok!$A$2:$C$346,3,0)-VLOOKUP(BS$1,városok!$A$2:$C$346,3,0))^2)/1000,0)</f>
        <v>242</v>
      </c>
      <c r="BT166">
        <f ca="1">ROUND(SQRT((VLOOKUP($A166,városok!$A$2:$C$346,2,0)-VLOOKUP(BT$1,városok!$A$2:$C$346,2,0))^2+(VLOOKUP($A166,városok!$A$2:$C$346,3,0)-VLOOKUP(BT$1,városok!$A$2:$C$346,3,0))^2)/1000,0)</f>
        <v>233</v>
      </c>
    </row>
    <row r="167" spans="1:72" x14ac:dyDescent="0.2">
      <c r="A167" t="str">
        <f>városok!A167</f>
        <v>Jászkisér</v>
      </c>
      <c r="B167">
        <f ca="1">ROUND(SQRT((VLOOKUP($A167,városok!$A$2:$C$346,2,0)-VLOOKUP(B$1,városok!$A$2:$C$346,2,0))^2+(VLOOKUP($A167,városok!$A$2:$C$346,3,0)-VLOOKUP(B$1,városok!$A$2:$C$346,3,0))^2)/1000,0)</f>
        <v>171</v>
      </c>
      <c r="C167">
        <f ca="1">ROUND(SQRT((VLOOKUP($A167,városok!$A$2:$C$346,2,0)-VLOOKUP(C$1,városok!$A$2:$C$346,2,0))^2+(VLOOKUP($A167,városok!$A$2:$C$346,3,0)-VLOOKUP(C$1,városok!$A$2:$C$346,3,0))^2)/1000,0)</f>
        <v>140</v>
      </c>
      <c r="D167">
        <f ca="1">ROUND(SQRT((VLOOKUP($A167,városok!$A$2:$C$346,2,0)-VLOOKUP(D$1,városok!$A$2:$C$346,2,0))^2+(VLOOKUP($A167,városok!$A$2:$C$346,3,0)-VLOOKUP(D$1,városok!$A$2:$C$346,3,0))^2)/1000,0)</f>
        <v>73</v>
      </c>
      <c r="E167">
        <f ca="1">ROUND(SQRT((VLOOKUP($A167,városok!$A$2:$C$346,2,0)-VLOOKUP(E$1,városok!$A$2:$C$346,2,0))^2+(VLOOKUP($A167,városok!$A$2:$C$346,3,0)-VLOOKUP(E$1,városok!$A$2:$C$346,3,0))^2)/1000,0)</f>
        <v>205</v>
      </c>
      <c r="F167">
        <f ca="1">ROUND(SQRT((VLOOKUP($A167,városok!$A$2:$C$346,2,0)-VLOOKUP(F$1,városok!$A$2:$C$346,2,0))^2+(VLOOKUP($A167,városok!$A$2:$C$346,3,0)-VLOOKUP(F$1,városok!$A$2:$C$346,3,0))^2)/1000,0)</f>
        <v>201</v>
      </c>
      <c r="G167">
        <f ca="1">ROUND(SQRT((VLOOKUP($A167,városok!$A$2:$C$346,2,0)-VLOOKUP(G$1,városok!$A$2:$C$346,2,0))^2+(VLOOKUP($A167,városok!$A$2:$C$346,3,0)-VLOOKUP(G$1,városok!$A$2:$C$346,3,0))^2)/1000,0)</f>
        <v>215</v>
      </c>
      <c r="H167">
        <f ca="1">ROUND(SQRT((VLOOKUP($A167,városok!$A$2:$C$346,2,0)-VLOOKUP(H$1,városok!$A$2:$C$346,2,0))^2+(VLOOKUP($A167,városok!$A$2:$C$346,3,0)-VLOOKUP(H$1,városok!$A$2:$C$346,3,0))^2)/1000,0)</f>
        <v>242</v>
      </c>
      <c r="I167">
        <f ca="1">ROUND(SQRT((VLOOKUP($A167,városok!$A$2:$C$346,2,0)-VLOOKUP(I$1,városok!$A$2:$C$346,2,0))^2+(VLOOKUP($A167,városok!$A$2:$C$346,3,0)-VLOOKUP(I$1,városok!$A$2:$C$346,3,0))^2)/1000,0)</f>
        <v>109</v>
      </c>
      <c r="J167">
        <f ca="1">ROUND(SQRT((VLOOKUP($A167,városok!$A$2:$C$346,2,0)-VLOOKUP(J$1,városok!$A$2:$C$346,2,0))^2+(VLOOKUP($A167,városok!$A$2:$C$346,3,0)-VLOOKUP(J$1,városok!$A$2:$C$346,3,0))^2)/1000,0)</f>
        <v>121</v>
      </c>
      <c r="K167">
        <f ca="1">ROUND(SQRT((VLOOKUP($A167,városok!$A$2:$C$346,2,0)-VLOOKUP(K$1,városok!$A$2:$C$346,2,0))^2+(VLOOKUP($A167,városok!$A$2:$C$346,3,0)-VLOOKUP(K$1,városok!$A$2:$C$346,3,0))^2)/1000,0)</f>
        <v>105</v>
      </c>
      <c r="L167">
        <f ca="1">ROUND(SQRT((VLOOKUP($A167,városok!$A$2:$C$346,2,0)-VLOOKUP(L$1,városok!$A$2:$C$346,2,0))^2+(VLOOKUP($A167,városok!$A$2:$C$346,3,0)-VLOOKUP(L$1,városok!$A$2:$C$346,3,0))^2)/1000,0)</f>
        <v>94</v>
      </c>
      <c r="M167">
        <f ca="1">ROUND(SQRT((VLOOKUP($A167,városok!$A$2:$C$346,2,0)-VLOOKUP(M$1,városok!$A$2:$C$346,2,0))^2+(VLOOKUP($A167,városok!$A$2:$C$346,3,0)-VLOOKUP(M$1,városok!$A$2:$C$346,3,0))^2)/1000,0)</f>
        <v>84</v>
      </c>
      <c r="N167">
        <f ca="1">ROUND(SQRT((VLOOKUP($A167,városok!$A$2:$C$346,2,0)-VLOOKUP(N$1,városok!$A$2:$C$346,2,0))^2+(VLOOKUP($A167,városok!$A$2:$C$346,3,0)-VLOOKUP(N$1,városok!$A$2:$C$346,3,0))^2)/1000,0)</f>
        <v>85</v>
      </c>
      <c r="O167">
        <f ca="1">ROUND(SQRT((VLOOKUP($A167,városok!$A$2:$C$346,2,0)-VLOOKUP(O$1,városok!$A$2:$C$346,2,0))^2+(VLOOKUP($A167,városok!$A$2:$C$346,3,0)-VLOOKUP(O$1,városok!$A$2:$C$346,3,0))^2)/1000,0)</f>
        <v>150</v>
      </c>
      <c r="P167">
        <f ca="1">ROUND(SQRT((VLOOKUP($A167,városok!$A$2:$C$346,2,0)-VLOOKUP(P$1,városok!$A$2:$C$346,2,0))^2+(VLOOKUP($A167,városok!$A$2:$C$346,3,0)-VLOOKUP(P$1,városok!$A$2:$C$346,3,0))^2)/1000,0)</f>
        <v>150</v>
      </c>
      <c r="Q167">
        <f ca="1">ROUND(SQRT((VLOOKUP($A167,városok!$A$2:$C$346,2,0)-VLOOKUP(Q$1,városok!$A$2:$C$346,2,0))^2+(VLOOKUP($A167,városok!$A$2:$C$346,3,0)-VLOOKUP(Q$1,városok!$A$2:$C$346,3,0))^2)/1000,0)</f>
        <v>116</v>
      </c>
      <c r="R167">
        <f ca="1">ROUND(SQRT((VLOOKUP($A167,városok!$A$2:$C$346,2,0)-VLOOKUP(R$1,városok!$A$2:$C$346,2,0))^2+(VLOOKUP($A167,városok!$A$2:$C$346,3,0)-VLOOKUP(R$1,városok!$A$2:$C$346,3,0))^2)/1000,0)</f>
        <v>139</v>
      </c>
      <c r="S167">
        <f ca="1">ROUND(SQRT((VLOOKUP($A167,városok!$A$2:$C$346,2,0)-VLOOKUP(S$1,városok!$A$2:$C$346,2,0))^2+(VLOOKUP($A167,városok!$A$2:$C$346,3,0)-VLOOKUP(S$1,városok!$A$2:$C$346,3,0))^2)/1000,0)</f>
        <v>135</v>
      </c>
      <c r="T167">
        <f ca="1">ROUND(SQRT((VLOOKUP($A167,városok!$A$2:$C$346,2,0)-VLOOKUP(T$1,városok!$A$2:$C$346,2,0))^2+(VLOOKUP($A167,városok!$A$2:$C$346,3,0)-VLOOKUP(T$1,városok!$A$2:$C$346,3,0))^2)/1000,0)</f>
        <v>119</v>
      </c>
      <c r="U167">
        <f ca="1">ROUND(SQRT((VLOOKUP($A167,városok!$A$2:$C$346,2,0)-VLOOKUP(U$1,városok!$A$2:$C$346,2,0))^2+(VLOOKUP($A167,városok!$A$2:$C$346,3,0)-VLOOKUP(U$1,városok!$A$2:$C$346,3,0))^2)/1000,0)</f>
        <v>111</v>
      </c>
      <c r="V167">
        <f ca="1">ROUND(SQRT((VLOOKUP($A167,városok!$A$2:$C$346,2,0)-VLOOKUP(V$1,városok!$A$2:$C$346,2,0))^2+(VLOOKUP($A167,városok!$A$2:$C$346,3,0)-VLOOKUP(V$1,városok!$A$2:$C$346,3,0))^2)/1000,0)</f>
        <v>151</v>
      </c>
      <c r="W167">
        <f ca="1">ROUND(SQRT((VLOOKUP($A167,városok!$A$2:$C$346,2,0)-VLOOKUP(W$1,városok!$A$2:$C$346,2,0))^2+(VLOOKUP($A167,városok!$A$2:$C$346,3,0)-VLOOKUP(W$1,városok!$A$2:$C$346,3,0))^2)/1000,0)</f>
        <v>136</v>
      </c>
      <c r="X167">
        <f ca="1">ROUND(SQRT((VLOOKUP($A167,városok!$A$2:$C$346,2,0)-VLOOKUP(X$1,városok!$A$2:$C$346,2,0))^2+(VLOOKUP($A167,városok!$A$2:$C$346,3,0)-VLOOKUP(X$1,városok!$A$2:$C$346,3,0))^2)/1000,0)</f>
        <v>144</v>
      </c>
      <c r="Y167">
        <f ca="1">ROUND(SQRT((VLOOKUP($A167,városok!$A$2:$C$346,2,0)-VLOOKUP(Y$1,városok!$A$2:$C$346,2,0))^2+(VLOOKUP($A167,városok!$A$2:$C$346,3,0)-VLOOKUP(Y$1,városok!$A$2:$C$346,3,0))^2)/1000,0)</f>
        <v>196</v>
      </c>
      <c r="Z167">
        <f ca="1">ROUND(SQRT((VLOOKUP($A167,városok!$A$2:$C$346,2,0)-VLOOKUP(Z$1,városok!$A$2:$C$346,2,0))^2+(VLOOKUP($A167,városok!$A$2:$C$346,3,0)-VLOOKUP(Z$1,városok!$A$2:$C$346,3,0))^2)/1000,0)</f>
        <v>215</v>
      </c>
      <c r="AA167">
        <f ca="1">ROUND(SQRT((VLOOKUP($A167,városok!$A$2:$C$346,2,0)-VLOOKUP(AA$1,városok!$A$2:$C$346,2,0))^2+(VLOOKUP($A167,városok!$A$2:$C$346,3,0)-VLOOKUP(AA$1,városok!$A$2:$C$346,3,0))^2)/1000,0)</f>
        <v>274</v>
      </c>
      <c r="AB167">
        <f ca="1">ROUND(SQRT((VLOOKUP($A167,városok!$A$2:$C$346,2,0)-VLOOKUP(AB$1,városok!$A$2:$C$346,2,0))^2+(VLOOKUP($A167,városok!$A$2:$C$346,3,0)-VLOOKUP(AB$1,városok!$A$2:$C$346,3,0))^2)/1000,0)</f>
        <v>107</v>
      </c>
      <c r="AC167">
        <f ca="1">ROUND(SQRT((VLOOKUP($A167,városok!$A$2:$C$346,2,0)-VLOOKUP(AC$1,városok!$A$2:$C$346,2,0))^2+(VLOOKUP($A167,városok!$A$2:$C$346,3,0)-VLOOKUP(AC$1,városok!$A$2:$C$346,3,0))^2)/1000,0)</f>
        <v>89</v>
      </c>
      <c r="AD167">
        <f ca="1">ROUND(SQRT((VLOOKUP($A167,városok!$A$2:$C$346,2,0)-VLOOKUP(AD$1,városok!$A$2:$C$346,2,0))^2+(VLOOKUP($A167,városok!$A$2:$C$346,3,0)-VLOOKUP(AD$1,városok!$A$2:$C$346,3,0))^2)/1000,0)</f>
        <v>71</v>
      </c>
      <c r="AE167">
        <f ca="1">ROUND(SQRT((VLOOKUP($A167,városok!$A$2:$C$346,2,0)-VLOOKUP(AE$1,városok!$A$2:$C$346,2,0))^2+(VLOOKUP($A167,városok!$A$2:$C$346,3,0)-VLOOKUP(AE$1,városok!$A$2:$C$346,3,0))^2)/1000,0)</f>
        <v>75</v>
      </c>
      <c r="AF167">
        <f ca="1">ROUND(SQRT((VLOOKUP($A167,városok!$A$2:$C$346,2,0)-VLOOKUP(AF$1,városok!$A$2:$C$346,2,0))^2+(VLOOKUP($A167,városok!$A$2:$C$346,3,0)-VLOOKUP(AF$1,városok!$A$2:$C$346,3,0))^2)/1000,0)</f>
        <v>51</v>
      </c>
      <c r="AG167">
        <f ca="1">ROUND(SQRT((VLOOKUP($A167,városok!$A$2:$C$346,2,0)-VLOOKUP(AG$1,városok!$A$2:$C$346,2,0))^2+(VLOOKUP($A167,városok!$A$2:$C$346,3,0)-VLOOKUP(AG$1,városok!$A$2:$C$346,3,0))^2)/1000,0)</f>
        <v>42</v>
      </c>
      <c r="AH167">
        <f ca="1">ROUND(SQRT((VLOOKUP($A167,városok!$A$2:$C$346,2,0)-VLOOKUP(AH$1,városok!$A$2:$C$346,2,0))^2+(VLOOKUP($A167,városok!$A$2:$C$346,3,0)-VLOOKUP(AH$1,városok!$A$2:$C$346,3,0))^2)/1000,0)</f>
        <v>47</v>
      </c>
      <c r="AI167">
        <f ca="1">ROUND(SQRT((VLOOKUP($A167,városok!$A$2:$C$346,2,0)-VLOOKUP(AI$1,városok!$A$2:$C$346,2,0))^2+(VLOOKUP($A167,városok!$A$2:$C$346,3,0)-VLOOKUP(AI$1,városok!$A$2:$C$346,3,0))^2)/1000,0)</f>
        <v>63</v>
      </c>
      <c r="AJ167">
        <f ca="1">ROUND(SQRT((VLOOKUP($A167,városok!$A$2:$C$346,2,0)-VLOOKUP(AJ$1,városok!$A$2:$C$346,2,0))^2+(VLOOKUP($A167,városok!$A$2:$C$346,3,0)-VLOOKUP(AJ$1,városok!$A$2:$C$346,3,0))^2)/1000,0)</f>
        <v>27</v>
      </c>
      <c r="AK167">
        <f ca="1">ROUND(SQRT((VLOOKUP($A167,városok!$A$2:$C$346,2,0)-VLOOKUP(AK$1,városok!$A$2:$C$346,2,0))^2+(VLOOKUP($A167,városok!$A$2:$C$346,3,0)-VLOOKUP(AK$1,városok!$A$2:$C$346,3,0))^2)/1000,0)</f>
        <v>61</v>
      </c>
      <c r="AL167">
        <f ca="1">ROUND(SQRT((VLOOKUP($A167,városok!$A$2:$C$346,2,0)-VLOOKUP(AL$1,városok!$A$2:$C$346,2,0))^2+(VLOOKUP($A167,városok!$A$2:$C$346,3,0)-VLOOKUP(AL$1,városok!$A$2:$C$346,3,0))^2)/1000,0)</f>
        <v>33</v>
      </c>
      <c r="AM167">
        <f ca="1">ROUND(SQRT((VLOOKUP($A167,városok!$A$2:$C$346,2,0)-VLOOKUP(AM$1,városok!$A$2:$C$346,2,0))^2+(VLOOKUP($A167,városok!$A$2:$C$346,3,0)-VLOOKUP(AM$1,városok!$A$2:$C$346,3,0))^2)/1000,0)</f>
        <v>31</v>
      </c>
      <c r="AN167">
        <f ca="1">ROUND(SQRT((VLOOKUP($A167,városok!$A$2:$C$346,2,0)-VLOOKUP(AN$1,városok!$A$2:$C$346,2,0))^2+(VLOOKUP($A167,városok!$A$2:$C$346,3,0)-VLOOKUP(AN$1,városok!$A$2:$C$346,3,0))^2)/1000,0)</f>
        <v>117</v>
      </c>
      <c r="AO167">
        <f ca="1">ROUND(SQRT((VLOOKUP($A167,városok!$A$2:$C$346,2,0)-VLOOKUP(AO$1,városok!$A$2:$C$346,2,0))^2+(VLOOKUP($A167,városok!$A$2:$C$346,3,0)-VLOOKUP(AO$1,városok!$A$2:$C$346,3,0))^2)/1000,0)</f>
        <v>160</v>
      </c>
      <c r="AP167">
        <f ca="1">ROUND(SQRT((VLOOKUP($A167,városok!$A$2:$C$346,2,0)-VLOOKUP(AP$1,városok!$A$2:$C$346,2,0))^2+(VLOOKUP($A167,városok!$A$2:$C$346,3,0)-VLOOKUP(AP$1,városok!$A$2:$C$346,3,0))^2)/1000,0)</f>
        <v>143</v>
      </c>
      <c r="AQ167">
        <f ca="1">ROUND(SQRT((VLOOKUP($A167,városok!$A$2:$C$346,2,0)-VLOOKUP(AQ$1,városok!$A$2:$C$346,2,0))^2+(VLOOKUP($A167,városok!$A$2:$C$346,3,0)-VLOOKUP(AQ$1,városok!$A$2:$C$346,3,0))^2)/1000,0)</f>
        <v>137</v>
      </c>
      <c r="AR167">
        <f ca="1">ROUND(SQRT((VLOOKUP($A167,városok!$A$2:$C$346,2,0)-VLOOKUP(AR$1,városok!$A$2:$C$346,2,0))^2+(VLOOKUP($A167,városok!$A$2:$C$346,3,0)-VLOOKUP(AR$1,városok!$A$2:$C$346,3,0))^2)/1000,0)</f>
        <v>65</v>
      </c>
      <c r="AS167">
        <f ca="1">ROUND(SQRT((VLOOKUP($A167,városok!$A$2:$C$346,2,0)-VLOOKUP(AS$1,városok!$A$2:$C$346,2,0))^2+(VLOOKUP($A167,városok!$A$2:$C$346,3,0)-VLOOKUP(AS$1,városok!$A$2:$C$346,3,0))^2)/1000,0)</f>
        <v>79</v>
      </c>
      <c r="AT167">
        <f ca="1">ROUND(SQRT((VLOOKUP($A167,városok!$A$2:$C$346,2,0)-VLOOKUP(AT$1,városok!$A$2:$C$346,2,0))^2+(VLOOKUP($A167,városok!$A$2:$C$346,3,0)-VLOOKUP(AT$1,városok!$A$2:$C$346,3,0))^2)/1000,0)</f>
        <v>105</v>
      </c>
      <c r="AU167">
        <f ca="1">ROUND(SQRT((VLOOKUP($A167,városok!$A$2:$C$346,2,0)-VLOOKUP(AU$1,városok!$A$2:$C$346,2,0))^2+(VLOOKUP($A167,városok!$A$2:$C$346,3,0)-VLOOKUP(AU$1,városok!$A$2:$C$346,3,0))^2)/1000,0)</f>
        <v>94</v>
      </c>
      <c r="AV167">
        <f ca="1">ROUND(SQRT((VLOOKUP($A167,városok!$A$2:$C$346,2,0)-VLOOKUP(AV$1,városok!$A$2:$C$346,2,0))^2+(VLOOKUP($A167,városok!$A$2:$C$346,3,0)-VLOOKUP(AV$1,városok!$A$2:$C$346,3,0))^2)/1000,0)</f>
        <v>96</v>
      </c>
      <c r="AW167">
        <f ca="1">ROUND(SQRT((VLOOKUP($A167,városok!$A$2:$C$346,2,0)-VLOOKUP(AW$1,városok!$A$2:$C$346,2,0))^2+(VLOOKUP($A167,városok!$A$2:$C$346,3,0)-VLOOKUP(AW$1,városok!$A$2:$C$346,3,0))^2)/1000,0)</f>
        <v>99</v>
      </c>
      <c r="AX167">
        <f ca="1">ROUND(SQRT((VLOOKUP($A167,városok!$A$2:$C$346,2,0)-VLOOKUP(AX$1,városok!$A$2:$C$346,2,0))^2+(VLOOKUP($A167,városok!$A$2:$C$346,3,0)-VLOOKUP(AX$1,városok!$A$2:$C$346,3,0))^2)/1000,0)</f>
        <v>58</v>
      </c>
      <c r="AY167">
        <f ca="1">ROUND(SQRT((VLOOKUP($A167,városok!$A$2:$C$346,2,0)-VLOOKUP(AY$1,városok!$A$2:$C$346,2,0))^2+(VLOOKUP($A167,városok!$A$2:$C$346,3,0)-VLOOKUP(AY$1,városok!$A$2:$C$346,3,0))^2)/1000,0)</f>
        <v>90</v>
      </c>
      <c r="AZ167">
        <f ca="1">ROUND(SQRT((VLOOKUP($A167,városok!$A$2:$C$346,2,0)-VLOOKUP(AZ$1,városok!$A$2:$C$346,2,0))^2+(VLOOKUP($A167,városok!$A$2:$C$346,3,0)-VLOOKUP(AZ$1,városok!$A$2:$C$346,3,0))^2)/1000,0)</f>
        <v>100</v>
      </c>
      <c r="BA167">
        <f ca="1">ROUND(SQRT((VLOOKUP($A167,városok!$A$2:$C$346,2,0)-VLOOKUP(BA$1,városok!$A$2:$C$346,2,0))^2+(VLOOKUP($A167,városok!$A$2:$C$346,3,0)-VLOOKUP(BA$1,városok!$A$2:$C$346,3,0))^2)/1000,0)</f>
        <v>205</v>
      </c>
      <c r="BB167">
        <f ca="1">ROUND(SQRT((VLOOKUP($A167,városok!$A$2:$C$346,2,0)-VLOOKUP(BB$1,városok!$A$2:$C$346,2,0))^2+(VLOOKUP($A167,városok!$A$2:$C$346,3,0)-VLOOKUP(BB$1,városok!$A$2:$C$346,3,0))^2)/1000,0)</f>
        <v>201</v>
      </c>
      <c r="BC167">
        <f ca="1">ROUND(SQRT((VLOOKUP($A167,városok!$A$2:$C$346,2,0)-VLOOKUP(BC$1,városok!$A$2:$C$346,2,0))^2+(VLOOKUP($A167,városok!$A$2:$C$346,3,0)-VLOOKUP(BC$1,városok!$A$2:$C$346,3,0))^2)/1000,0)</f>
        <v>221</v>
      </c>
      <c r="BD167">
        <f ca="1">ROUND(SQRT((VLOOKUP($A167,városok!$A$2:$C$346,2,0)-VLOOKUP(BD$1,városok!$A$2:$C$346,2,0))^2+(VLOOKUP($A167,városok!$A$2:$C$346,3,0)-VLOOKUP(BD$1,városok!$A$2:$C$346,3,0))^2)/1000,0)</f>
        <v>174</v>
      </c>
      <c r="BE167">
        <f ca="1">ROUND(SQRT((VLOOKUP($A167,városok!$A$2:$C$346,2,0)-VLOOKUP(BE$1,városok!$A$2:$C$346,2,0))^2+(VLOOKUP($A167,városok!$A$2:$C$346,3,0)-VLOOKUP(BE$1,városok!$A$2:$C$346,3,0))^2)/1000,0)</f>
        <v>189</v>
      </c>
      <c r="BF167">
        <f ca="1">ROUND(SQRT((VLOOKUP($A167,városok!$A$2:$C$346,2,0)-VLOOKUP(BF$1,városok!$A$2:$C$346,2,0))^2+(VLOOKUP($A167,városok!$A$2:$C$346,3,0)-VLOOKUP(BF$1,városok!$A$2:$C$346,3,0))^2)/1000,0)</f>
        <v>163</v>
      </c>
      <c r="BG167">
        <f ca="1">ROUND(SQRT((VLOOKUP($A167,városok!$A$2:$C$346,2,0)-VLOOKUP(BG$1,városok!$A$2:$C$346,2,0))^2+(VLOOKUP($A167,városok!$A$2:$C$346,3,0)-VLOOKUP(BG$1,városok!$A$2:$C$346,3,0))^2)/1000,0)</f>
        <v>120</v>
      </c>
      <c r="BH167">
        <f ca="1">ROUND(SQRT((VLOOKUP($A167,városok!$A$2:$C$346,2,0)-VLOOKUP(BH$1,városok!$A$2:$C$346,2,0))^2+(VLOOKUP($A167,városok!$A$2:$C$346,3,0)-VLOOKUP(BH$1,városok!$A$2:$C$346,3,0))^2)/1000,0)</f>
        <v>119</v>
      </c>
      <c r="BI167">
        <f ca="1">ROUND(SQRT((VLOOKUP($A167,városok!$A$2:$C$346,2,0)-VLOOKUP(BI$1,városok!$A$2:$C$346,2,0))^2+(VLOOKUP($A167,városok!$A$2:$C$346,3,0)-VLOOKUP(BI$1,városok!$A$2:$C$346,3,0))^2)/1000,0)</f>
        <v>169</v>
      </c>
      <c r="BJ167">
        <f ca="1">ROUND(SQRT((VLOOKUP($A167,városok!$A$2:$C$346,2,0)-VLOOKUP(BJ$1,városok!$A$2:$C$346,2,0))^2+(VLOOKUP($A167,városok!$A$2:$C$346,3,0)-VLOOKUP(BJ$1,városok!$A$2:$C$346,3,0))^2)/1000,0)</f>
        <v>187</v>
      </c>
      <c r="BK167">
        <f ca="1">ROUND(SQRT((VLOOKUP($A167,városok!$A$2:$C$346,2,0)-VLOOKUP(BK$1,városok!$A$2:$C$346,2,0))^2+(VLOOKUP($A167,városok!$A$2:$C$346,3,0)-VLOOKUP(BK$1,városok!$A$2:$C$346,3,0))^2)/1000,0)</f>
        <v>169</v>
      </c>
      <c r="BL167">
        <f ca="1">ROUND(SQRT((VLOOKUP($A167,városok!$A$2:$C$346,2,0)-VLOOKUP(BL$1,városok!$A$2:$C$346,2,0))^2+(VLOOKUP($A167,városok!$A$2:$C$346,3,0)-VLOOKUP(BL$1,városok!$A$2:$C$346,3,0))^2)/1000,0)</f>
        <v>278</v>
      </c>
      <c r="BM167">
        <f ca="1">ROUND(SQRT((VLOOKUP($A167,városok!$A$2:$C$346,2,0)-VLOOKUP(BM$1,városok!$A$2:$C$346,2,0))^2+(VLOOKUP($A167,városok!$A$2:$C$346,3,0)-VLOOKUP(BM$1,városok!$A$2:$C$346,3,0))^2)/1000,0)</f>
        <v>249</v>
      </c>
      <c r="BN167">
        <f ca="1">ROUND(SQRT((VLOOKUP($A167,városok!$A$2:$C$346,2,0)-VLOOKUP(BN$1,városok!$A$2:$C$346,2,0))^2+(VLOOKUP($A167,városok!$A$2:$C$346,3,0)-VLOOKUP(BN$1,városok!$A$2:$C$346,3,0))^2)/1000,0)</f>
        <v>272</v>
      </c>
      <c r="BO167">
        <f ca="1">ROUND(SQRT((VLOOKUP($A167,városok!$A$2:$C$346,2,0)-VLOOKUP(BO$1,városok!$A$2:$C$346,2,0))^2+(VLOOKUP($A167,városok!$A$2:$C$346,3,0)-VLOOKUP(BO$1,városok!$A$2:$C$346,3,0))^2)/1000,0)</f>
        <v>173</v>
      </c>
      <c r="BP167">
        <f ca="1">ROUND(SQRT((VLOOKUP($A167,városok!$A$2:$C$346,2,0)-VLOOKUP(BP$1,városok!$A$2:$C$346,2,0))^2+(VLOOKUP($A167,városok!$A$2:$C$346,3,0)-VLOOKUP(BP$1,városok!$A$2:$C$346,3,0))^2)/1000,0)</f>
        <v>166</v>
      </c>
      <c r="BQ167">
        <f ca="1">ROUND(SQRT((VLOOKUP($A167,városok!$A$2:$C$346,2,0)-VLOOKUP(BQ$1,városok!$A$2:$C$346,2,0))^2+(VLOOKUP($A167,városok!$A$2:$C$346,3,0)-VLOOKUP(BQ$1,városok!$A$2:$C$346,3,0))^2)/1000,0)</f>
        <v>179</v>
      </c>
      <c r="BR167">
        <f ca="1">ROUND(SQRT((VLOOKUP($A167,városok!$A$2:$C$346,2,0)-VLOOKUP(BR$1,városok!$A$2:$C$346,2,0))^2+(VLOOKUP($A167,városok!$A$2:$C$346,3,0)-VLOOKUP(BR$1,városok!$A$2:$C$346,3,0))^2)/1000,0)</f>
        <v>237</v>
      </c>
      <c r="BS167">
        <f ca="1">ROUND(SQRT((VLOOKUP($A167,városok!$A$2:$C$346,2,0)-VLOOKUP(BS$1,városok!$A$2:$C$346,2,0))^2+(VLOOKUP($A167,városok!$A$2:$C$346,3,0)-VLOOKUP(BS$1,városok!$A$2:$C$346,3,0))^2)/1000,0)</f>
        <v>270</v>
      </c>
      <c r="BT167">
        <f ca="1">ROUND(SQRT((VLOOKUP($A167,városok!$A$2:$C$346,2,0)-VLOOKUP(BT$1,városok!$A$2:$C$346,2,0))^2+(VLOOKUP($A167,városok!$A$2:$C$346,3,0)-VLOOKUP(BT$1,városok!$A$2:$C$346,3,0))^2)/1000,0)</f>
        <v>265</v>
      </c>
    </row>
    <row r="168" spans="1:72" x14ac:dyDescent="0.2">
      <c r="A168" t="str">
        <f>városok!A168</f>
        <v>Karcag</v>
      </c>
      <c r="B168">
        <f ca="1">ROUND(SQRT((VLOOKUP($A168,városok!$A$2:$C$346,2,0)-VLOOKUP(B$1,városok!$A$2:$C$346,2,0))^2+(VLOOKUP($A168,városok!$A$2:$C$346,3,0)-VLOOKUP(B$1,városok!$A$2:$C$346,3,0))^2)/1000,0)</f>
        <v>196</v>
      </c>
      <c r="C168">
        <f ca="1">ROUND(SQRT((VLOOKUP($A168,városok!$A$2:$C$346,2,0)-VLOOKUP(C$1,városok!$A$2:$C$346,2,0))^2+(VLOOKUP($A168,városok!$A$2:$C$346,3,0)-VLOOKUP(C$1,városok!$A$2:$C$346,3,0))^2)/1000,0)</f>
        <v>174</v>
      </c>
      <c r="D168">
        <f ca="1">ROUND(SQRT((VLOOKUP($A168,városok!$A$2:$C$346,2,0)-VLOOKUP(D$1,városok!$A$2:$C$346,2,0))^2+(VLOOKUP($A168,városok!$A$2:$C$346,3,0)-VLOOKUP(D$1,városok!$A$2:$C$346,3,0))^2)/1000,0)</f>
        <v>106</v>
      </c>
      <c r="E168">
        <f ca="1">ROUND(SQRT((VLOOKUP($A168,városok!$A$2:$C$346,2,0)-VLOOKUP(E$1,városok!$A$2:$C$346,2,0))^2+(VLOOKUP($A168,városok!$A$2:$C$346,3,0)-VLOOKUP(E$1,városok!$A$2:$C$346,3,0))^2)/1000,0)</f>
        <v>240</v>
      </c>
      <c r="F168">
        <f ca="1">ROUND(SQRT((VLOOKUP($A168,városok!$A$2:$C$346,2,0)-VLOOKUP(F$1,városok!$A$2:$C$346,2,0))^2+(VLOOKUP($A168,városok!$A$2:$C$346,3,0)-VLOOKUP(F$1,városok!$A$2:$C$346,3,0))^2)/1000,0)</f>
        <v>227</v>
      </c>
      <c r="G168">
        <f ca="1">ROUND(SQRT((VLOOKUP($A168,városok!$A$2:$C$346,2,0)-VLOOKUP(G$1,városok!$A$2:$C$346,2,0))^2+(VLOOKUP($A168,városok!$A$2:$C$346,3,0)-VLOOKUP(G$1,városok!$A$2:$C$346,3,0))^2)/1000,0)</f>
        <v>248</v>
      </c>
      <c r="H168">
        <f ca="1">ROUND(SQRT((VLOOKUP($A168,városok!$A$2:$C$346,2,0)-VLOOKUP(H$1,városok!$A$2:$C$346,2,0))^2+(VLOOKUP($A168,városok!$A$2:$C$346,3,0)-VLOOKUP(H$1,városok!$A$2:$C$346,3,0))^2)/1000,0)</f>
        <v>279</v>
      </c>
      <c r="I168">
        <f ca="1">ROUND(SQRT((VLOOKUP($A168,városok!$A$2:$C$346,2,0)-VLOOKUP(I$1,városok!$A$2:$C$346,2,0))^2+(VLOOKUP($A168,városok!$A$2:$C$346,3,0)-VLOOKUP(I$1,városok!$A$2:$C$346,3,0))^2)/1000,0)</f>
        <v>68</v>
      </c>
      <c r="J168">
        <f ca="1">ROUND(SQRT((VLOOKUP($A168,városok!$A$2:$C$346,2,0)-VLOOKUP(J$1,városok!$A$2:$C$346,2,0))^2+(VLOOKUP($A168,városok!$A$2:$C$346,3,0)-VLOOKUP(J$1,városok!$A$2:$C$346,3,0))^2)/1000,0)</f>
        <v>75</v>
      </c>
      <c r="K168">
        <f ca="1">ROUND(SQRT((VLOOKUP($A168,városok!$A$2:$C$346,2,0)-VLOOKUP(K$1,városok!$A$2:$C$346,2,0))^2+(VLOOKUP($A168,városok!$A$2:$C$346,3,0)-VLOOKUP(K$1,városok!$A$2:$C$346,3,0))^2)/1000,0)</f>
        <v>83</v>
      </c>
      <c r="L168">
        <f ca="1">ROUND(SQRT((VLOOKUP($A168,városok!$A$2:$C$346,2,0)-VLOOKUP(L$1,városok!$A$2:$C$346,2,0))^2+(VLOOKUP($A168,városok!$A$2:$C$346,3,0)-VLOOKUP(L$1,városok!$A$2:$C$346,3,0))^2)/1000,0)</f>
        <v>111</v>
      </c>
      <c r="M168">
        <f ca="1">ROUND(SQRT((VLOOKUP($A168,városok!$A$2:$C$346,2,0)-VLOOKUP(M$1,városok!$A$2:$C$346,2,0))^2+(VLOOKUP($A168,városok!$A$2:$C$346,3,0)-VLOOKUP(M$1,városok!$A$2:$C$346,3,0))^2)/1000,0)</f>
        <v>92</v>
      </c>
      <c r="N168">
        <f ca="1">ROUND(SQRT((VLOOKUP($A168,városok!$A$2:$C$346,2,0)-VLOOKUP(N$1,városok!$A$2:$C$346,2,0))^2+(VLOOKUP($A168,városok!$A$2:$C$346,3,0)-VLOOKUP(N$1,városok!$A$2:$C$346,3,0))^2)/1000,0)</f>
        <v>116</v>
      </c>
      <c r="O168">
        <f ca="1">ROUND(SQRT((VLOOKUP($A168,városok!$A$2:$C$346,2,0)-VLOOKUP(O$1,városok!$A$2:$C$346,2,0))^2+(VLOOKUP($A168,városok!$A$2:$C$346,3,0)-VLOOKUP(O$1,városok!$A$2:$C$346,3,0))^2)/1000,0)</f>
        <v>134</v>
      </c>
      <c r="P168">
        <f ca="1">ROUND(SQRT((VLOOKUP($A168,városok!$A$2:$C$346,2,0)-VLOOKUP(P$1,városok!$A$2:$C$346,2,0))^2+(VLOOKUP($A168,városok!$A$2:$C$346,3,0)-VLOOKUP(P$1,városok!$A$2:$C$346,3,0))^2)/1000,0)</f>
        <v>134</v>
      </c>
      <c r="Q168">
        <f ca="1">ROUND(SQRT((VLOOKUP($A168,városok!$A$2:$C$346,2,0)-VLOOKUP(Q$1,városok!$A$2:$C$346,2,0))^2+(VLOOKUP($A168,városok!$A$2:$C$346,3,0)-VLOOKUP(Q$1,városok!$A$2:$C$346,3,0))^2)/1000,0)</f>
        <v>108</v>
      </c>
      <c r="R168">
        <f ca="1">ROUND(SQRT((VLOOKUP($A168,városok!$A$2:$C$346,2,0)-VLOOKUP(R$1,városok!$A$2:$C$346,2,0))^2+(VLOOKUP($A168,városok!$A$2:$C$346,3,0)-VLOOKUP(R$1,városok!$A$2:$C$346,3,0))^2)/1000,0)</f>
        <v>124</v>
      </c>
      <c r="S168">
        <f ca="1">ROUND(SQRT((VLOOKUP($A168,városok!$A$2:$C$346,2,0)-VLOOKUP(S$1,városok!$A$2:$C$346,2,0))^2+(VLOOKUP($A168,városok!$A$2:$C$346,3,0)-VLOOKUP(S$1,városok!$A$2:$C$346,3,0))^2)/1000,0)</f>
        <v>131</v>
      </c>
      <c r="T168">
        <f ca="1">ROUND(SQRT((VLOOKUP($A168,városok!$A$2:$C$346,2,0)-VLOOKUP(T$1,városok!$A$2:$C$346,2,0))^2+(VLOOKUP($A168,városok!$A$2:$C$346,3,0)-VLOOKUP(T$1,városok!$A$2:$C$346,3,0))^2)/1000,0)</f>
        <v>178</v>
      </c>
      <c r="U168">
        <f ca="1">ROUND(SQRT((VLOOKUP($A168,városok!$A$2:$C$346,2,0)-VLOOKUP(U$1,városok!$A$2:$C$346,2,0))^2+(VLOOKUP($A168,városok!$A$2:$C$346,3,0)-VLOOKUP(U$1,városok!$A$2:$C$346,3,0))^2)/1000,0)</f>
        <v>159</v>
      </c>
      <c r="V168">
        <f ca="1">ROUND(SQRT((VLOOKUP($A168,városok!$A$2:$C$346,2,0)-VLOOKUP(V$1,városok!$A$2:$C$346,2,0))^2+(VLOOKUP($A168,városok!$A$2:$C$346,3,0)-VLOOKUP(V$1,városok!$A$2:$C$346,3,0))^2)/1000,0)</f>
        <v>204</v>
      </c>
      <c r="W168">
        <f ca="1">ROUND(SQRT((VLOOKUP($A168,városok!$A$2:$C$346,2,0)-VLOOKUP(W$1,városok!$A$2:$C$346,2,0))^2+(VLOOKUP($A168,városok!$A$2:$C$346,3,0)-VLOOKUP(W$1,városok!$A$2:$C$346,3,0))^2)/1000,0)</f>
        <v>184</v>
      </c>
      <c r="X168">
        <f ca="1">ROUND(SQRT((VLOOKUP($A168,városok!$A$2:$C$346,2,0)-VLOOKUP(X$1,városok!$A$2:$C$346,2,0))^2+(VLOOKUP($A168,városok!$A$2:$C$346,3,0)-VLOOKUP(X$1,városok!$A$2:$C$346,3,0))^2)/1000,0)</f>
        <v>200</v>
      </c>
      <c r="Y168">
        <f ca="1">ROUND(SQRT((VLOOKUP($A168,városok!$A$2:$C$346,2,0)-VLOOKUP(Y$1,városok!$A$2:$C$346,2,0))^2+(VLOOKUP($A168,városok!$A$2:$C$346,3,0)-VLOOKUP(Y$1,városok!$A$2:$C$346,3,0))^2)/1000,0)</f>
        <v>256</v>
      </c>
      <c r="Z168">
        <f ca="1">ROUND(SQRT((VLOOKUP($A168,városok!$A$2:$C$346,2,0)-VLOOKUP(Z$1,városok!$A$2:$C$346,2,0))^2+(VLOOKUP($A168,városok!$A$2:$C$346,3,0)-VLOOKUP(Z$1,városok!$A$2:$C$346,3,0))^2)/1000,0)</f>
        <v>275</v>
      </c>
      <c r="AA168">
        <f ca="1">ROUND(SQRT((VLOOKUP($A168,városok!$A$2:$C$346,2,0)-VLOOKUP(AA$1,városok!$A$2:$C$346,2,0))^2+(VLOOKUP($A168,városok!$A$2:$C$346,3,0)-VLOOKUP(AA$1,városok!$A$2:$C$346,3,0))^2)/1000,0)</f>
        <v>334</v>
      </c>
      <c r="AB168">
        <f ca="1">ROUND(SQRT((VLOOKUP($A168,városok!$A$2:$C$346,2,0)-VLOOKUP(AB$1,városok!$A$2:$C$346,2,0))^2+(VLOOKUP($A168,városok!$A$2:$C$346,3,0)-VLOOKUP(AB$1,városok!$A$2:$C$346,3,0))^2)/1000,0)</f>
        <v>57</v>
      </c>
      <c r="AC168">
        <f ca="1">ROUND(SQRT((VLOOKUP($A168,városok!$A$2:$C$346,2,0)-VLOOKUP(AC$1,városok!$A$2:$C$346,2,0))^2+(VLOOKUP($A168,városok!$A$2:$C$346,3,0)-VLOOKUP(AC$1,városok!$A$2:$C$346,3,0))^2)/1000,0)</f>
        <v>37</v>
      </c>
      <c r="AD168">
        <f ca="1">ROUND(SQRT((VLOOKUP($A168,városok!$A$2:$C$346,2,0)-VLOOKUP(AD$1,városok!$A$2:$C$346,2,0))^2+(VLOOKUP($A168,városok!$A$2:$C$346,3,0)-VLOOKUP(AD$1,városok!$A$2:$C$346,3,0))^2)/1000,0)</f>
        <v>21</v>
      </c>
      <c r="AE168">
        <f ca="1">ROUND(SQRT((VLOOKUP($A168,városok!$A$2:$C$346,2,0)-VLOOKUP(AE$1,városok!$A$2:$C$346,2,0))^2+(VLOOKUP($A168,városok!$A$2:$C$346,3,0)-VLOOKUP(AE$1,városok!$A$2:$C$346,3,0))^2)/1000,0)</f>
        <v>15</v>
      </c>
      <c r="AF168">
        <f ca="1">ROUND(SQRT((VLOOKUP($A168,városok!$A$2:$C$346,2,0)-VLOOKUP(AF$1,városok!$A$2:$C$346,2,0))^2+(VLOOKUP($A168,városok!$A$2:$C$346,3,0)-VLOOKUP(AF$1,városok!$A$2:$C$346,3,0))^2)/1000,0)</f>
        <v>82</v>
      </c>
      <c r="AG168">
        <f ca="1">ROUND(SQRT((VLOOKUP($A168,városok!$A$2:$C$346,2,0)-VLOOKUP(AG$1,városok!$A$2:$C$346,2,0))^2+(VLOOKUP($A168,városok!$A$2:$C$346,3,0)-VLOOKUP(AG$1,városok!$A$2:$C$346,3,0))^2)/1000,0)</f>
        <v>96</v>
      </c>
      <c r="AH168">
        <f ca="1">ROUND(SQRT((VLOOKUP($A168,városok!$A$2:$C$346,2,0)-VLOOKUP(AH$1,városok!$A$2:$C$346,2,0))^2+(VLOOKUP($A168,városok!$A$2:$C$346,3,0)-VLOOKUP(AH$1,városok!$A$2:$C$346,3,0))^2)/1000,0)</f>
        <v>107</v>
      </c>
      <c r="AI168">
        <f ca="1">ROUND(SQRT((VLOOKUP($A168,városok!$A$2:$C$346,2,0)-VLOOKUP(AI$1,városok!$A$2:$C$346,2,0))^2+(VLOOKUP($A168,városok!$A$2:$C$346,3,0)-VLOOKUP(AI$1,városok!$A$2:$C$346,3,0))^2)/1000,0)</f>
        <v>105</v>
      </c>
      <c r="AJ168">
        <f ca="1">ROUND(SQRT((VLOOKUP($A168,városok!$A$2:$C$346,2,0)-VLOOKUP(AJ$1,városok!$A$2:$C$346,2,0))^2+(VLOOKUP($A168,városok!$A$2:$C$346,3,0)-VLOOKUP(AJ$1,városok!$A$2:$C$346,3,0))^2)/1000,0)</f>
        <v>85</v>
      </c>
      <c r="AK168">
        <f ca="1">ROUND(SQRT((VLOOKUP($A168,városok!$A$2:$C$346,2,0)-VLOOKUP(AK$1,városok!$A$2:$C$346,2,0))^2+(VLOOKUP($A168,városok!$A$2:$C$346,3,0)-VLOOKUP(AK$1,városok!$A$2:$C$346,3,0))^2)/1000,0)</f>
        <v>0</v>
      </c>
      <c r="AL168">
        <f ca="1">ROUND(SQRT((VLOOKUP($A168,városok!$A$2:$C$346,2,0)-VLOOKUP(AL$1,városok!$A$2:$C$346,2,0))^2+(VLOOKUP($A168,városok!$A$2:$C$346,3,0)-VLOOKUP(AL$1,városok!$A$2:$C$346,3,0))^2)/1000,0)</f>
        <v>28</v>
      </c>
      <c r="AM168">
        <f ca="1">ROUND(SQRT((VLOOKUP($A168,városok!$A$2:$C$346,2,0)-VLOOKUP(AM$1,városok!$A$2:$C$346,2,0))^2+(VLOOKUP($A168,városok!$A$2:$C$346,3,0)-VLOOKUP(AM$1,városok!$A$2:$C$346,3,0))^2)/1000,0)</f>
        <v>61</v>
      </c>
      <c r="AN168">
        <f ca="1">ROUND(SQRT((VLOOKUP($A168,városok!$A$2:$C$346,2,0)-VLOOKUP(AN$1,városok!$A$2:$C$346,2,0))^2+(VLOOKUP($A168,városok!$A$2:$C$346,3,0)-VLOOKUP(AN$1,városok!$A$2:$C$346,3,0))^2)/1000,0)</f>
        <v>177</v>
      </c>
      <c r="AO168">
        <f ca="1">ROUND(SQRT((VLOOKUP($A168,városok!$A$2:$C$346,2,0)-VLOOKUP(AO$1,városok!$A$2:$C$346,2,0))^2+(VLOOKUP($A168,városok!$A$2:$C$346,3,0)-VLOOKUP(AO$1,városok!$A$2:$C$346,3,0))^2)/1000,0)</f>
        <v>221</v>
      </c>
      <c r="AP168">
        <f ca="1">ROUND(SQRT((VLOOKUP($A168,városok!$A$2:$C$346,2,0)-VLOOKUP(AP$1,városok!$A$2:$C$346,2,0))^2+(VLOOKUP($A168,városok!$A$2:$C$346,3,0)-VLOOKUP(AP$1,városok!$A$2:$C$346,3,0))^2)/1000,0)</f>
        <v>203</v>
      </c>
      <c r="AQ168">
        <f ca="1">ROUND(SQRT((VLOOKUP($A168,városok!$A$2:$C$346,2,0)-VLOOKUP(AQ$1,városok!$A$2:$C$346,2,0))^2+(VLOOKUP($A168,városok!$A$2:$C$346,3,0)-VLOOKUP(AQ$1,városok!$A$2:$C$346,3,0))^2)/1000,0)</f>
        <v>196</v>
      </c>
      <c r="AR168">
        <f ca="1">ROUND(SQRT((VLOOKUP($A168,városok!$A$2:$C$346,2,0)-VLOOKUP(AR$1,városok!$A$2:$C$346,2,0))^2+(VLOOKUP($A168,városok!$A$2:$C$346,3,0)-VLOOKUP(AR$1,városok!$A$2:$C$346,3,0))^2)/1000,0)</f>
        <v>120</v>
      </c>
      <c r="AS168">
        <f ca="1">ROUND(SQRT((VLOOKUP($A168,városok!$A$2:$C$346,2,0)-VLOOKUP(AS$1,városok!$A$2:$C$346,2,0))^2+(VLOOKUP($A168,városok!$A$2:$C$346,3,0)-VLOOKUP(AS$1,városok!$A$2:$C$346,3,0))^2)/1000,0)</f>
        <v>127</v>
      </c>
      <c r="AT168">
        <f ca="1">ROUND(SQRT((VLOOKUP($A168,városok!$A$2:$C$346,2,0)-VLOOKUP(AT$1,városok!$A$2:$C$346,2,0))^2+(VLOOKUP($A168,városok!$A$2:$C$346,3,0)-VLOOKUP(AT$1,városok!$A$2:$C$346,3,0))^2)/1000,0)</f>
        <v>164</v>
      </c>
      <c r="AU168">
        <f ca="1">ROUND(SQRT((VLOOKUP($A168,városok!$A$2:$C$346,2,0)-VLOOKUP(AU$1,városok!$A$2:$C$346,2,0))^2+(VLOOKUP($A168,városok!$A$2:$C$346,3,0)-VLOOKUP(AU$1,városok!$A$2:$C$346,3,0))^2)/1000,0)</f>
        <v>153</v>
      </c>
      <c r="AV168">
        <f ca="1">ROUND(SQRT((VLOOKUP($A168,városok!$A$2:$C$346,2,0)-VLOOKUP(AV$1,városok!$A$2:$C$346,2,0))^2+(VLOOKUP($A168,városok!$A$2:$C$346,3,0)-VLOOKUP(AV$1,városok!$A$2:$C$346,3,0))^2)/1000,0)</f>
        <v>154</v>
      </c>
      <c r="AW168">
        <f ca="1">ROUND(SQRT((VLOOKUP($A168,városok!$A$2:$C$346,2,0)-VLOOKUP(AW$1,városok!$A$2:$C$346,2,0))^2+(VLOOKUP($A168,városok!$A$2:$C$346,3,0)-VLOOKUP(AW$1,városok!$A$2:$C$346,3,0))^2)/1000,0)</f>
        <v>157</v>
      </c>
      <c r="AX168">
        <f ca="1">ROUND(SQRT((VLOOKUP($A168,városok!$A$2:$C$346,2,0)-VLOOKUP(AX$1,városok!$A$2:$C$346,2,0))^2+(VLOOKUP($A168,városok!$A$2:$C$346,3,0)-VLOOKUP(AX$1,városok!$A$2:$C$346,3,0))^2)/1000,0)</f>
        <v>95</v>
      </c>
      <c r="AY168">
        <f ca="1">ROUND(SQRT((VLOOKUP($A168,városok!$A$2:$C$346,2,0)-VLOOKUP(AY$1,városok!$A$2:$C$346,2,0))^2+(VLOOKUP($A168,városok!$A$2:$C$346,3,0)-VLOOKUP(AY$1,városok!$A$2:$C$346,3,0))^2)/1000,0)</f>
        <v>151</v>
      </c>
      <c r="AZ168">
        <f ca="1">ROUND(SQRT((VLOOKUP($A168,városok!$A$2:$C$346,2,0)-VLOOKUP(AZ$1,városok!$A$2:$C$346,2,0))^2+(VLOOKUP($A168,városok!$A$2:$C$346,3,0)-VLOOKUP(AZ$1,városok!$A$2:$C$346,3,0))^2)/1000,0)</f>
        <v>161</v>
      </c>
      <c r="BA168">
        <f ca="1">ROUND(SQRT((VLOOKUP($A168,városok!$A$2:$C$346,2,0)-VLOOKUP(BA$1,városok!$A$2:$C$346,2,0))^2+(VLOOKUP($A168,városok!$A$2:$C$346,3,0)-VLOOKUP(BA$1,városok!$A$2:$C$346,3,0))^2)/1000,0)</f>
        <v>255</v>
      </c>
      <c r="BB168">
        <f ca="1">ROUND(SQRT((VLOOKUP($A168,városok!$A$2:$C$346,2,0)-VLOOKUP(BB$1,városok!$A$2:$C$346,2,0))^2+(VLOOKUP($A168,városok!$A$2:$C$346,3,0)-VLOOKUP(BB$1,városok!$A$2:$C$346,3,0))^2)/1000,0)</f>
        <v>245</v>
      </c>
      <c r="BC168">
        <f ca="1">ROUND(SQRT((VLOOKUP($A168,városok!$A$2:$C$346,2,0)-VLOOKUP(BC$1,városok!$A$2:$C$346,2,0))^2+(VLOOKUP($A168,városok!$A$2:$C$346,3,0)-VLOOKUP(BC$1,városok!$A$2:$C$346,3,0))^2)/1000,0)</f>
        <v>263</v>
      </c>
      <c r="BD168">
        <f ca="1">ROUND(SQRT((VLOOKUP($A168,városok!$A$2:$C$346,2,0)-VLOOKUP(BD$1,városok!$A$2:$C$346,2,0))^2+(VLOOKUP($A168,városok!$A$2:$C$346,3,0)-VLOOKUP(BD$1,városok!$A$2:$C$346,3,0))^2)/1000,0)</f>
        <v>225</v>
      </c>
      <c r="BE168">
        <f ca="1">ROUND(SQRT((VLOOKUP($A168,városok!$A$2:$C$346,2,0)-VLOOKUP(BE$1,városok!$A$2:$C$346,2,0))^2+(VLOOKUP($A168,városok!$A$2:$C$346,3,0)-VLOOKUP(BE$1,városok!$A$2:$C$346,3,0))^2)/1000,0)</f>
        <v>142</v>
      </c>
      <c r="BF168">
        <f ca="1">ROUND(SQRT((VLOOKUP($A168,városok!$A$2:$C$346,2,0)-VLOOKUP(BF$1,városok!$A$2:$C$346,2,0))^2+(VLOOKUP($A168,városok!$A$2:$C$346,3,0)-VLOOKUP(BF$1,városok!$A$2:$C$346,3,0))^2)/1000,0)</f>
        <v>133</v>
      </c>
      <c r="BG168">
        <f ca="1">ROUND(SQRT((VLOOKUP($A168,városok!$A$2:$C$346,2,0)-VLOOKUP(BG$1,városok!$A$2:$C$346,2,0))^2+(VLOOKUP($A168,városok!$A$2:$C$346,3,0)-VLOOKUP(BG$1,városok!$A$2:$C$346,3,0))^2)/1000,0)</f>
        <v>101</v>
      </c>
      <c r="BH168">
        <f ca="1">ROUND(SQRT((VLOOKUP($A168,városok!$A$2:$C$346,2,0)-VLOOKUP(BH$1,városok!$A$2:$C$346,2,0))^2+(VLOOKUP($A168,városok!$A$2:$C$346,3,0)-VLOOKUP(BH$1,városok!$A$2:$C$346,3,0))^2)/1000,0)</f>
        <v>101</v>
      </c>
      <c r="BI168">
        <f ca="1">ROUND(SQRT((VLOOKUP($A168,városok!$A$2:$C$346,2,0)-VLOOKUP(BI$1,városok!$A$2:$C$346,2,0))^2+(VLOOKUP($A168,városok!$A$2:$C$346,3,0)-VLOOKUP(BI$1,városok!$A$2:$C$346,3,0))^2)/1000,0)</f>
        <v>205</v>
      </c>
      <c r="BJ168">
        <f ca="1">ROUND(SQRT((VLOOKUP($A168,városok!$A$2:$C$346,2,0)-VLOOKUP(BJ$1,városok!$A$2:$C$346,2,0))^2+(VLOOKUP($A168,városok!$A$2:$C$346,3,0)-VLOOKUP(BJ$1,városok!$A$2:$C$346,3,0))^2)/1000,0)</f>
        <v>222</v>
      </c>
      <c r="BK168">
        <f ca="1">ROUND(SQRT((VLOOKUP($A168,városok!$A$2:$C$346,2,0)-VLOOKUP(BK$1,városok!$A$2:$C$346,2,0))^2+(VLOOKUP($A168,városok!$A$2:$C$346,3,0)-VLOOKUP(BK$1,városok!$A$2:$C$346,3,0))^2)/1000,0)</f>
        <v>202</v>
      </c>
      <c r="BL168">
        <f ca="1">ROUND(SQRT((VLOOKUP($A168,városok!$A$2:$C$346,2,0)-VLOOKUP(BL$1,városok!$A$2:$C$346,2,0))^2+(VLOOKUP($A168,városok!$A$2:$C$346,3,0)-VLOOKUP(BL$1,városok!$A$2:$C$346,3,0))^2)/1000,0)</f>
        <v>333</v>
      </c>
      <c r="BM168">
        <f ca="1">ROUND(SQRT((VLOOKUP($A168,városok!$A$2:$C$346,2,0)-VLOOKUP(BM$1,városok!$A$2:$C$346,2,0))^2+(VLOOKUP($A168,városok!$A$2:$C$346,3,0)-VLOOKUP(BM$1,városok!$A$2:$C$346,3,0))^2)/1000,0)</f>
        <v>306</v>
      </c>
      <c r="BN168">
        <f ca="1">ROUND(SQRT((VLOOKUP($A168,városok!$A$2:$C$346,2,0)-VLOOKUP(BN$1,városok!$A$2:$C$346,2,0))^2+(VLOOKUP($A168,városok!$A$2:$C$346,3,0)-VLOOKUP(BN$1,városok!$A$2:$C$346,3,0))^2)/1000,0)</f>
        <v>329</v>
      </c>
      <c r="BO168">
        <f ca="1">ROUND(SQRT((VLOOKUP($A168,városok!$A$2:$C$346,2,0)-VLOOKUP(BO$1,városok!$A$2:$C$346,2,0))^2+(VLOOKUP($A168,városok!$A$2:$C$346,3,0)-VLOOKUP(BO$1,városok!$A$2:$C$346,3,0))^2)/1000,0)</f>
        <v>226</v>
      </c>
      <c r="BP168">
        <f ca="1">ROUND(SQRT((VLOOKUP($A168,városok!$A$2:$C$346,2,0)-VLOOKUP(BP$1,városok!$A$2:$C$346,2,0))^2+(VLOOKUP($A168,városok!$A$2:$C$346,3,0)-VLOOKUP(BP$1,városok!$A$2:$C$346,3,0))^2)/1000,0)</f>
        <v>219</v>
      </c>
      <c r="BQ168">
        <f ca="1">ROUND(SQRT((VLOOKUP($A168,városok!$A$2:$C$346,2,0)-VLOOKUP(BQ$1,városok!$A$2:$C$346,2,0))^2+(VLOOKUP($A168,városok!$A$2:$C$346,3,0)-VLOOKUP(BQ$1,városok!$A$2:$C$346,3,0))^2)/1000,0)</f>
        <v>233</v>
      </c>
      <c r="BR168">
        <f ca="1">ROUND(SQRT((VLOOKUP($A168,városok!$A$2:$C$346,2,0)-VLOOKUP(BR$1,városok!$A$2:$C$346,2,0))^2+(VLOOKUP($A168,városok!$A$2:$C$346,3,0)-VLOOKUP(BR$1,városok!$A$2:$C$346,3,0))^2)/1000,0)</f>
        <v>288</v>
      </c>
      <c r="BS168">
        <f ca="1">ROUND(SQRT((VLOOKUP($A168,városok!$A$2:$C$346,2,0)-VLOOKUP(BS$1,városok!$A$2:$C$346,2,0))^2+(VLOOKUP($A168,városok!$A$2:$C$346,3,0)-VLOOKUP(BS$1,városok!$A$2:$C$346,3,0))^2)/1000,0)</f>
        <v>317</v>
      </c>
      <c r="BT168">
        <f ca="1">ROUND(SQRT((VLOOKUP($A168,városok!$A$2:$C$346,2,0)-VLOOKUP(BT$1,városok!$A$2:$C$346,2,0))^2+(VLOOKUP($A168,városok!$A$2:$C$346,3,0)-VLOOKUP(BT$1,városok!$A$2:$C$346,3,0))^2)/1000,0)</f>
        <v>318</v>
      </c>
    </row>
    <row r="169" spans="1:72" x14ac:dyDescent="0.2">
      <c r="A169" t="str">
        <f>városok!A169</f>
        <v>Kenderes</v>
      </c>
      <c r="B169">
        <f ca="1">ROUND(SQRT((VLOOKUP($A169,városok!$A$2:$C$346,2,0)-VLOOKUP(B$1,városok!$A$2:$C$346,2,0))^2+(VLOOKUP($A169,városok!$A$2:$C$346,3,0)-VLOOKUP(B$1,városok!$A$2:$C$346,3,0))^2)/1000,0)</f>
        <v>177</v>
      </c>
      <c r="C169">
        <f ca="1">ROUND(SQRT((VLOOKUP($A169,városok!$A$2:$C$346,2,0)-VLOOKUP(C$1,városok!$A$2:$C$346,2,0))^2+(VLOOKUP($A169,városok!$A$2:$C$346,3,0)-VLOOKUP(C$1,városok!$A$2:$C$346,3,0))^2)/1000,0)</f>
        <v>154</v>
      </c>
      <c r="D169">
        <f ca="1">ROUND(SQRT((VLOOKUP($A169,városok!$A$2:$C$346,2,0)-VLOOKUP(D$1,városok!$A$2:$C$346,2,0))^2+(VLOOKUP($A169,városok!$A$2:$C$346,3,0)-VLOOKUP(D$1,városok!$A$2:$C$346,3,0))^2)/1000,0)</f>
        <v>86</v>
      </c>
      <c r="E169">
        <f ca="1">ROUND(SQRT((VLOOKUP($A169,városok!$A$2:$C$346,2,0)-VLOOKUP(E$1,városok!$A$2:$C$346,2,0))^2+(VLOOKUP($A169,városok!$A$2:$C$346,3,0)-VLOOKUP(E$1,városok!$A$2:$C$346,3,0))^2)/1000,0)</f>
        <v>220</v>
      </c>
      <c r="F169">
        <f ca="1">ROUND(SQRT((VLOOKUP($A169,városok!$A$2:$C$346,2,0)-VLOOKUP(F$1,városok!$A$2:$C$346,2,0))^2+(VLOOKUP($A169,városok!$A$2:$C$346,3,0)-VLOOKUP(F$1,városok!$A$2:$C$346,3,0))^2)/1000,0)</f>
        <v>207</v>
      </c>
      <c r="G169">
        <f ca="1">ROUND(SQRT((VLOOKUP($A169,városok!$A$2:$C$346,2,0)-VLOOKUP(G$1,városok!$A$2:$C$346,2,0))^2+(VLOOKUP($A169,városok!$A$2:$C$346,3,0)-VLOOKUP(G$1,városok!$A$2:$C$346,3,0))^2)/1000,0)</f>
        <v>228</v>
      </c>
      <c r="H169">
        <f ca="1">ROUND(SQRT((VLOOKUP($A169,városok!$A$2:$C$346,2,0)-VLOOKUP(H$1,városok!$A$2:$C$346,2,0))^2+(VLOOKUP($A169,városok!$A$2:$C$346,3,0)-VLOOKUP(H$1,városok!$A$2:$C$346,3,0))^2)/1000,0)</f>
        <v>259</v>
      </c>
      <c r="I169">
        <f ca="1">ROUND(SQRT((VLOOKUP($A169,városok!$A$2:$C$346,2,0)-VLOOKUP(I$1,városok!$A$2:$C$346,2,0))^2+(VLOOKUP($A169,városok!$A$2:$C$346,3,0)-VLOOKUP(I$1,városok!$A$2:$C$346,3,0))^2)/1000,0)</f>
        <v>66</v>
      </c>
      <c r="J169">
        <f ca="1">ROUND(SQRT((VLOOKUP($A169,városok!$A$2:$C$346,2,0)-VLOOKUP(J$1,városok!$A$2:$C$346,2,0))^2+(VLOOKUP($A169,városok!$A$2:$C$346,3,0)-VLOOKUP(J$1,városok!$A$2:$C$346,3,0))^2)/1000,0)</f>
        <v>76</v>
      </c>
      <c r="K169">
        <f ca="1">ROUND(SQRT((VLOOKUP($A169,városok!$A$2:$C$346,2,0)-VLOOKUP(K$1,városok!$A$2:$C$346,2,0))^2+(VLOOKUP($A169,városok!$A$2:$C$346,3,0)-VLOOKUP(K$1,városok!$A$2:$C$346,3,0))^2)/1000,0)</f>
        <v>73</v>
      </c>
      <c r="L169">
        <f ca="1">ROUND(SQRT((VLOOKUP($A169,városok!$A$2:$C$346,2,0)-VLOOKUP(L$1,városok!$A$2:$C$346,2,0))^2+(VLOOKUP($A169,városok!$A$2:$C$346,3,0)-VLOOKUP(L$1,városok!$A$2:$C$346,3,0))^2)/1000,0)</f>
        <v>116</v>
      </c>
      <c r="M169">
        <f ca="1">ROUND(SQRT((VLOOKUP($A169,városok!$A$2:$C$346,2,0)-VLOOKUP(M$1,városok!$A$2:$C$346,2,0))^2+(VLOOKUP($A169,városok!$A$2:$C$346,3,0)-VLOOKUP(M$1,városok!$A$2:$C$346,3,0))^2)/1000,0)</f>
        <v>99</v>
      </c>
      <c r="N169">
        <f ca="1">ROUND(SQRT((VLOOKUP($A169,városok!$A$2:$C$346,2,0)-VLOOKUP(N$1,városok!$A$2:$C$346,2,0))^2+(VLOOKUP($A169,városok!$A$2:$C$346,3,0)-VLOOKUP(N$1,városok!$A$2:$C$346,3,0))^2)/1000,0)</f>
        <v>116</v>
      </c>
      <c r="O169">
        <f ca="1">ROUND(SQRT((VLOOKUP($A169,városok!$A$2:$C$346,2,0)-VLOOKUP(O$1,városok!$A$2:$C$346,2,0))^2+(VLOOKUP($A169,városok!$A$2:$C$346,3,0)-VLOOKUP(O$1,városok!$A$2:$C$346,3,0))^2)/1000,0)</f>
        <v>148</v>
      </c>
      <c r="P169">
        <f ca="1">ROUND(SQRT((VLOOKUP($A169,városok!$A$2:$C$346,2,0)-VLOOKUP(P$1,városok!$A$2:$C$346,2,0))^2+(VLOOKUP($A169,városok!$A$2:$C$346,3,0)-VLOOKUP(P$1,városok!$A$2:$C$346,3,0))^2)/1000,0)</f>
        <v>148</v>
      </c>
      <c r="Q169">
        <f ca="1">ROUND(SQRT((VLOOKUP($A169,városok!$A$2:$C$346,2,0)-VLOOKUP(Q$1,városok!$A$2:$C$346,2,0))^2+(VLOOKUP($A169,városok!$A$2:$C$346,3,0)-VLOOKUP(Q$1,városok!$A$2:$C$346,3,0))^2)/1000,0)</f>
        <v>94</v>
      </c>
      <c r="R169">
        <f ca="1">ROUND(SQRT((VLOOKUP($A169,városok!$A$2:$C$346,2,0)-VLOOKUP(R$1,városok!$A$2:$C$346,2,0))^2+(VLOOKUP($A169,városok!$A$2:$C$346,3,0)-VLOOKUP(R$1,városok!$A$2:$C$346,3,0))^2)/1000,0)</f>
        <v>113</v>
      </c>
      <c r="S169">
        <f ca="1">ROUND(SQRT((VLOOKUP($A169,városok!$A$2:$C$346,2,0)-VLOOKUP(S$1,városok!$A$2:$C$346,2,0))^2+(VLOOKUP($A169,városok!$A$2:$C$346,3,0)-VLOOKUP(S$1,városok!$A$2:$C$346,3,0))^2)/1000,0)</f>
        <v>116</v>
      </c>
      <c r="T169">
        <f ca="1">ROUND(SQRT((VLOOKUP($A169,városok!$A$2:$C$346,2,0)-VLOOKUP(T$1,városok!$A$2:$C$346,2,0))^2+(VLOOKUP($A169,városok!$A$2:$C$346,3,0)-VLOOKUP(T$1,városok!$A$2:$C$346,3,0))^2)/1000,0)</f>
        <v>161</v>
      </c>
      <c r="U169">
        <f ca="1">ROUND(SQRT((VLOOKUP($A169,városok!$A$2:$C$346,2,0)-VLOOKUP(U$1,városok!$A$2:$C$346,2,0))^2+(VLOOKUP($A169,városok!$A$2:$C$346,3,0)-VLOOKUP(U$1,városok!$A$2:$C$346,3,0))^2)/1000,0)</f>
        <v>139</v>
      </c>
      <c r="V169">
        <f ca="1">ROUND(SQRT((VLOOKUP($A169,városok!$A$2:$C$346,2,0)-VLOOKUP(V$1,városok!$A$2:$C$346,2,0))^2+(VLOOKUP($A169,városok!$A$2:$C$346,3,0)-VLOOKUP(V$1,városok!$A$2:$C$346,3,0))^2)/1000,0)</f>
        <v>185</v>
      </c>
      <c r="W169">
        <f ca="1">ROUND(SQRT((VLOOKUP($A169,városok!$A$2:$C$346,2,0)-VLOOKUP(W$1,városok!$A$2:$C$346,2,0))^2+(VLOOKUP($A169,városok!$A$2:$C$346,3,0)-VLOOKUP(W$1,városok!$A$2:$C$346,3,0))^2)/1000,0)</f>
        <v>164</v>
      </c>
      <c r="X169">
        <f ca="1">ROUND(SQRT((VLOOKUP($A169,városok!$A$2:$C$346,2,0)-VLOOKUP(X$1,városok!$A$2:$C$346,2,0))^2+(VLOOKUP($A169,városok!$A$2:$C$346,3,0)-VLOOKUP(X$1,városok!$A$2:$C$346,3,0))^2)/1000,0)</f>
        <v>182</v>
      </c>
      <c r="Y169">
        <f ca="1">ROUND(SQRT((VLOOKUP($A169,városok!$A$2:$C$346,2,0)-VLOOKUP(Y$1,városok!$A$2:$C$346,2,0))^2+(VLOOKUP($A169,városok!$A$2:$C$346,3,0)-VLOOKUP(Y$1,városok!$A$2:$C$346,3,0))^2)/1000,0)</f>
        <v>239</v>
      </c>
      <c r="Z169">
        <f ca="1">ROUND(SQRT((VLOOKUP($A169,városok!$A$2:$C$346,2,0)-VLOOKUP(Z$1,városok!$A$2:$C$346,2,0))^2+(VLOOKUP($A169,városok!$A$2:$C$346,3,0)-VLOOKUP(Z$1,városok!$A$2:$C$346,3,0))^2)/1000,0)</f>
        <v>258</v>
      </c>
      <c r="AA169">
        <f ca="1">ROUND(SQRT((VLOOKUP($A169,városok!$A$2:$C$346,2,0)-VLOOKUP(AA$1,városok!$A$2:$C$346,2,0))^2+(VLOOKUP($A169,városok!$A$2:$C$346,3,0)-VLOOKUP(AA$1,városok!$A$2:$C$346,3,0))^2)/1000,0)</f>
        <v>317</v>
      </c>
      <c r="AB169">
        <f ca="1">ROUND(SQRT((VLOOKUP($A169,városok!$A$2:$C$346,2,0)-VLOOKUP(AB$1,városok!$A$2:$C$346,2,0))^2+(VLOOKUP($A169,városok!$A$2:$C$346,3,0)-VLOOKUP(AB$1,városok!$A$2:$C$346,3,0))^2)/1000,0)</f>
        <v>77</v>
      </c>
      <c r="AC169">
        <f ca="1">ROUND(SQRT((VLOOKUP($A169,városok!$A$2:$C$346,2,0)-VLOOKUP(AC$1,városok!$A$2:$C$346,2,0))^2+(VLOOKUP($A169,városok!$A$2:$C$346,3,0)-VLOOKUP(AC$1,városok!$A$2:$C$346,3,0))^2)/1000,0)</f>
        <v>57</v>
      </c>
      <c r="AD169">
        <f ca="1">ROUND(SQRT((VLOOKUP($A169,városok!$A$2:$C$346,2,0)-VLOOKUP(AD$1,városok!$A$2:$C$346,2,0))^2+(VLOOKUP($A169,városok!$A$2:$C$346,3,0)-VLOOKUP(AD$1,városok!$A$2:$C$346,3,0))^2)/1000,0)</f>
        <v>40</v>
      </c>
      <c r="AE169">
        <f ca="1">ROUND(SQRT((VLOOKUP($A169,városok!$A$2:$C$346,2,0)-VLOOKUP(AE$1,városok!$A$2:$C$346,2,0))^2+(VLOOKUP($A169,városok!$A$2:$C$346,3,0)-VLOOKUP(AE$1,városok!$A$2:$C$346,3,0))^2)/1000,0)</f>
        <v>34</v>
      </c>
      <c r="AF169">
        <f ca="1">ROUND(SQRT((VLOOKUP($A169,városok!$A$2:$C$346,2,0)-VLOOKUP(AF$1,városok!$A$2:$C$346,2,0))^2+(VLOOKUP($A169,városok!$A$2:$C$346,3,0)-VLOOKUP(AF$1,városok!$A$2:$C$346,3,0))^2)/1000,0)</f>
        <v>80</v>
      </c>
      <c r="AG169">
        <f ca="1">ROUND(SQRT((VLOOKUP($A169,városok!$A$2:$C$346,2,0)-VLOOKUP(AG$1,városok!$A$2:$C$346,2,0))^2+(VLOOKUP($A169,városok!$A$2:$C$346,3,0)-VLOOKUP(AG$1,városok!$A$2:$C$346,3,0))^2)/1000,0)</f>
        <v>87</v>
      </c>
      <c r="AH169">
        <f ca="1">ROUND(SQRT((VLOOKUP($A169,városok!$A$2:$C$346,2,0)-VLOOKUP(AH$1,városok!$A$2:$C$346,2,0))^2+(VLOOKUP($A169,városok!$A$2:$C$346,3,0)-VLOOKUP(AH$1,városok!$A$2:$C$346,3,0))^2)/1000,0)</f>
        <v>94</v>
      </c>
      <c r="AI169">
        <f ca="1">ROUND(SQRT((VLOOKUP($A169,városok!$A$2:$C$346,2,0)-VLOOKUP(AI$1,városok!$A$2:$C$346,2,0))^2+(VLOOKUP($A169,városok!$A$2:$C$346,3,0)-VLOOKUP(AI$1,városok!$A$2:$C$346,3,0))^2)/1000,0)</f>
        <v>101</v>
      </c>
      <c r="AJ169">
        <f ca="1">ROUND(SQRT((VLOOKUP($A169,városok!$A$2:$C$346,2,0)-VLOOKUP(AJ$1,városok!$A$2:$C$346,2,0))^2+(VLOOKUP($A169,városok!$A$2:$C$346,3,0)-VLOOKUP(AJ$1,városok!$A$2:$C$346,3,0))^2)/1000,0)</f>
        <v>74</v>
      </c>
      <c r="AK169">
        <f ca="1">ROUND(SQRT((VLOOKUP($A169,városok!$A$2:$C$346,2,0)-VLOOKUP(AK$1,városok!$A$2:$C$346,2,0))^2+(VLOOKUP($A169,városok!$A$2:$C$346,3,0)-VLOOKUP(AK$1,városok!$A$2:$C$346,3,0))^2)/1000,0)</f>
        <v>20</v>
      </c>
      <c r="AL169">
        <f ca="1">ROUND(SQRT((VLOOKUP($A169,városok!$A$2:$C$346,2,0)-VLOOKUP(AL$1,városok!$A$2:$C$346,2,0))^2+(VLOOKUP($A169,városok!$A$2:$C$346,3,0)-VLOOKUP(AL$1,városok!$A$2:$C$346,3,0))^2)/1000,0)</f>
        <v>18</v>
      </c>
      <c r="AM169">
        <f ca="1">ROUND(SQRT((VLOOKUP($A169,városok!$A$2:$C$346,2,0)-VLOOKUP(AM$1,városok!$A$2:$C$346,2,0))^2+(VLOOKUP($A169,városok!$A$2:$C$346,3,0)-VLOOKUP(AM$1,városok!$A$2:$C$346,3,0))^2)/1000,0)</f>
        <v>41</v>
      </c>
      <c r="AN169">
        <f ca="1">ROUND(SQRT((VLOOKUP($A169,városok!$A$2:$C$346,2,0)-VLOOKUP(AN$1,városok!$A$2:$C$346,2,0))^2+(VLOOKUP($A169,városok!$A$2:$C$346,3,0)-VLOOKUP(AN$1,városok!$A$2:$C$346,3,0))^2)/1000,0)</f>
        <v>162</v>
      </c>
      <c r="AO169">
        <f ca="1">ROUND(SQRT((VLOOKUP($A169,városok!$A$2:$C$346,2,0)-VLOOKUP(AO$1,városok!$A$2:$C$346,2,0))^2+(VLOOKUP($A169,városok!$A$2:$C$346,3,0)-VLOOKUP(AO$1,városok!$A$2:$C$346,3,0))^2)/1000,0)</f>
        <v>205</v>
      </c>
      <c r="AP169">
        <f ca="1">ROUND(SQRT((VLOOKUP($A169,városok!$A$2:$C$346,2,0)-VLOOKUP(AP$1,városok!$A$2:$C$346,2,0))^2+(VLOOKUP($A169,városok!$A$2:$C$346,3,0)-VLOOKUP(AP$1,városok!$A$2:$C$346,3,0))^2)/1000,0)</f>
        <v>187</v>
      </c>
      <c r="AQ169">
        <f ca="1">ROUND(SQRT((VLOOKUP($A169,városok!$A$2:$C$346,2,0)-VLOOKUP(AQ$1,városok!$A$2:$C$346,2,0))^2+(VLOOKUP($A169,városok!$A$2:$C$346,3,0)-VLOOKUP(AQ$1,városok!$A$2:$C$346,3,0))^2)/1000,0)</f>
        <v>179</v>
      </c>
      <c r="AR169">
        <f ca="1">ROUND(SQRT((VLOOKUP($A169,városok!$A$2:$C$346,2,0)-VLOOKUP(AR$1,városok!$A$2:$C$346,2,0))^2+(VLOOKUP($A169,városok!$A$2:$C$346,3,0)-VLOOKUP(AR$1,városok!$A$2:$C$346,3,0))^2)/1000,0)</f>
        <v>110</v>
      </c>
      <c r="AS169">
        <f ca="1">ROUND(SQRT((VLOOKUP($A169,városok!$A$2:$C$346,2,0)-VLOOKUP(AS$1,városok!$A$2:$C$346,2,0))^2+(VLOOKUP($A169,városok!$A$2:$C$346,3,0)-VLOOKUP(AS$1,városok!$A$2:$C$346,3,0))^2)/1000,0)</f>
        <v>121</v>
      </c>
      <c r="AT169">
        <f ca="1">ROUND(SQRT((VLOOKUP($A169,városok!$A$2:$C$346,2,0)-VLOOKUP(AT$1,városok!$A$2:$C$346,2,0))^2+(VLOOKUP($A169,városok!$A$2:$C$346,3,0)-VLOOKUP(AT$1,városok!$A$2:$C$346,3,0))^2)/1000,0)</f>
        <v>147</v>
      </c>
      <c r="AU169">
        <f ca="1">ROUND(SQRT((VLOOKUP($A169,városok!$A$2:$C$346,2,0)-VLOOKUP(AU$1,városok!$A$2:$C$346,2,0))^2+(VLOOKUP($A169,városok!$A$2:$C$346,3,0)-VLOOKUP(AU$1,városok!$A$2:$C$346,3,0))^2)/1000,0)</f>
        <v>136</v>
      </c>
      <c r="AV169">
        <f ca="1">ROUND(SQRT((VLOOKUP($A169,városok!$A$2:$C$346,2,0)-VLOOKUP(AV$1,városok!$A$2:$C$346,2,0))^2+(VLOOKUP($A169,városok!$A$2:$C$346,3,0)-VLOOKUP(AV$1,városok!$A$2:$C$346,3,0))^2)/1000,0)</f>
        <v>136</v>
      </c>
      <c r="AW169">
        <f ca="1">ROUND(SQRT((VLOOKUP($A169,városok!$A$2:$C$346,2,0)-VLOOKUP(AW$1,városok!$A$2:$C$346,2,0))^2+(VLOOKUP($A169,városok!$A$2:$C$346,3,0)-VLOOKUP(AW$1,városok!$A$2:$C$346,3,0))^2)/1000,0)</f>
        <v>139</v>
      </c>
      <c r="AX169">
        <f ca="1">ROUND(SQRT((VLOOKUP($A169,városok!$A$2:$C$346,2,0)-VLOOKUP(AX$1,városok!$A$2:$C$346,2,0))^2+(VLOOKUP($A169,városok!$A$2:$C$346,3,0)-VLOOKUP(AX$1,városok!$A$2:$C$346,3,0))^2)/1000,0)</f>
        <v>75</v>
      </c>
      <c r="AY169">
        <f ca="1">ROUND(SQRT((VLOOKUP($A169,városok!$A$2:$C$346,2,0)-VLOOKUP(AY$1,városok!$A$2:$C$346,2,0))^2+(VLOOKUP($A169,városok!$A$2:$C$346,3,0)-VLOOKUP(AY$1,városok!$A$2:$C$346,3,0))^2)/1000,0)</f>
        <v>136</v>
      </c>
      <c r="AZ169">
        <f ca="1">ROUND(SQRT((VLOOKUP($A169,városok!$A$2:$C$346,2,0)-VLOOKUP(AZ$1,városok!$A$2:$C$346,2,0))^2+(VLOOKUP($A169,városok!$A$2:$C$346,3,0)-VLOOKUP(AZ$1,városok!$A$2:$C$346,3,0))^2)/1000,0)</f>
        <v>147</v>
      </c>
      <c r="BA169">
        <f ca="1">ROUND(SQRT((VLOOKUP($A169,városok!$A$2:$C$346,2,0)-VLOOKUP(BA$1,városok!$A$2:$C$346,2,0))^2+(VLOOKUP($A169,városok!$A$2:$C$346,3,0)-VLOOKUP(BA$1,városok!$A$2:$C$346,3,0))^2)/1000,0)</f>
        <v>235</v>
      </c>
      <c r="BB169">
        <f ca="1">ROUND(SQRT((VLOOKUP($A169,városok!$A$2:$C$346,2,0)-VLOOKUP(BB$1,városok!$A$2:$C$346,2,0))^2+(VLOOKUP($A169,városok!$A$2:$C$346,3,0)-VLOOKUP(BB$1,városok!$A$2:$C$346,3,0))^2)/1000,0)</f>
        <v>225</v>
      </c>
      <c r="BC169">
        <f ca="1">ROUND(SQRT((VLOOKUP($A169,városok!$A$2:$C$346,2,0)-VLOOKUP(BC$1,városok!$A$2:$C$346,2,0))^2+(VLOOKUP($A169,városok!$A$2:$C$346,3,0)-VLOOKUP(BC$1,városok!$A$2:$C$346,3,0))^2)/1000,0)</f>
        <v>243</v>
      </c>
      <c r="BD169">
        <f ca="1">ROUND(SQRT((VLOOKUP($A169,városok!$A$2:$C$346,2,0)-VLOOKUP(BD$1,városok!$A$2:$C$346,2,0))^2+(VLOOKUP($A169,városok!$A$2:$C$346,3,0)-VLOOKUP(BD$1,városok!$A$2:$C$346,3,0))^2)/1000,0)</f>
        <v>205</v>
      </c>
      <c r="BE169">
        <f ca="1">ROUND(SQRT((VLOOKUP($A169,városok!$A$2:$C$346,2,0)-VLOOKUP(BE$1,városok!$A$2:$C$346,2,0))^2+(VLOOKUP($A169,városok!$A$2:$C$346,3,0)-VLOOKUP(BE$1,városok!$A$2:$C$346,3,0))^2)/1000,0)</f>
        <v>162</v>
      </c>
      <c r="BF169">
        <f ca="1">ROUND(SQRT((VLOOKUP($A169,városok!$A$2:$C$346,2,0)-VLOOKUP(BF$1,városok!$A$2:$C$346,2,0))^2+(VLOOKUP($A169,városok!$A$2:$C$346,3,0)-VLOOKUP(BF$1,városok!$A$2:$C$346,3,0))^2)/1000,0)</f>
        <v>151</v>
      </c>
      <c r="BG169">
        <f ca="1">ROUND(SQRT((VLOOKUP($A169,városok!$A$2:$C$346,2,0)-VLOOKUP(BG$1,városok!$A$2:$C$346,2,0))^2+(VLOOKUP($A169,városok!$A$2:$C$346,3,0)-VLOOKUP(BG$1,városok!$A$2:$C$346,3,0))^2)/1000,0)</f>
        <v>115</v>
      </c>
      <c r="BH169">
        <f ca="1">ROUND(SQRT((VLOOKUP($A169,városok!$A$2:$C$346,2,0)-VLOOKUP(BH$1,városok!$A$2:$C$346,2,0))^2+(VLOOKUP($A169,városok!$A$2:$C$346,3,0)-VLOOKUP(BH$1,városok!$A$2:$C$346,3,0))^2)/1000,0)</f>
        <v>115</v>
      </c>
      <c r="BI169">
        <f ca="1">ROUND(SQRT((VLOOKUP($A169,városok!$A$2:$C$346,2,0)-VLOOKUP(BI$1,városok!$A$2:$C$346,2,0))^2+(VLOOKUP($A169,városok!$A$2:$C$346,3,0)-VLOOKUP(BI$1,városok!$A$2:$C$346,3,0))^2)/1000,0)</f>
        <v>185</v>
      </c>
      <c r="BJ169">
        <f ca="1">ROUND(SQRT((VLOOKUP($A169,városok!$A$2:$C$346,2,0)-VLOOKUP(BJ$1,városok!$A$2:$C$346,2,0))^2+(VLOOKUP($A169,városok!$A$2:$C$346,3,0)-VLOOKUP(BJ$1,városok!$A$2:$C$346,3,0))^2)/1000,0)</f>
        <v>202</v>
      </c>
      <c r="BK169">
        <f ca="1">ROUND(SQRT((VLOOKUP($A169,városok!$A$2:$C$346,2,0)-VLOOKUP(BK$1,városok!$A$2:$C$346,2,0))^2+(VLOOKUP($A169,városok!$A$2:$C$346,3,0)-VLOOKUP(BK$1,városok!$A$2:$C$346,3,0))^2)/1000,0)</f>
        <v>182</v>
      </c>
      <c r="BL169">
        <f ca="1">ROUND(SQRT((VLOOKUP($A169,városok!$A$2:$C$346,2,0)-VLOOKUP(BL$1,városok!$A$2:$C$346,2,0))^2+(VLOOKUP($A169,városok!$A$2:$C$346,3,0)-VLOOKUP(BL$1,városok!$A$2:$C$346,3,0))^2)/1000,0)</f>
        <v>313</v>
      </c>
      <c r="BM169">
        <f ca="1">ROUND(SQRT((VLOOKUP($A169,városok!$A$2:$C$346,2,0)-VLOOKUP(BM$1,városok!$A$2:$C$346,2,0))^2+(VLOOKUP($A169,városok!$A$2:$C$346,3,0)-VLOOKUP(BM$1,városok!$A$2:$C$346,3,0))^2)/1000,0)</f>
        <v>287</v>
      </c>
      <c r="BN169">
        <f ca="1">ROUND(SQRT((VLOOKUP($A169,városok!$A$2:$C$346,2,0)-VLOOKUP(BN$1,városok!$A$2:$C$346,2,0))^2+(VLOOKUP($A169,városok!$A$2:$C$346,3,0)-VLOOKUP(BN$1,városok!$A$2:$C$346,3,0))^2)/1000,0)</f>
        <v>311</v>
      </c>
      <c r="BO169">
        <f ca="1">ROUND(SQRT((VLOOKUP($A169,városok!$A$2:$C$346,2,0)-VLOOKUP(BO$1,városok!$A$2:$C$346,2,0))^2+(VLOOKUP($A169,városok!$A$2:$C$346,3,0)-VLOOKUP(BO$1,városok!$A$2:$C$346,3,0))^2)/1000,0)</f>
        <v>207</v>
      </c>
      <c r="BP169">
        <f ca="1">ROUND(SQRT((VLOOKUP($A169,városok!$A$2:$C$346,2,0)-VLOOKUP(BP$1,városok!$A$2:$C$346,2,0))^2+(VLOOKUP($A169,városok!$A$2:$C$346,3,0)-VLOOKUP(BP$1,városok!$A$2:$C$346,3,0))^2)/1000,0)</f>
        <v>199</v>
      </c>
      <c r="BQ169">
        <f ca="1">ROUND(SQRT((VLOOKUP($A169,városok!$A$2:$C$346,2,0)-VLOOKUP(BQ$1,városok!$A$2:$C$346,2,0))^2+(VLOOKUP($A169,városok!$A$2:$C$346,3,0)-VLOOKUP(BQ$1,városok!$A$2:$C$346,3,0))^2)/1000,0)</f>
        <v>214</v>
      </c>
      <c r="BR169">
        <f ca="1">ROUND(SQRT((VLOOKUP($A169,városok!$A$2:$C$346,2,0)-VLOOKUP(BR$1,városok!$A$2:$C$346,2,0))^2+(VLOOKUP($A169,városok!$A$2:$C$346,3,0)-VLOOKUP(BR$1,városok!$A$2:$C$346,3,0))^2)/1000,0)</f>
        <v>269</v>
      </c>
      <c r="BS169">
        <f ca="1">ROUND(SQRT((VLOOKUP($A169,városok!$A$2:$C$346,2,0)-VLOOKUP(BS$1,városok!$A$2:$C$346,2,0))^2+(VLOOKUP($A169,városok!$A$2:$C$346,3,0)-VLOOKUP(BS$1,városok!$A$2:$C$346,3,0))^2)/1000,0)</f>
        <v>297</v>
      </c>
      <c r="BT169">
        <f ca="1">ROUND(SQRT((VLOOKUP($A169,városok!$A$2:$C$346,2,0)-VLOOKUP(BT$1,városok!$A$2:$C$346,2,0))^2+(VLOOKUP($A169,városok!$A$2:$C$346,3,0)-VLOOKUP(BT$1,városok!$A$2:$C$346,3,0))^2)/1000,0)</f>
        <v>298</v>
      </c>
    </row>
    <row r="170" spans="1:72" x14ac:dyDescent="0.2">
      <c r="A170" t="str">
        <f>városok!A170</f>
        <v>Kisújszállás</v>
      </c>
      <c r="B170">
        <f ca="1">ROUND(SQRT((VLOOKUP($A170,városok!$A$2:$C$346,2,0)-VLOOKUP(B$1,városok!$A$2:$C$346,2,0))^2+(VLOOKUP($A170,városok!$A$2:$C$346,3,0)-VLOOKUP(B$1,városok!$A$2:$C$346,3,0))^2)/1000,0)</f>
        <v>180</v>
      </c>
      <c r="C170">
        <f ca="1">ROUND(SQRT((VLOOKUP($A170,városok!$A$2:$C$346,2,0)-VLOOKUP(C$1,városok!$A$2:$C$346,2,0))^2+(VLOOKUP($A170,városok!$A$2:$C$346,3,0)-VLOOKUP(C$1,városok!$A$2:$C$346,3,0))^2)/1000,0)</f>
        <v>157</v>
      </c>
      <c r="D170">
        <f ca="1">ROUND(SQRT((VLOOKUP($A170,városok!$A$2:$C$346,2,0)-VLOOKUP(D$1,városok!$A$2:$C$346,2,0))^2+(VLOOKUP($A170,városok!$A$2:$C$346,3,0)-VLOOKUP(D$1,városok!$A$2:$C$346,3,0))^2)/1000,0)</f>
        <v>90</v>
      </c>
      <c r="E170">
        <f ca="1">ROUND(SQRT((VLOOKUP($A170,városok!$A$2:$C$346,2,0)-VLOOKUP(E$1,városok!$A$2:$C$346,2,0))^2+(VLOOKUP($A170,városok!$A$2:$C$346,3,0)-VLOOKUP(E$1,városok!$A$2:$C$346,3,0))^2)/1000,0)</f>
        <v>224</v>
      </c>
      <c r="F170">
        <f ca="1">ROUND(SQRT((VLOOKUP($A170,városok!$A$2:$C$346,2,0)-VLOOKUP(F$1,városok!$A$2:$C$346,2,0))^2+(VLOOKUP($A170,városok!$A$2:$C$346,3,0)-VLOOKUP(F$1,városok!$A$2:$C$346,3,0))^2)/1000,0)</f>
        <v>210</v>
      </c>
      <c r="G170">
        <f ca="1">ROUND(SQRT((VLOOKUP($A170,városok!$A$2:$C$346,2,0)-VLOOKUP(G$1,városok!$A$2:$C$346,2,0))^2+(VLOOKUP($A170,városok!$A$2:$C$346,3,0)-VLOOKUP(G$1,városok!$A$2:$C$346,3,0))^2)/1000,0)</f>
        <v>231</v>
      </c>
      <c r="H170">
        <f ca="1">ROUND(SQRT((VLOOKUP($A170,városok!$A$2:$C$346,2,0)-VLOOKUP(H$1,városok!$A$2:$C$346,2,0))^2+(VLOOKUP($A170,városok!$A$2:$C$346,3,0)-VLOOKUP(H$1,városok!$A$2:$C$346,3,0))^2)/1000,0)</f>
        <v>263</v>
      </c>
      <c r="I170">
        <f ca="1">ROUND(SQRT((VLOOKUP($A170,városok!$A$2:$C$346,2,0)-VLOOKUP(I$1,városok!$A$2:$C$346,2,0))^2+(VLOOKUP($A170,városok!$A$2:$C$346,3,0)-VLOOKUP(I$1,városok!$A$2:$C$346,3,0))^2)/1000,0)</f>
        <v>60</v>
      </c>
      <c r="J170">
        <f ca="1">ROUND(SQRT((VLOOKUP($A170,városok!$A$2:$C$346,2,0)-VLOOKUP(J$1,városok!$A$2:$C$346,2,0))^2+(VLOOKUP($A170,városok!$A$2:$C$346,3,0)-VLOOKUP(J$1,városok!$A$2:$C$346,3,0))^2)/1000,0)</f>
        <v>70</v>
      </c>
      <c r="K170">
        <f ca="1">ROUND(SQRT((VLOOKUP($A170,városok!$A$2:$C$346,2,0)-VLOOKUP(K$1,városok!$A$2:$C$346,2,0))^2+(VLOOKUP($A170,városok!$A$2:$C$346,3,0)-VLOOKUP(K$1,városok!$A$2:$C$346,3,0))^2)/1000,0)</f>
        <v>70</v>
      </c>
      <c r="L170">
        <f ca="1">ROUND(SQRT((VLOOKUP($A170,városok!$A$2:$C$346,2,0)-VLOOKUP(L$1,városok!$A$2:$C$346,2,0))^2+(VLOOKUP($A170,városok!$A$2:$C$346,3,0)-VLOOKUP(L$1,városok!$A$2:$C$346,3,0))^2)/1000,0)</f>
        <v>120</v>
      </c>
      <c r="M170">
        <f ca="1">ROUND(SQRT((VLOOKUP($A170,városok!$A$2:$C$346,2,0)-VLOOKUP(M$1,városok!$A$2:$C$346,2,0))^2+(VLOOKUP($A170,városok!$A$2:$C$346,3,0)-VLOOKUP(M$1,városok!$A$2:$C$346,3,0))^2)/1000,0)</f>
        <v>102</v>
      </c>
      <c r="N170">
        <f ca="1">ROUND(SQRT((VLOOKUP($A170,városok!$A$2:$C$346,2,0)-VLOOKUP(N$1,városok!$A$2:$C$346,2,0))^2+(VLOOKUP($A170,városok!$A$2:$C$346,3,0)-VLOOKUP(N$1,városok!$A$2:$C$346,3,0))^2)/1000,0)</f>
        <v>122</v>
      </c>
      <c r="O170">
        <f ca="1">ROUND(SQRT((VLOOKUP($A170,városok!$A$2:$C$346,2,0)-VLOOKUP(O$1,városok!$A$2:$C$346,2,0))^2+(VLOOKUP($A170,városok!$A$2:$C$346,3,0)-VLOOKUP(O$1,városok!$A$2:$C$346,3,0))^2)/1000,0)</f>
        <v>149</v>
      </c>
      <c r="P170">
        <f ca="1">ROUND(SQRT((VLOOKUP($A170,városok!$A$2:$C$346,2,0)-VLOOKUP(P$1,városok!$A$2:$C$346,2,0))^2+(VLOOKUP($A170,városok!$A$2:$C$346,3,0)-VLOOKUP(P$1,városok!$A$2:$C$346,3,0))^2)/1000,0)</f>
        <v>149</v>
      </c>
      <c r="Q170">
        <f ca="1">ROUND(SQRT((VLOOKUP($A170,városok!$A$2:$C$346,2,0)-VLOOKUP(Q$1,városok!$A$2:$C$346,2,0))^2+(VLOOKUP($A170,városok!$A$2:$C$346,3,0)-VLOOKUP(Q$1,városok!$A$2:$C$346,3,0))^2)/1000,0)</f>
        <v>93</v>
      </c>
      <c r="R170">
        <f ca="1">ROUND(SQRT((VLOOKUP($A170,városok!$A$2:$C$346,2,0)-VLOOKUP(R$1,városok!$A$2:$C$346,2,0))^2+(VLOOKUP($A170,városok!$A$2:$C$346,3,0)-VLOOKUP(R$1,városok!$A$2:$C$346,3,0))^2)/1000,0)</f>
        <v>110</v>
      </c>
      <c r="S170">
        <f ca="1">ROUND(SQRT((VLOOKUP($A170,városok!$A$2:$C$346,2,0)-VLOOKUP(S$1,városok!$A$2:$C$346,2,0))^2+(VLOOKUP($A170,városok!$A$2:$C$346,3,0)-VLOOKUP(S$1,városok!$A$2:$C$346,3,0))^2)/1000,0)</f>
        <v>115</v>
      </c>
      <c r="T170">
        <f ca="1">ROUND(SQRT((VLOOKUP($A170,városok!$A$2:$C$346,2,0)-VLOOKUP(T$1,városok!$A$2:$C$346,2,0))^2+(VLOOKUP($A170,városok!$A$2:$C$346,3,0)-VLOOKUP(T$1,városok!$A$2:$C$346,3,0))^2)/1000,0)</f>
        <v>168</v>
      </c>
      <c r="U170">
        <f ca="1">ROUND(SQRT((VLOOKUP($A170,városok!$A$2:$C$346,2,0)-VLOOKUP(U$1,városok!$A$2:$C$346,2,0))^2+(VLOOKUP($A170,városok!$A$2:$C$346,3,0)-VLOOKUP(U$1,városok!$A$2:$C$346,3,0))^2)/1000,0)</f>
        <v>144</v>
      </c>
      <c r="V170">
        <f ca="1">ROUND(SQRT((VLOOKUP($A170,városok!$A$2:$C$346,2,0)-VLOOKUP(V$1,városok!$A$2:$C$346,2,0))^2+(VLOOKUP($A170,városok!$A$2:$C$346,3,0)-VLOOKUP(V$1,városok!$A$2:$C$346,3,0))^2)/1000,0)</f>
        <v>191</v>
      </c>
      <c r="W170">
        <f ca="1">ROUND(SQRT((VLOOKUP($A170,városok!$A$2:$C$346,2,0)-VLOOKUP(W$1,városok!$A$2:$C$346,2,0))^2+(VLOOKUP($A170,városok!$A$2:$C$346,3,0)-VLOOKUP(W$1,városok!$A$2:$C$346,3,0))^2)/1000,0)</f>
        <v>169</v>
      </c>
      <c r="X170">
        <f ca="1">ROUND(SQRT((VLOOKUP($A170,városok!$A$2:$C$346,2,0)-VLOOKUP(X$1,városok!$A$2:$C$346,2,0))^2+(VLOOKUP($A170,városok!$A$2:$C$346,3,0)-VLOOKUP(X$1,városok!$A$2:$C$346,3,0))^2)/1000,0)</f>
        <v>188</v>
      </c>
      <c r="Y170">
        <f ca="1">ROUND(SQRT((VLOOKUP($A170,városok!$A$2:$C$346,2,0)-VLOOKUP(Y$1,városok!$A$2:$C$346,2,0))^2+(VLOOKUP($A170,városok!$A$2:$C$346,3,0)-VLOOKUP(Y$1,városok!$A$2:$C$346,3,0))^2)/1000,0)</f>
        <v>246</v>
      </c>
      <c r="Z170">
        <f ca="1">ROUND(SQRT((VLOOKUP($A170,városok!$A$2:$C$346,2,0)-VLOOKUP(Z$1,városok!$A$2:$C$346,2,0))^2+(VLOOKUP($A170,városok!$A$2:$C$346,3,0)-VLOOKUP(Z$1,városok!$A$2:$C$346,3,0))^2)/1000,0)</f>
        <v>265</v>
      </c>
      <c r="AA170">
        <f ca="1">ROUND(SQRT((VLOOKUP($A170,városok!$A$2:$C$346,2,0)-VLOOKUP(AA$1,városok!$A$2:$C$346,2,0))^2+(VLOOKUP($A170,városok!$A$2:$C$346,3,0)-VLOOKUP(AA$1,városok!$A$2:$C$346,3,0))^2)/1000,0)</f>
        <v>323</v>
      </c>
      <c r="AB170">
        <f ca="1">ROUND(SQRT((VLOOKUP($A170,városok!$A$2:$C$346,2,0)-VLOOKUP(AB$1,városok!$A$2:$C$346,2,0))^2+(VLOOKUP($A170,városok!$A$2:$C$346,3,0)-VLOOKUP(AB$1,városok!$A$2:$C$346,3,0))^2)/1000,0)</f>
        <v>73</v>
      </c>
      <c r="AC170">
        <f ca="1">ROUND(SQRT((VLOOKUP($A170,városok!$A$2:$C$346,2,0)-VLOOKUP(AC$1,városok!$A$2:$C$346,2,0))^2+(VLOOKUP($A170,városok!$A$2:$C$346,3,0)-VLOOKUP(AC$1,városok!$A$2:$C$346,3,0))^2)/1000,0)</f>
        <v>53</v>
      </c>
      <c r="AD170">
        <f ca="1">ROUND(SQRT((VLOOKUP($A170,városok!$A$2:$C$346,2,0)-VLOOKUP(AD$1,városok!$A$2:$C$346,2,0))^2+(VLOOKUP($A170,városok!$A$2:$C$346,3,0)-VLOOKUP(AD$1,városok!$A$2:$C$346,3,0))^2)/1000,0)</f>
        <v>38</v>
      </c>
      <c r="AE170">
        <f ca="1">ROUND(SQRT((VLOOKUP($A170,városok!$A$2:$C$346,2,0)-VLOOKUP(AE$1,városok!$A$2:$C$346,2,0))^2+(VLOOKUP($A170,városok!$A$2:$C$346,3,0)-VLOOKUP(AE$1,városok!$A$2:$C$346,3,0))^2)/1000,0)</f>
        <v>29</v>
      </c>
      <c r="AF170">
        <f ca="1">ROUND(SQRT((VLOOKUP($A170,városok!$A$2:$C$346,2,0)-VLOOKUP(AF$1,városok!$A$2:$C$346,2,0))^2+(VLOOKUP($A170,városok!$A$2:$C$346,3,0)-VLOOKUP(AF$1,városok!$A$2:$C$346,3,0))^2)/1000,0)</f>
        <v>86</v>
      </c>
      <c r="AG170">
        <f ca="1">ROUND(SQRT((VLOOKUP($A170,városok!$A$2:$C$346,2,0)-VLOOKUP(AG$1,városok!$A$2:$C$346,2,0))^2+(VLOOKUP($A170,városok!$A$2:$C$346,3,0)-VLOOKUP(AG$1,városok!$A$2:$C$346,3,0))^2)/1000,0)</f>
        <v>94</v>
      </c>
      <c r="AH170">
        <f ca="1">ROUND(SQRT((VLOOKUP($A170,városok!$A$2:$C$346,2,0)-VLOOKUP(AH$1,városok!$A$2:$C$346,2,0))^2+(VLOOKUP($A170,városok!$A$2:$C$346,3,0)-VLOOKUP(AH$1,városok!$A$2:$C$346,3,0))^2)/1000,0)</f>
        <v>101</v>
      </c>
      <c r="AI170">
        <f ca="1">ROUND(SQRT((VLOOKUP($A170,városok!$A$2:$C$346,2,0)-VLOOKUP(AI$1,városok!$A$2:$C$346,2,0))^2+(VLOOKUP($A170,városok!$A$2:$C$346,3,0)-VLOOKUP(AI$1,városok!$A$2:$C$346,3,0))^2)/1000,0)</f>
        <v>107</v>
      </c>
      <c r="AJ170">
        <f ca="1">ROUND(SQRT((VLOOKUP($A170,városok!$A$2:$C$346,2,0)-VLOOKUP(AJ$1,városok!$A$2:$C$346,2,0))^2+(VLOOKUP($A170,városok!$A$2:$C$346,3,0)-VLOOKUP(AJ$1,városok!$A$2:$C$346,3,0))^2)/1000,0)</f>
        <v>81</v>
      </c>
      <c r="AK170">
        <f ca="1">ROUND(SQRT((VLOOKUP($A170,városok!$A$2:$C$346,2,0)-VLOOKUP(AK$1,városok!$A$2:$C$346,2,0))^2+(VLOOKUP($A170,városok!$A$2:$C$346,3,0)-VLOOKUP(AK$1,városok!$A$2:$C$346,3,0))^2)/1000,0)</f>
        <v>17</v>
      </c>
      <c r="AL170">
        <f ca="1">ROUND(SQRT((VLOOKUP($A170,városok!$A$2:$C$346,2,0)-VLOOKUP(AL$1,városok!$A$2:$C$346,2,0))^2+(VLOOKUP($A170,városok!$A$2:$C$346,3,0)-VLOOKUP(AL$1,városok!$A$2:$C$346,3,0))^2)/1000,0)</f>
        <v>24</v>
      </c>
      <c r="AM170">
        <f ca="1">ROUND(SQRT((VLOOKUP($A170,városok!$A$2:$C$346,2,0)-VLOOKUP(AM$1,városok!$A$2:$C$346,2,0))^2+(VLOOKUP($A170,városok!$A$2:$C$346,3,0)-VLOOKUP(AM$1,városok!$A$2:$C$346,3,0))^2)/1000,0)</f>
        <v>47</v>
      </c>
      <c r="AN170">
        <f ca="1">ROUND(SQRT((VLOOKUP($A170,városok!$A$2:$C$346,2,0)-VLOOKUP(AN$1,városok!$A$2:$C$346,2,0))^2+(VLOOKUP($A170,városok!$A$2:$C$346,3,0)-VLOOKUP(AN$1,városok!$A$2:$C$346,3,0))^2)/1000,0)</f>
        <v>169</v>
      </c>
      <c r="AO170">
        <f ca="1">ROUND(SQRT((VLOOKUP($A170,városok!$A$2:$C$346,2,0)-VLOOKUP(AO$1,városok!$A$2:$C$346,2,0))^2+(VLOOKUP($A170,városok!$A$2:$C$346,3,0)-VLOOKUP(AO$1,városok!$A$2:$C$346,3,0))^2)/1000,0)</f>
        <v>212</v>
      </c>
      <c r="AP170">
        <f ca="1">ROUND(SQRT((VLOOKUP($A170,városok!$A$2:$C$346,2,0)-VLOOKUP(AP$1,városok!$A$2:$C$346,2,0))^2+(VLOOKUP($A170,városok!$A$2:$C$346,3,0)-VLOOKUP(AP$1,városok!$A$2:$C$346,3,0))^2)/1000,0)</f>
        <v>194</v>
      </c>
      <c r="AQ170">
        <f ca="1">ROUND(SQRT((VLOOKUP($A170,városok!$A$2:$C$346,2,0)-VLOOKUP(AQ$1,városok!$A$2:$C$346,2,0))^2+(VLOOKUP($A170,városok!$A$2:$C$346,3,0)-VLOOKUP(AQ$1,városok!$A$2:$C$346,3,0))^2)/1000,0)</f>
        <v>186</v>
      </c>
      <c r="AR170">
        <f ca="1">ROUND(SQRT((VLOOKUP($A170,városok!$A$2:$C$346,2,0)-VLOOKUP(AR$1,városok!$A$2:$C$346,2,0))^2+(VLOOKUP($A170,városok!$A$2:$C$346,3,0)-VLOOKUP(AR$1,városok!$A$2:$C$346,3,0))^2)/1000,0)</f>
        <v>117</v>
      </c>
      <c r="AS170">
        <f ca="1">ROUND(SQRT((VLOOKUP($A170,városok!$A$2:$C$346,2,0)-VLOOKUP(AS$1,városok!$A$2:$C$346,2,0))^2+(VLOOKUP($A170,városok!$A$2:$C$346,3,0)-VLOOKUP(AS$1,városok!$A$2:$C$346,3,0))^2)/1000,0)</f>
        <v>127</v>
      </c>
      <c r="AT170">
        <f ca="1">ROUND(SQRT((VLOOKUP($A170,városok!$A$2:$C$346,2,0)-VLOOKUP(AT$1,városok!$A$2:$C$346,2,0))^2+(VLOOKUP($A170,városok!$A$2:$C$346,3,0)-VLOOKUP(AT$1,városok!$A$2:$C$346,3,0))^2)/1000,0)</f>
        <v>154</v>
      </c>
      <c r="AU170">
        <f ca="1">ROUND(SQRT((VLOOKUP($A170,városok!$A$2:$C$346,2,0)-VLOOKUP(AU$1,városok!$A$2:$C$346,2,0))^2+(VLOOKUP($A170,városok!$A$2:$C$346,3,0)-VLOOKUP(AU$1,városok!$A$2:$C$346,3,0))^2)/1000,0)</f>
        <v>143</v>
      </c>
      <c r="AV170">
        <f ca="1">ROUND(SQRT((VLOOKUP($A170,városok!$A$2:$C$346,2,0)-VLOOKUP(AV$1,városok!$A$2:$C$346,2,0))^2+(VLOOKUP($A170,városok!$A$2:$C$346,3,0)-VLOOKUP(AV$1,városok!$A$2:$C$346,3,0))^2)/1000,0)</f>
        <v>143</v>
      </c>
      <c r="AW170">
        <f ca="1">ROUND(SQRT((VLOOKUP($A170,városok!$A$2:$C$346,2,0)-VLOOKUP(AW$1,városok!$A$2:$C$346,2,0))^2+(VLOOKUP($A170,városok!$A$2:$C$346,3,0)-VLOOKUP(AW$1,városok!$A$2:$C$346,3,0))^2)/1000,0)</f>
        <v>145</v>
      </c>
      <c r="AX170">
        <f ca="1">ROUND(SQRT((VLOOKUP($A170,városok!$A$2:$C$346,2,0)-VLOOKUP(AX$1,városok!$A$2:$C$346,2,0))^2+(VLOOKUP($A170,városok!$A$2:$C$346,3,0)-VLOOKUP(AX$1,városok!$A$2:$C$346,3,0))^2)/1000,0)</f>
        <v>80</v>
      </c>
      <c r="AY170">
        <f ca="1">ROUND(SQRT((VLOOKUP($A170,városok!$A$2:$C$346,2,0)-VLOOKUP(AY$1,városok!$A$2:$C$346,2,0))^2+(VLOOKUP($A170,városok!$A$2:$C$346,3,0)-VLOOKUP(AY$1,városok!$A$2:$C$346,3,0))^2)/1000,0)</f>
        <v>143</v>
      </c>
      <c r="AZ170">
        <f ca="1">ROUND(SQRT((VLOOKUP($A170,városok!$A$2:$C$346,2,0)-VLOOKUP(AZ$1,városok!$A$2:$C$346,2,0))^2+(VLOOKUP($A170,városok!$A$2:$C$346,3,0)-VLOOKUP(AZ$1,városok!$A$2:$C$346,3,0))^2)/1000,0)</f>
        <v>154</v>
      </c>
      <c r="BA170">
        <f ca="1">ROUND(SQRT((VLOOKUP($A170,városok!$A$2:$C$346,2,0)-VLOOKUP(BA$1,városok!$A$2:$C$346,2,0))^2+(VLOOKUP($A170,városok!$A$2:$C$346,3,0)-VLOOKUP(BA$1,városok!$A$2:$C$346,3,0))^2)/1000,0)</f>
        <v>240</v>
      </c>
      <c r="BB170">
        <f ca="1">ROUND(SQRT((VLOOKUP($A170,városok!$A$2:$C$346,2,0)-VLOOKUP(BB$1,városok!$A$2:$C$346,2,0))^2+(VLOOKUP($A170,városok!$A$2:$C$346,3,0)-VLOOKUP(BB$1,városok!$A$2:$C$346,3,0))^2)/1000,0)</f>
        <v>230</v>
      </c>
      <c r="BC170">
        <f ca="1">ROUND(SQRT((VLOOKUP($A170,városok!$A$2:$C$346,2,0)-VLOOKUP(BC$1,városok!$A$2:$C$346,2,0))^2+(VLOOKUP($A170,városok!$A$2:$C$346,3,0)-VLOOKUP(BC$1,városok!$A$2:$C$346,3,0))^2)/1000,0)</f>
        <v>248</v>
      </c>
      <c r="BD170">
        <f ca="1">ROUND(SQRT((VLOOKUP($A170,városok!$A$2:$C$346,2,0)-VLOOKUP(BD$1,városok!$A$2:$C$346,2,0))^2+(VLOOKUP($A170,városok!$A$2:$C$346,3,0)-VLOOKUP(BD$1,városok!$A$2:$C$346,3,0))^2)/1000,0)</f>
        <v>211</v>
      </c>
      <c r="BE170">
        <f ca="1">ROUND(SQRT((VLOOKUP($A170,városok!$A$2:$C$346,2,0)-VLOOKUP(BE$1,városok!$A$2:$C$346,2,0))^2+(VLOOKUP($A170,városok!$A$2:$C$346,3,0)-VLOOKUP(BE$1,városok!$A$2:$C$346,3,0))^2)/1000,0)</f>
        <v>158</v>
      </c>
      <c r="BF170">
        <f ca="1">ROUND(SQRT((VLOOKUP($A170,városok!$A$2:$C$346,2,0)-VLOOKUP(BF$1,városok!$A$2:$C$346,2,0))^2+(VLOOKUP($A170,városok!$A$2:$C$346,3,0)-VLOOKUP(BF$1,városok!$A$2:$C$346,3,0))^2)/1000,0)</f>
        <v>150</v>
      </c>
      <c r="BG170">
        <f ca="1">ROUND(SQRT((VLOOKUP($A170,városok!$A$2:$C$346,2,0)-VLOOKUP(BG$1,városok!$A$2:$C$346,2,0))^2+(VLOOKUP($A170,városok!$A$2:$C$346,3,0)-VLOOKUP(BG$1,városok!$A$2:$C$346,3,0))^2)/1000,0)</f>
        <v>116</v>
      </c>
      <c r="BH170">
        <f ca="1">ROUND(SQRT((VLOOKUP($A170,városok!$A$2:$C$346,2,0)-VLOOKUP(BH$1,városok!$A$2:$C$346,2,0))^2+(VLOOKUP($A170,városok!$A$2:$C$346,3,0)-VLOOKUP(BH$1,városok!$A$2:$C$346,3,0))^2)/1000,0)</f>
        <v>116</v>
      </c>
      <c r="BI170">
        <f ca="1">ROUND(SQRT((VLOOKUP($A170,városok!$A$2:$C$346,2,0)-VLOOKUP(BI$1,városok!$A$2:$C$346,2,0))^2+(VLOOKUP($A170,városok!$A$2:$C$346,3,0)-VLOOKUP(BI$1,városok!$A$2:$C$346,3,0))^2)/1000,0)</f>
        <v>188</v>
      </c>
      <c r="BJ170">
        <f ca="1">ROUND(SQRT((VLOOKUP($A170,városok!$A$2:$C$346,2,0)-VLOOKUP(BJ$1,városok!$A$2:$C$346,2,0))^2+(VLOOKUP($A170,városok!$A$2:$C$346,3,0)-VLOOKUP(BJ$1,városok!$A$2:$C$346,3,0))^2)/1000,0)</f>
        <v>205</v>
      </c>
      <c r="BK170">
        <f ca="1">ROUND(SQRT((VLOOKUP($A170,városok!$A$2:$C$346,2,0)-VLOOKUP(BK$1,városok!$A$2:$C$346,2,0))^2+(VLOOKUP($A170,városok!$A$2:$C$346,3,0)-VLOOKUP(BK$1,városok!$A$2:$C$346,3,0))^2)/1000,0)</f>
        <v>186</v>
      </c>
      <c r="BL170">
        <f ca="1">ROUND(SQRT((VLOOKUP($A170,városok!$A$2:$C$346,2,0)-VLOOKUP(BL$1,városok!$A$2:$C$346,2,0))^2+(VLOOKUP($A170,városok!$A$2:$C$346,3,0)-VLOOKUP(BL$1,városok!$A$2:$C$346,3,0))^2)/1000,0)</f>
        <v>320</v>
      </c>
      <c r="BM170">
        <f ca="1">ROUND(SQRT((VLOOKUP($A170,városok!$A$2:$C$346,2,0)-VLOOKUP(BM$1,városok!$A$2:$C$346,2,0))^2+(VLOOKUP($A170,városok!$A$2:$C$346,3,0)-VLOOKUP(BM$1,városok!$A$2:$C$346,3,0))^2)/1000,0)</f>
        <v>293</v>
      </c>
      <c r="BN170">
        <f ca="1">ROUND(SQRT((VLOOKUP($A170,városok!$A$2:$C$346,2,0)-VLOOKUP(BN$1,városok!$A$2:$C$346,2,0))^2+(VLOOKUP($A170,városok!$A$2:$C$346,3,0)-VLOOKUP(BN$1,városok!$A$2:$C$346,3,0))^2)/1000,0)</f>
        <v>317</v>
      </c>
      <c r="BO170">
        <f ca="1">ROUND(SQRT((VLOOKUP($A170,városok!$A$2:$C$346,2,0)-VLOOKUP(BO$1,városok!$A$2:$C$346,2,0))^2+(VLOOKUP($A170,városok!$A$2:$C$346,3,0)-VLOOKUP(BO$1,városok!$A$2:$C$346,3,0))^2)/1000,0)</f>
        <v>213</v>
      </c>
      <c r="BP170">
        <f ca="1">ROUND(SQRT((VLOOKUP($A170,városok!$A$2:$C$346,2,0)-VLOOKUP(BP$1,városok!$A$2:$C$346,2,0))^2+(VLOOKUP($A170,városok!$A$2:$C$346,3,0)-VLOOKUP(BP$1,városok!$A$2:$C$346,3,0))^2)/1000,0)</f>
        <v>205</v>
      </c>
      <c r="BQ170">
        <f ca="1">ROUND(SQRT((VLOOKUP($A170,városok!$A$2:$C$346,2,0)-VLOOKUP(BQ$1,városok!$A$2:$C$346,2,0))^2+(VLOOKUP($A170,városok!$A$2:$C$346,3,0)-VLOOKUP(BQ$1,városok!$A$2:$C$346,3,0))^2)/1000,0)</f>
        <v>220</v>
      </c>
      <c r="BR170">
        <f ca="1">ROUND(SQRT((VLOOKUP($A170,városok!$A$2:$C$346,2,0)-VLOOKUP(BR$1,városok!$A$2:$C$346,2,0))^2+(VLOOKUP($A170,városok!$A$2:$C$346,3,0)-VLOOKUP(BR$1,városok!$A$2:$C$346,3,0))^2)/1000,0)</f>
        <v>274</v>
      </c>
      <c r="BS170">
        <f ca="1">ROUND(SQRT((VLOOKUP($A170,városok!$A$2:$C$346,2,0)-VLOOKUP(BS$1,városok!$A$2:$C$346,2,0))^2+(VLOOKUP($A170,városok!$A$2:$C$346,3,0)-VLOOKUP(BS$1,városok!$A$2:$C$346,3,0))^2)/1000,0)</f>
        <v>302</v>
      </c>
      <c r="BT170">
        <f ca="1">ROUND(SQRT((VLOOKUP($A170,városok!$A$2:$C$346,2,0)-VLOOKUP(BT$1,városok!$A$2:$C$346,2,0))^2+(VLOOKUP($A170,városok!$A$2:$C$346,3,0)-VLOOKUP(BT$1,városok!$A$2:$C$346,3,0))^2)/1000,0)</f>
        <v>304</v>
      </c>
    </row>
    <row r="171" spans="1:72" x14ac:dyDescent="0.2">
      <c r="A171" t="str">
        <f>városok!A171</f>
        <v>Kunhegyes</v>
      </c>
      <c r="B171">
        <f ca="1">ROUND(SQRT((VLOOKUP($A171,városok!$A$2:$C$346,2,0)-VLOOKUP(B$1,városok!$A$2:$C$346,2,0))^2+(VLOOKUP($A171,városok!$A$2:$C$346,3,0)-VLOOKUP(B$1,városok!$A$2:$C$346,3,0))^2)/1000,0)</f>
        <v>183</v>
      </c>
      <c r="C171">
        <f ca="1">ROUND(SQRT((VLOOKUP($A171,városok!$A$2:$C$346,2,0)-VLOOKUP(C$1,városok!$A$2:$C$346,2,0))^2+(VLOOKUP($A171,városok!$A$2:$C$346,3,0)-VLOOKUP(C$1,városok!$A$2:$C$346,3,0))^2)/1000,0)</f>
        <v>156</v>
      </c>
      <c r="D171">
        <f ca="1">ROUND(SQRT((VLOOKUP($A171,városok!$A$2:$C$346,2,0)-VLOOKUP(D$1,városok!$A$2:$C$346,2,0))^2+(VLOOKUP($A171,városok!$A$2:$C$346,3,0)-VLOOKUP(D$1,városok!$A$2:$C$346,3,0))^2)/1000,0)</f>
        <v>88</v>
      </c>
      <c r="E171">
        <f ca="1">ROUND(SQRT((VLOOKUP($A171,városok!$A$2:$C$346,2,0)-VLOOKUP(E$1,városok!$A$2:$C$346,2,0))^2+(VLOOKUP($A171,városok!$A$2:$C$346,3,0)-VLOOKUP(E$1,városok!$A$2:$C$346,3,0))^2)/1000,0)</f>
        <v>223</v>
      </c>
      <c r="F171">
        <f ca="1">ROUND(SQRT((VLOOKUP($A171,városok!$A$2:$C$346,2,0)-VLOOKUP(F$1,városok!$A$2:$C$346,2,0))^2+(VLOOKUP($A171,városok!$A$2:$C$346,3,0)-VLOOKUP(F$1,városok!$A$2:$C$346,3,0))^2)/1000,0)</f>
        <v>213</v>
      </c>
      <c r="G171">
        <f ca="1">ROUND(SQRT((VLOOKUP($A171,városok!$A$2:$C$346,2,0)-VLOOKUP(G$1,városok!$A$2:$C$346,2,0))^2+(VLOOKUP($A171,városok!$A$2:$C$346,3,0)-VLOOKUP(G$1,városok!$A$2:$C$346,3,0))^2)/1000,0)</f>
        <v>232</v>
      </c>
      <c r="H171">
        <f ca="1">ROUND(SQRT((VLOOKUP($A171,városok!$A$2:$C$346,2,0)-VLOOKUP(H$1,városok!$A$2:$C$346,2,0))^2+(VLOOKUP($A171,városok!$A$2:$C$346,3,0)-VLOOKUP(H$1,városok!$A$2:$C$346,3,0))^2)/1000,0)</f>
        <v>261</v>
      </c>
      <c r="I171">
        <f ca="1">ROUND(SQRT((VLOOKUP($A171,városok!$A$2:$C$346,2,0)-VLOOKUP(I$1,városok!$A$2:$C$346,2,0))^2+(VLOOKUP($A171,városok!$A$2:$C$346,3,0)-VLOOKUP(I$1,városok!$A$2:$C$346,3,0))^2)/1000,0)</f>
        <v>84</v>
      </c>
      <c r="J171">
        <f ca="1">ROUND(SQRT((VLOOKUP($A171,városok!$A$2:$C$346,2,0)-VLOOKUP(J$1,városok!$A$2:$C$346,2,0))^2+(VLOOKUP($A171,városok!$A$2:$C$346,3,0)-VLOOKUP(J$1,városok!$A$2:$C$346,3,0))^2)/1000,0)</f>
        <v>94</v>
      </c>
      <c r="K171">
        <f ca="1">ROUND(SQRT((VLOOKUP($A171,városok!$A$2:$C$346,2,0)-VLOOKUP(K$1,városok!$A$2:$C$346,2,0))^2+(VLOOKUP($A171,városok!$A$2:$C$346,3,0)-VLOOKUP(K$1,városok!$A$2:$C$346,3,0))^2)/1000,0)</f>
        <v>89</v>
      </c>
      <c r="L171">
        <f ca="1">ROUND(SQRT((VLOOKUP($A171,városok!$A$2:$C$346,2,0)-VLOOKUP(L$1,városok!$A$2:$C$346,2,0))^2+(VLOOKUP($A171,városok!$A$2:$C$346,3,0)-VLOOKUP(L$1,városok!$A$2:$C$346,3,0))^2)/1000,0)</f>
        <v>99</v>
      </c>
      <c r="M171">
        <f ca="1">ROUND(SQRT((VLOOKUP($A171,városok!$A$2:$C$346,2,0)-VLOOKUP(M$1,városok!$A$2:$C$346,2,0))^2+(VLOOKUP($A171,városok!$A$2:$C$346,3,0)-VLOOKUP(M$1,városok!$A$2:$C$346,3,0))^2)/1000,0)</f>
        <v>83</v>
      </c>
      <c r="N171">
        <f ca="1">ROUND(SQRT((VLOOKUP($A171,városok!$A$2:$C$346,2,0)-VLOOKUP(N$1,városok!$A$2:$C$346,2,0))^2+(VLOOKUP($A171,városok!$A$2:$C$346,3,0)-VLOOKUP(N$1,városok!$A$2:$C$346,3,0))^2)/1000,0)</f>
        <v>98</v>
      </c>
      <c r="O171">
        <f ca="1">ROUND(SQRT((VLOOKUP($A171,városok!$A$2:$C$346,2,0)-VLOOKUP(O$1,városok!$A$2:$C$346,2,0))^2+(VLOOKUP($A171,városok!$A$2:$C$346,3,0)-VLOOKUP(O$1,városok!$A$2:$C$346,3,0))^2)/1000,0)</f>
        <v>138</v>
      </c>
      <c r="P171">
        <f ca="1">ROUND(SQRT((VLOOKUP($A171,városok!$A$2:$C$346,2,0)-VLOOKUP(P$1,városok!$A$2:$C$346,2,0))^2+(VLOOKUP($A171,városok!$A$2:$C$346,3,0)-VLOOKUP(P$1,városok!$A$2:$C$346,3,0))^2)/1000,0)</f>
        <v>138</v>
      </c>
      <c r="Q171">
        <f ca="1">ROUND(SQRT((VLOOKUP($A171,városok!$A$2:$C$346,2,0)-VLOOKUP(Q$1,városok!$A$2:$C$346,2,0))^2+(VLOOKUP($A171,városok!$A$2:$C$346,3,0)-VLOOKUP(Q$1,városok!$A$2:$C$346,3,0))^2)/1000,0)</f>
        <v>108</v>
      </c>
      <c r="R171">
        <f ca="1">ROUND(SQRT((VLOOKUP($A171,városok!$A$2:$C$346,2,0)-VLOOKUP(R$1,városok!$A$2:$C$346,2,0))^2+(VLOOKUP($A171,városok!$A$2:$C$346,3,0)-VLOOKUP(R$1,városok!$A$2:$C$346,3,0))^2)/1000,0)</f>
        <v>128</v>
      </c>
      <c r="S171">
        <f ca="1">ROUND(SQRT((VLOOKUP($A171,városok!$A$2:$C$346,2,0)-VLOOKUP(S$1,városok!$A$2:$C$346,2,0))^2+(VLOOKUP($A171,városok!$A$2:$C$346,3,0)-VLOOKUP(S$1,városok!$A$2:$C$346,3,0))^2)/1000,0)</f>
        <v>130</v>
      </c>
      <c r="T171">
        <f ca="1">ROUND(SQRT((VLOOKUP($A171,városok!$A$2:$C$346,2,0)-VLOOKUP(T$1,városok!$A$2:$C$346,2,0))^2+(VLOOKUP($A171,városok!$A$2:$C$346,3,0)-VLOOKUP(T$1,városok!$A$2:$C$346,3,0))^2)/1000,0)</f>
        <v>151</v>
      </c>
      <c r="U171">
        <f ca="1">ROUND(SQRT((VLOOKUP($A171,városok!$A$2:$C$346,2,0)-VLOOKUP(U$1,városok!$A$2:$C$346,2,0))^2+(VLOOKUP($A171,városok!$A$2:$C$346,3,0)-VLOOKUP(U$1,városok!$A$2:$C$346,3,0))^2)/1000,0)</f>
        <v>136</v>
      </c>
      <c r="V171">
        <f ca="1">ROUND(SQRT((VLOOKUP($A171,városok!$A$2:$C$346,2,0)-VLOOKUP(V$1,városok!$A$2:$C$346,2,0))^2+(VLOOKUP($A171,városok!$A$2:$C$346,3,0)-VLOOKUP(V$1,városok!$A$2:$C$346,3,0))^2)/1000,0)</f>
        <v>179</v>
      </c>
      <c r="W171">
        <f ca="1">ROUND(SQRT((VLOOKUP($A171,városok!$A$2:$C$346,2,0)-VLOOKUP(W$1,városok!$A$2:$C$346,2,0))^2+(VLOOKUP($A171,városok!$A$2:$C$346,3,0)-VLOOKUP(W$1,városok!$A$2:$C$346,3,0))^2)/1000,0)</f>
        <v>161</v>
      </c>
      <c r="X171">
        <f ca="1">ROUND(SQRT((VLOOKUP($A171,városok!$A$2:$C$346,2,0)-VLOOKUP(X$1,városok!$A$2:$C$346,2,0))^2+(VLOOKUP($A171,városok!$A$2:$C$346,3,0)-VLOOKUP(X$1,városok!$A$2:$C$346,3,0))^2)/1000,0)</f>
        <v>174</v>
      </c>
      <c r="Y171">
        <f ca="1">ROUND(SQRT((VLOOKUP($A171,városok!$A$2:$C$346,2,0)-VLOOKUP(Y$1,városok!$A$2:$C$346,2,0))^2+(VLOOKUP($A171,városok!$A$2:$C$346,3,0)-VLOOKUP(Y$1,városok!$A$2:$C$346,3,0))^2)/1000,0)</f>
        <v>228</v>
      </c>
      <c r="Z171">
        <f ca="1">ROUND(SQRT((VLOOKUP($A171,városok!$A$2:$C$346,2,0)-VLOOKUP(Z$1,városok!$A$2:$C$346,2,0))^2+(VLOOKUP($A171,városok!$A$2:$C$346,3,0)-VLOOKUP(Z$1,városok!$A$2:$C$346,3,0))^2)/1000,0)</f>
        <v>247</v>
      </c>
      <c r="AA171">
        <f ca="1">ROUND(SQRT((VLOOKUP($A171,városok!$A$2:$C$346,2,0)-VLOOKUP(AA$1,városok!$A$2:$C$346,2,0))^2+(VLOOKUP($A171,városok!$A$2:$C$346,3,0)-VLOOKUP(AA$1,városok!$A$2:$C$346,3,0))^2)/1000,0)</f>
        <v>307</v>
      </c>
      <c r="AB171">
        <f ca="1">ROUND(SQRT((VLOOKUP($A171,városok!$A$2:$C$346,2,0)-VLOOKUP(AB$1,városok!$A$2:$C$346,2,0))^2+(VLOOKUP($A171,városok!$A$2:$C$346,3,0)-VLOOKUP(AB$1,városok!$A$2:$C$346,3,0))^2)/1000,0)</f>
        <v>78</v>
      </c>
      <c r="AC171">
        <f ca="1">ROUND(SQRT((VLOOKUP($A171,városok!$A$2:$C$346,2,0)-VLOOKUP(AC$1,városok!$A$2:$C$346,2,0))^2+(VLOOKUP($A171,városok!$A$2:$C$346,3,0)-VLOOKUP(AC$1,városok!$A$2:$C$346,3,0))^2)/1000,0)</f>
        <v>59</v>
      </c>
      <c r="AD171">
        <f ca="1">ROUND(SQRT((VLOOKUP($A171,városok!$A$2:$C$346,2,0)-VLOOKUP(AD$1,városok!$A$2:$C$346,2,0))^2+(VLOOKUP($A171,városok!$A$2:$C$346,3,0)-VLOOKUP(AD$1,városok!$A$2:$C$346,3,0))^2)/1000,0)</f>
        <v>41</v>
      </c>
      <c r="AE171">
        <f ca="1">ROUND(SQRT((VLOOKUP($A171,városok!$A$2:$C$346,2,0)-VLOOKUP(AE$1,városok!$A$2:$C$346,2,0))^2+(VLOOKUP($A171,városok!$A$2:$C$346,3,0)-VLOOKUP(AE$1,városok!$A$2:$C$346,3,0))^2)/1000,0)</f>
        <v>42</v>
      </c>
      <c r="AF171">
        <f ca="1">ROUND(SQRT((VLOOKUP($A171,városok!$A$2:$C$346,2,0)-VLOOKUP(AF$1,városok!$A$2:$C$346,2,0))^2+(VLOOKUP($A171,városok!$A$2:$C$346,3,0)-VLOOKUP(AF$1,városok!$A$2:$C$346,3,0))^2)/1000,0)</f>
        <v>62</v>
      </c>
      <c r="AG171">
        <f ca="1">ROUND(SQRT((VLOOKUP($A171,városok!$A$2:$C$346,2,0)-VLOOKUP(AG$1,városok!$A$2:$C$346,2,0))^2+(VLOOKUP($A171,városok!$A$2:$C$346,3,0)-VLOOKUP(AG$1,városok!$A$2:$C$346,3,0))^2)/1000,0)</f>
        <v>70</v>
      </c>
      <c r="AH171">
        <f ca="1">ROUND(SQRT((VLOOKUP($A171,városok!$A$2:$C$346,2,0)-VLOOKUP(AH$1,városok!$A$2:$C$346,2,0))^2+(VLOOKUP($A171,városok!$A$2:$C$346,3,0)-VLOOKUP(AH$1,városok!$A$2:$C$346,3,0))^2)/1000,0)</f>
        <v>79</v>
      </c>
      <c r="AI171">
        <f ca="1">ROUND(SQRT((VLOOKUP($A171,városok!$A$2:$C$346,2,0)-VLOOKUP(AI$1,városok!$A$2:$C$346,2,0))^2+(VLOOKUP($A171,városok!$A$2:$C$346,3,0)-VLOOKUP(AI$1,városok!$A$2:$C$346,3,0))^2)/1000,0)</f>
        <v>83</v>
      </c>
      <c r="AJ171">
        <f ca="1">ROUND(SQRT((VLOOKUP($A171,városok!$A$2:$C$346,2,0)-VLOOKUP(AJ$1,városok!$A$2:$C$346,2,0))^2+(VLOOKUP($A171,városok!$A$2:$C$346,3,0)-VLOOKUP(AJ$1,városok!$A$2:$C$346,3,0))^2)/1000,0)</f>
        <v>58</v>
      </c>
      <c r="AK171">
        <f ca="1">ROUND(SQRT((VLOOKUP($A171,városok!$A$2:$C$346,2,0)-VLOOKUP(AK$1,városok!$A$2:$C$346,2,0))^2+(VLOOKUP($A171,városok!$A$2:$C$346,3,0)-VLOOKUP(AK$1,városok!$A$2:$C$346,3,0))^2)/1000,0)</f>
        <v>28</v>
      </c>
      <c r="AL171">
        <f ca="1">ROUND(SQRT((VLOOKUP($A171,városok!$A$2:$C$346,2,0)-VLOOKUP(AL$1,városok!$A$2:$C$346,2,0))^2+(VLOOKUP($A171,városok!$A$2:$C$346,3,0)-VLOOKUP(AL$1,városok!$A$2:$C$346,3,0))^2)/1000,0)</f>
        <v>0</v>
      </c>
      <c r="AM171">
        <f ca="1">ROUND(SQRT((VLOOKUP($A171,városok!$A$2:$C$346,2,0)-VLOOKUP(AM$1,városok!$A$2:$C$346,2,0))^2+(VLOOKUP($A171,városok!$A$2:$C$346,3,0)-VLOOKUP(AM$1,városok!$A$2:$C$346,3,0))^2)/1000,0)</f>
        <v>40</v>
      </c>
      <c r="AN171">
        <f ca="1">ROUND(SQRT((VLOOKUP($A171,városok!$A$2:$C$346,2,0)-VLOOKUP(AN$1,városok!$A$2:$C$346,2,0))^2+(VLOOKUP($A171,városok!$A$2:$C$346,3,0)-VLOOKUP(AN$1,városok!$A$2:$C$346,3,0))^2)/1000,0)</f>
        <v>149</v>
      </c>
      <c r="AO171">
        <f ca="1">ROUND(SQRT((VLOOKUP($A171,városok!$A$2:$C$346,2,0)-VLOOKUP(AO$1,városok!$A$2:$C$346,2,0))^2+(VLOOKUP($A171,városok!$A$2:$C$346,3,0)-VLOOKUP(AO$1,városok!$A$2:$C$346,3,0))^2)/1000,0)</f>
        <v>193</v>
      </c>
      <c r="AP171">
        <f ca="1">ROUND(SQRT((VLOOKUP($A171,városok!$A$2:$C$346,2,0)-VLOOKUP(AP$1,városok!$A$2:$C$346,2,0))^2+(VLOOKUP($A171,városok!$A$2:$C$346,3,0)-VLOOKUP(AP$1,városok!$A$2:$C$346,3,0))^2)/1000,0)</f>
        <v>176</v>
      </c>
      <c r="AQ171">
        <f ca="1">ROUND(SQRT((VLOOKUP($A171,városok!$A$2:$C$346,2,0)-VLOOKUP(AQ$1,városok!$A$2:$C$346,2,0))^2+(VLOOKUP($A171,városok!$A$2:$C$346,3,0)-VLOOKUP(AQ$1,városok!$A$2:$C$346,3,0))^2)/1000,0)</f>
        <v>169</v>
      </c>
      <c r="AR171">
        <f ca="1">ROUND(SQRT((VLOOKUP($A171,városok!$A$2:$C$346,2,0)-VLOOKUP(AR$1,városok!$A$2:$C$346,2,0))^2+(VLOOKUP($A171,városok!$A$2:$C$346,3,0)-VLOOKUP(AR$1,városok!$A$2:$C$346,3,0))^2)/1000,0)</f>
        <v>93</v>
      </c>
      <c r="AS171">
        <f ca="1">ROUND(SQRT((VLOOKUP($A171,városok!$A$2:$C$346,2,0)-VLOOKUP(AS$1,városok!$A$2:$C$346,2,0))^2+(VLOOKUP($A171,városok!$A$2:$C$346,3,0)-VLOOKUP(AS$1,városok!$A$2:$C$346,3,0))^2)/1000,0)</f>
        <v>103</v>
      </c>
      <c r="AT171">
        <f ca="1">ROUND(SQRT((VLOOKUP($A171,városok!$A$2:$C$346,2,0)-VLOOKUP(AT$1,városok!$A$2:$C$346,2,0))^2+(VLOOKUP($A171,városok!$A$2:$C$346,3,0)-VLOOKUP(AT$1,városok!$A$2:$C$346,3,0))^2)/1000,0)</f>
        <v>137</v>
      </c>
      <c r="AU171">
        <f ca="1">ROUND(SQRT((VLOOKUP($A171,városok!$A$2:$C$346,2,0)-VLOOKUP(AU$1,városok!$A$2:$C$346,2,0))^2+(VLOOKUP($A171,városok!$A$2:$C$346,3,0)-VLOOKUP(AU$1,városok!$A$2:$C$346,3,0))^2)/1000,0)</f>
        <v>126</v>
      </c>
      <c r="AV171">
        <f ca="1">ROUND(SQRT((VLOOKUP($A171,városok!$A$2:$C$346,2,0)-VLOOKUP(AV$1,városok!$A$2:$C$346,2,0))^2+(VLOOKUP($A171,városok!$A$2:$C$346,3,0)-VLOOKUP(AV$1,városok!$A$2:$C$346,3,0))^2)/1000,0)</f>
        <v>127</v>
      </c>
      <c r="AW171">
        <f ca="1">ROUND(SQRT((VLOOKUP($A171,városok!$A$2:$C$346,2,0)-VLOOKUP(AW$1,városok!$A$2:$C$346,2,0))^2+(VLOOKUP($A171,városok!$A$2:$C$346,3,0)-VLOOKUP(AW$1,városok!$A$2:$C$346,3,0))^2)/1000,0)</f>
        <v>130</v>
      </c>
      <c r="AX171">
        <f ca="1">ROUND(SQRT((VLOOKUP($A171,városok!$A$2:$C$346,2,0)-VLOOKUP(AX$1,városok!$A$2:$C$346,2,0))^2+(VLOOKUP($A171,városok!$A$2:$C$346,3,0)-VLOOKUP(AX$1,városok!$A$2:$C$346,3,0))^2)/1000,0)</f>
        <v>74</v>
      </c>
      <c r="AY171">
        <f ca="1">ROUND(SQRT((VLOOKUP($A171,városok!$A$2:$C$346,2,0)-VLOOKUP(AY$1,városok!$A$2:$C$346,2,0))^2+(VLOOKUP($A171,városok!$A$2:$C$346,3,0)-VLOOKUP(AY$1,városok!$A$2:$C$346,3,0))^2)/1000,0)</f>
        <v>123</v>
      </c>
      <c r="AZ171">
        <f ca="1">ROUND(SQRT((VLOOKUP($A171,városok!$A$2:$C$346,2,0)-VLOOKUP(AZ$1,városok!$A$2:$C$346,2,0))^2+(VLOOKUP($A171,városok!$A$2:$C$346,3,0)-VLOOKUP(AZ$1,városok!$A$2:$C$346,3,0))^2)/1000,0)</f>
        <v>133</v>
      </c>
      <c r="BA171">
        <f ca="1">ROUND(SQRT((VLOOKUP($A171,városok!$A$2:$C$346,2,0)-VLOOKUP(BA$1,városok!$A$2:$C$346,2,0))^2+(VLOOKUP($A171,városok!$A$2:$C$346,3,0)-VLOOKUP(BA$1,városok!$A$2:$C$346,3,0))^2)/1000,0)</f>
        <v>232</v>
      </c>
      <c r="BB171">
        <f ca="1">ROUND(SQRT((VLOOKUP($A171,városok!$A$2:$C$346,2,0)-VLOOKUP(BB$1,városok!$A$2:$C$346,2,0))^2+(VLOOKUP($A171,városok!$A$2:$C$346,3,0)-VLOOKUP(BB$1,városok!$A$2:$C$346,3,0))^2)/1000,0)</f>
        <v>224</v>
      </c>
      <c r="BC171">
        <f ca="1">ROUND(SQRT((VLOOKUP($A171,városok!$A$2:$C$346,2,0)-VLOOKUP(BC$1,városok!$A$2:$C$346,2,0))^2+(VLOOKUP($A171,városok!$A$2:$C$346,3,0)-VLOOKUP(BC$1,városok!$A$2:$C$346,3,0))^2)/1000,0)</f>
        <v>243</v>
      </c>
      <c r="BD171">
        <f ca="1">ROUND(SQRT((VLOOKUP($A171,városok!$A$2:$C$346,2,0)-VLOOKUP(BD$1,városok!$A$2:$C$346,2,0))^2+(VLOOKUP($A171,városok!$A$2:$C$346,3,0)-VLOOKUP(BD$1,városok!$A$2:$C$346,3,0))^2)/1000,0)</f>
        <v>201</v>
      </c>
      <c r="BE171">
        <f ca="1">ROUND(SQRT((VLOOKUP($A171,városok!$A$2:$C$346,2,0)-VLOOKUP(BE$1,városok!$A$2:$C$346,2,0))^2+(VLOOKUP($A171,városok!$A$2:$C$346,3,0)-VLOOKUP(BE$1,városok!$A$2:$C$346,3,0))^2)/1000,0)</f>
        <v>162</v>
      </c>
      <c r="BF171">
        <f ca="1">ROUND(SQRT((VLOOKUP($A171,városok!$A$2:$C$346,2,0)-VLOOKUP(BF$1,városok!$A$2:$C$346,2,0))^2+(VLOOKUP($A171,városok!$A$2:$C$346,3,0)-VLOOKUP(BF$1,városok!$A$2:$C$346,3,0))^2)/1000,0)</f>
        <v>144</v>
      </c>
      <c r="BG171">
        <f ca="1">ROUND(SQRT((VLOOKUP($A171,városok!$A$2:$C$346,2,0)-VLOOKUP(BG$1,városok!$A$2:$C$346,2,0))^2+(VLOOKUP($A171,városok!$A$2:$C$346,3,0)-VLOOKUP(BG$1,városok!$A$2:$C$346,3,0))^2)/1000,0)</f>
        <v>105</v>
      </c>
      <c r="BH171">
        <f ca="1">ROUND(SQRT((VLOOKUP($A171,városok!$A$2:$C$346,2,0)-VLOOKUP(BH$1,városok!$A$2:$C$346,2,0))^2+(VLOOKUP($A171,városok!$A$2:$C$346,3,0)-VLOOKUP(BH$1,városok!$A$2:$C$346,3,0))^2)/1000,0)</f>
        <v>105</v>
      </c>
      <c r="BI171">
        <f ca="1">ROUND(SQRT((VLOOKUP($A171,városok!$A$2:$C$346,2,0)-VLOOKUP(BI$1,városok!$A$2:$C$346,2,0))^2+(VLOOKUP($A171,városok!$A$2:$C$346,3,0)-VLOOKUP(BI$1,városok!$A$2:$C$346,3,0))^2)/1000,0)</f>
        <v>187</v>
      </c>
      <c r="BJ171">
        <f ca="1">ROUND(SQRT((VLOOKUP($A171,városok!$A$2:$C$346,2,0)-VLOOKUP(BJ$1,városok!$A$2:$C$346,2,0))^2+(VLOOKUP($A171,városok!$A$2:$C$346,3,0)-VLOOKUP(BJ$1,városok!$A$2:$C$346,3,0))^2)/1000,0)</f>
        <v>205</v>
      </c>
      <c r="BK171">
        <f ca="1">ROUND(SQRT((VLOOKUP($A171,városok!$A$2:$C$346,2,0)-VLOOKUP(BK$1,városok!$A$2:$C$346,2,0))^2+(VLOOKUP($A171,városok!$A$2:$C$346,3,0)-VLOOKUP(BK$1,városok!$A$2:$C$346,3,0))^2)/1000,0)</f>
        <v>185</v>
      </c>
      <c r="BL171">
        <f ca="1">ROUND(SQRT((VLOOKUP($A171,városok!$A$2:$C$346,2,0)-VLOOKUP(BL$1,városok!$A$2:$C$346,2,0))^2+(VLOOKUP($A171,városok!$A$2:$C$346,3,0)-VLOOKUP(BL$1,városok!$A$2:$C$346,3,0))^2)/1000,0)</f>
        <v>307</v>
      </c>
      <c r="BM171">
        <f ca="1">ROUND(SQRT((VLOOKUP($A171,városok!$A$2:$C$346,2,0)-VLOOKUP(BM$1,városok!$A$2:$C$346,2,0))^2+(VLOOKUP($A171,városok!$A$2:$C$346,3,0)-VLOOKUP(BM$1,városok!$A$2:$C$346,3,0))^2)/1000,0)</f>
        <v>280</v>
      </c>
      <c r="BN171">
        <f ca="1">ROUND(SQRT((VLOOKUP($A171,városok!$A$2:$C$346,2,0)-VLOOKUP(BN$1,városok!$A$2:$C$346,2,0))^2+(VLOOKUP($A171,városok!$A$2:$C$346,3,0)-VLOOKUP(BN$1,városok!$A$2:$C$346,3,0))^2)/1000,0)</f>
        <v>303</v>
      </c>
      <c r="BO171">
        <f ca="1">ROUND(SQRT((VLOOKUP($A171,városok!$A$2:$C$346,2,0)-VLOOKUP(BO$1,városok!$A$2:$C$346,2,0))^2+(VLOOKUP($A171,városok!$A$2:$C$346,3,0)-VLOOKUP(BO$1,városok!$A$2:$C$346,3,0))^2)/1000,0)</f>
        <v>202</v>
      </c>
      <c r="BP171">
        <f ca="1">ROUND(SQRT((VLOOKUP($A171,városok!$A$2:$C$346,2,0)-VLOOKUP(BP$1,városok!$A$2:$C$346,2,0))^2+(VLOOKUP($A171,városok!$A$2:$C$346,3,0)-VLOOKUP(BP$1,városok!$A$2:$C$346,3,0))^2)/1000,0)</f>
        <v>194</v>
      </c>
      <c r="BQ171">
        <f ca="1">ROUND(SQRT((VLOOKUP($A171,városok!$A$2:$C$346,2,0)-VLOOKUP(BQ$1,városok!$A$2:$C$346,2,0))^2+(VLOOKUP($A171,városok!$A$2:$C$346,3,0)-VLOOKUP(BQ$1,városok!$A$2:$C$346,3,0))^2)/1000,0)</f>
        <v>208</v>
      </c>
      <c r="BR171">
        <f ca="1">ROUND(SQRT((VLOOKUP($A171,városok!$A$2:$C$346,2,0)-VLOOKUP(BR$1,városok!$A$2:$C$346,2,0))^2+(VLOOKUP($A171,városok!$A$2:$C$346,3,0)-VLOOKUP(BR$1,városok!$A$2:$C$346,3,0))^2)/1000,0)</f>
        <v>265</v>
      </c>
      <c r="BS171">
        <f ca="1">ROUND(SQRT((VLOOKUP($A171,városok!$A$2:$C$346,2,0)-VLOOKUP(BS$1,városok!$A$2:$C$346,2,0))^2+(VLOOKUP($A171,városok!$A$2:$C$346,3,0)-VLOOKUP(BS$1,városok!$A$2:$C$346,3,0))^2)/1000,0)</f>
        <v>295</v>
      </c>
      <c r="BT171">
        <f ca="1">ROUND(SQRT((VLOOKUP($A171,városok!$A$2:$C$346,2,0)-VLOOKUP(BT$1,városok!$A$2:$C$346,2,0))^2+(VLOOKUP($A171,városok!$A$2:$C$346,3,0)-VLOOKUP(BT$1,városok!$A$2:$C$346,3,0))^2)/1000,0)</f>
        <v>293</v>
      </c>
    </row>
    <row r="172" spans="1:72" x14ac:dyDescent="0.2">
      <c r="A172" t="str">
        <f>városok!A172</f>
        <v>Kunszentmárton</v>
      </c>
      <c r="B172">
        <f ca="1">ROUND(SQRT((VLOOKUP($A172,városok!$A$2:$C$346,2,0)-VLOOKUP(B$1,városok!$A$2:$C$346,2,0))^2+(VLOOKUP($A172,városok!$A$2:$C$346,3,0)-VLOOKUP(B$1,városok!$A$2:$C$346,3,0))^2)/1000,0)</f>
        <v>125</v>
      </c>
      <c r="C172">
        <f ca="1">ROUND(SQRT((VLOOKUP($A172,városok!$A$2:$C$346,2,0)-VLOOKUP(C$1,városok!$A$2:$C$346,2,0))^2+(VLOOKUP($A172,városok!$A$2:$C$346,3,0)-VLOOKUP(C$1,városok!$A$2:$C$346,3,0))^2)/1000,0)</f>
        <v>106</v>
      </c>
      <c r="D172">
        <f ca="1">ROUND(SQRT((VLOOKUP($A172,városok!$A$2:$C$346,2,0)-VLOOKUP(D$1,városok!$A$2:$C$346,2,0))^2+(VLOOKUP($A172,városok!$A$2:$C$346,3,0)-VLOOKUP(D$1,városok!$A$2:$C$346,3,0))^2)/1000,0)</f>
        <v>46</v>
      </c>
      <c r="E172">
        <f ca="1">ROUND(SQRT((VLOOKUP($A172,városok!$A$2:$C$346,2,0)-VLOOKUP(E$1,városok!$A$2:$C$346,2,0))^2+(VLOOKUP($A172,városok!$A$2:$C$346,3,0)-VLOOKUP(E$1,városok!$A$2:$C$346,3,0))^2)/1000,0)</f>
        <v>171</v>
      </c>
      <c r="F172">
        <f ca="1">ROUND(SQRT((VLOOKUP($A172,városok!$A$2:$C$346,2,0)-VLOOKUP(F$1,városok!$A$2:$C$346,2,0))^2+(VLOOKUP($A172,városok!$A$2:$C$346,3,0)-VLOOKUP(F$1,városok!$A$2:$C$346,3,0))^2)/1000,0)</f>
        <v>155</v>
      </c>
      <c r="G172">
        <f ca="1">ROUND(SQRT((VLOOKUP($A172,városok!$A$2:$C$346,2,0)-VLOOKUP(G$1,városok!$A$2:$C$346,2,0))^2+(VLOOKUP($A172,városok!$A$2:$C$346,3,0)-VLOOKUP(G$1,városok!$A$2:$C$346,3,0))^2)/1000,0)</f>
        <v>178</v>
      </c>
      <c r="H172">
        <f ca="1">ROUND(SQRT((VLOOKUP($A172,városok!$A$2:$C$346,2,0)-VLOOKUP(H$1,városok!$A$2:$C$346,2,0))^2+(VLOOKUP($A172,városok!$A$2:$C$346,3,0)-VLOOKUP(H$1,városok!$A$2:$C$346,3,0))^2)/1000,0)</f>
        <v>210</v>
      </c>
      <c r="I172">
        <f ca="1">ROUND(SQRT((VLOOKUP($A172,városok!$A$2:$C$346,2,0)-VLOOKUP(I$1,városok!$A$2:$C$346,2,0))^2+(VLOOKUP($A172,városok!$A$2:$C$346,3,0)-VLOOKUP(I$1,városok!$A$2:$C$346,3,0))^2)/1000,0)</f>
        <v>63</v>
      </c>
      <c r="J172">
        <f ca="1">ROUND(SQRT((VLOOKUP($A172,városok!$A$2:$C$346,2,0)-VLOOKUP(J$1,városok!$A$2:$C$346,2,0))^2+(VLOOKUP($A172,városok!$A$2:$C$346,3,0)-VLOOKUP(J$1,városok!$A$2:$C$346,3,0))^2)/1000,0)</f>
        <v>79</v>
      </c>
      <c r="K172">
        <f ca="1">ROUND(SQRT((VLOOKUP($A172,városok!$A$2:$C$346,2,0)-VLOOKUP(K$1,városok!$A$2:$C$346,2,0))^2+(VLOOKUP($A172,városok!$A$2:$C$346,3,0)-VLOOKUP(K$1,városok!$A$2:$C$346,3,0))^2)/1000,0)</f>
        <v>42</v>
      </c>
      <c r="L172">
        <f ca="1">ROUND(SQRT((VLOOKUP($A172,városok!$A$2:$C$346,2,0)-VLOOKUP(L$1,városok!$A$2:$C$346,2,0))^2+(VLOOKUP($A172,városok!$A$2:$C$346,3,0)-VLOOKUP(L$1,városok!$A$2:$C$346,3,0))^2)/1000,0)</f>
        <v>160</v>
      </c>
      <c r="M172">
        <f ca="1">ROUND(SQRT((VLOOKUP($A172,városok!$A$2:$C$346,2,0)-VLOOKUP(M$1,városok!$A$2:$C$346,2,0))^2+(VLOOKUP($A172,városok!$A$2:$C$346,3,0)-VLOOKUP(M$1,városok!$A$2:$C$346,3,0))^2)/1000,0)</f>
        <v>146</v>
      </c>
      <c r="N172">
        <f ca="1">ROUND(SQRT((VLOOKUP($A172,városok!$A$2:$C$346,2,0)-VLOOKUP(N$1,városok!$A$2:$C$346,2,0))^2+(VLOOKUP($A172,városok!$A$2:$C$346,3,0)-VLOOKUP(N$1,városok!$A$2:$C$346,3,0))^2)/1000,0)</f>
        <v>154</v>
      </c>
      <c r="O172">
        <f ca="1">ROUND(SQRT((VLOOKUP($A172,városok!$A$2:$C$346,2,0)-VLOOKUP(O$1,városok!$A$2:$C$346,2,0))^2+(VLOOKUP($A172,városok!$A$2:$C$346,3,0)-VLOOKUP(O$1,városok!$A$2:$C$346,3,0))^2)/1000,0)</f>
        <v>202</v>
      </c>
      <c r="P172">
        <f ca="1">ROUND(SQRT((VLOOKUP($A172,városok!$A$2:$C$346,2,0)-VLOOKUP(P$1,városok!$A$2:$C$346,2,0))^2+(VLOOKUP($A172,városok!$A$2:$C$346,3,0)-VLOOKUP(P$1,városok!$A$2:$C$346,3,0))^2)/1000,0)</f>
        <v>202</v>
      </c>
      <c r="Q172">
        <f ca="1">ROUND(SQRT((VLOOKUP($A172,városok!$A$2:$C$346,2,0)-VLOOKUP(Q$1,városok!$A$2:$C$346,2,0))^2+(VLOOKUP($A172,városok!$A$2:$C$346,3,0)-VLOOKUP(Q$1,városok!$A$2:$C$346,3,0))^2)/1000,0)</f>
        <v>46</v>
      </c>
      <c r="R172">
        <f ca="1">ROUND(SQRT((VLOOKUP($A172,városok!$A$2:$C$346,2,0)-VLOOKUP(R$1,városok!$A$2:$C$346,2,0))^2+(VLOOKUP($A172,városok!$A$2:$C$346,3,0)-VLOOKUP(R$1,városok!$A$2:$C$346,3,0))^2)/1000,0)</f>
        <v>70</v>
      </c>
      <c r="S172">
        <f ca="1">ROUND(SQRT((VLOOKUP($A172,városok!$A$2:$C$346,2,0)-VLOOKUP(S$1,városok!$A$2:$C$346,2,0))^2+(VLOOKUP($A172,városok!$A$2:$C$346,3,0)-VLOOKUP(S$1,városok!$A$2:$C$346,3,0))^2)/1000,0)</f>
        <v>66</v>
      </c>
      <c r="T172">
        <f ca="1">ROUND(SQRT((VLOOKUP($A172,városok!$A$2:$C$346,2,0)-VLOOKUP(T$1,városok!$A$2:$C$346,2,0))^2+(VLOOKUP($A172,városok!$A$2:$C$346,3,0)-VLOOKUP(T$1,városok!$A$2:$C$346,3,0))^2)/1000,0)</f>
        <v>145</v>
      </c>
      <c r="U172">
        <f ca="1">ROUND(SQRT((VLOOKUP($A172,városok!$A$2:$C$346,2,0)-VLOOKUP(U$1,városok!$A$2:$C$346,2,0))^2+(VLOOKUP($A172,városok!$A$2:$C$346,3,0)-VLOOKUP(U$1,városok!$A$2:$C$346,3,0))^2)/1000,0)</f>
        <v>104</v>
      </c>
      <c r="V172">
        <f ca="1">ROUND(SQRT((VLOOKUP($A172,városok!$A$2:$C$346,2,0)-VLOOKUP(V$1,városok!$A$2:$C$346,2,0))^2+(VLOOKUP($A172,városok!$A$2:$C$346,3,0)-VLOOKUP(V$1,városok!$A$2:$C$346,3,0))^2)/1000,0)</f>
        <v>153</v>
      </c>
      <c r="W172">
        <f ca="1">ROUND(SQRT((VLOOKUP($A172,városok!$A$2:$C$346,2,0)-VLOOKUP(W$1,városok!$A$2:$C$346,2,0))^2+(VLOOKUP($A172,városok!$A$2:$C$346,3,0)-VLOOKUP(W$1,városok!$A$2:$C$346,3,0))^2)/1000,0)</f>
        <v>127</v>
      </c>
      <c r="X172">
        <f ca="1">ROUND(SQRT((VLOOKUP($A172,városok!$A$2:$C$346,2,0)-VLOOKUP(X$1,városok!$A$2:$C$346,2,0))^2+(VLOOKUP($A172,városok!$A$2:$C$346,3,0)-VLOOKUP(X$1,városok!$A$2:$C$346,3,0))^2)/1000,0)</f>
        <v>157</v>
      </c>
      <c r="Y172">
        <f ca="1">ROUND(SQRT((VLOOKUP($A172,városok!$A$2:$C$346,2,0)-VLOOKUP(Y$1,városok!$A$2:$C$346,2,0))^2+(VLOOKUP($A172,városok!$A$2:$C$346,3,0)-VLOOKUP(Y$1,városok!$A$2:$C$346,3,0))^2)/1000,0)</f>
        <v>222</v>
      </c>
      <c r="Z172">
        <f ca="1">ROUND(SQRT((VLOOKUP($A172,városok!$A$2:$C$346,2,0)-VLOOKUP(Z$1,városok!$A$2:$C$346,2,0))^2+(VLOOKUP($A172,városok!$A$2:$C$346,3,0)-VLOOKUP(Z$1,városok!$A$2:$C$346,3,0))^2)/1000,0)</f>
        <v>241</v>
      </c>
      <c r="AA172">
        <f ca="1">ROUND(SQRT((VLOOKUP($A172,városok!$A$2:$C$346,2,0)-VLOOKUP(AA$1,városok!$A$2:$C$346,2,0))^2+(VLOOKUP($A172,városok!$A$2:$C$346,3,0)-VLOOKUP(AA$1,városok!$A$2:$C$346,3,0))^2)/1000,0)</f>
        <v>295</v>
      </c>
      <c r="AB172">
        <f ca="1">ROUND(SQRT((VLOOKUP($A172,városok!$A$2:$C$346,2,0)-VLOOKUP(AB$1,városok!$A$2:$C$346,2,0))^2+(VLOOKUP($A172,városok!$A$2:$C$346,3,0)-VLOOKUP(AB$1,városok!$A$2:$C$346,3,0))^2)/1000,0)</f>
        <v>128</v>
      </c>
      <c r="AC172">
        <f ca="1">ROUND(SQRT((VLOOKUP($A172,városok!$A$2:$C$346,2,0)-VLOOKUP(AC$1,városok!$A$2:$C$346,2,0))^2+(VLOOKUP($A172,városok!$A$2:$C$346,3,0)-VLOOKUP(AC$1,városok!$A$2:$C$346,3,0))^2)/1000,0)</f>
        <v>108</v>
      </c>
      <c r="AD172">
        <f ca="1">ROUND(SQRT((VLOOKUP($A172,városok!$A$2:$C$346,2,0)-VLOOKUP(AD$1,városok!$A$2:$C$346,2,0))^2+(VLOOKUP($A172,városok!$A$2:$C$346,3,0)-VLOOKUP(AD$1,városok!$A$2:$C$346,3,0))^2)/1000,0)</f>
        <v>93</v>
      </c>
      <c r="AE172">
        <f ca="1">ROUND(SQRT((VLOOKUP($A172,városok!$A$2:$C$346,2,0)-VLOOKUP(AE$1,városok!$A$2:$C$346,2,0))^2+(VLOOKUP($A172,városok!$A$2:$C$346,3,0)-VLOOKUP(AE$1,városok!$A$2:$C$346,3,0))^2)/1000,0)</f>
        <v>84</v>
      </c>
      <c r="AF172">
        <f ca="1">ROUND(SQRT((VLOOKUP($A172,városok!$A$2:$C$346,2,0)-VLOOKUP(AF$1,városok!$A$2:$C$346,2,0))^2+(VLOOKUP($A172,városok!$A$2:$C$346,3,0)-VLOOKUP(AF$1,városok!$A$2:$C$346,3,0))^2)/1000,0)</f>
        <v>119</v>
      </c>
      <c r="AG172">
        <f ca="1">ROUND(SQRT((VLOOKUP($A172,városok!$A$2:$C$346,2,0)-VLOOKUP(AG$1,városok!$A$2:$C$346,2,0))^2+(VLOOKUP($A172,városok!$A$2:$C$346,3,0)-VLOOKUP(AG$1,városok!$A$2:$C$346,3,0))^2)/1000,0)</f>
        <v>109</v>
      </c>
      <c r="AH172">
        <f ca="1">ROUND(SQRT((VLOOKUP($A172,városok!$A$2:$C$346,2,0)-VLOOKUP(AH$1,városok!$A$2:$C$346,2,0))^2+(VLOOKUP($A172,városok!$A$2:$C$346,3,0)-VLOOKUP(AH$1,városok!$A$2:$C$346,3,0))^2)/1000,0)</f>
        <v>103</v>
      </c>
      <c r="AI172">
        <f ca="1">ROUND(SQRT((VLOOKUP($A172,városok!$A$2:$C$346,2,0)-VLOOKUP(AI$1,városok!$A$2:$C$346,2,0))^2+(VLOOKUP($A172,városok!$A$2:$C$346,3,0)-VLOOKUP(AI$1,városok!$A$2:$C$346,3,0))^2)/1000,0)</f>
        <v>132</v>
      </c>
      <c r="AJ172">
        <f ca="1">ROUND(SQRT((VLOOKUP($A172,városok!$A$2:$C$346,2,0)-VLOOKUP(AJ$1,városok!$A$2:$C$346,2,0))^2+(VLOOKUP($A172,városok!$A$2:$C$346,3,0)-VLOOKUP(AJ$1,városok!$A$2:$C$346,3,0))^2)/1000,0)</f>
        <v>93</v>
      </c>
      <c r="AK172">
        <f ca="1">ROUND(SQRT((VLOOKUP($A172,városok!$A$2:$C$346,2,0)-VLOOKUP(AK$1,városok!$A$2:$C$346,2,0))^2+(VLOOKUP($A172,városok!$A$2:$C$346,3,0)-VLOOKUP(AK$1,városok!$A$2:$C$346,3,0))^2)/1000,0)</f>
        <v>72</v>
      </c>
      <c r="AL172">
        <f ca="1">ROUND(SQRT((VLOOKUP($A172,városok!$A$2:$C$346,2,0)-VLOOKUP(AL$1,városok!$A$2:$C$346,2,0))^2+(VLOOKUP($A172,városok!$A$2:$C$346,3,0)-VLOOKUP(AL$1,városok!$A$2:$C$346,3,0))^2)/1000,0)</f>
        <v>65</v>
      </c>
      <c r="AM172">
        <f ca="1">ROUND(SQRT((VLOOKUP($A172,városok!$A$2:$C$346,2,0)-VLOOKUP(AM$1,városok!$A$2:$C$346,2,0))^2+(VLOOKUP($A172,városok!$A$2:$C$346,3,0)-VLOOKUP(AM$1,városok!$A$2:$C$346,3,0))^2)/1000,0)</f>
        <v>39</v>
      </c>
      <c r="AN172">
        <f ca="1">ROUND(SQRT((VLOOKUP($A172,városok!$A$2:$C$346,2,0)-VLOOKUP(AN$1,városok!$A$2:$C$346,2,0))^2+(VLOOKUP($A172,városok!$A$2:$C$346,3,0)-VLOOKUP(AN$1,városok!$A$2:$C$346,3,0))^2)/1000,0)</f>
        <v>157</v>
      </c>
      <c r="AO172">
        <f ca="1">ROUND(SQRT((VLOOKUP($A172,városok!$A$2:$C$346,2,0)-VLOOKUP(AO$1,városok!$A$2:$C$346,2,0))^2+(VLOOKUP($A172,városok!$A$2:$C$346,3,0)-VLOOKUP(AO$1,városok!$A$2:$C$346,3,0))^2)/1000,0)</f>
        <v>192</v>
      </c>
      <c r="AP172">
        <f ca="1">ROUND(SQRT((VLOOKUP($A172,városok!$A$2:$C$346,2,0)-VLOOKUP(AP$1,városok!$A$2:$C$346,2,0))^2+(VLOOKUP($A172,városok!$A$2:$C$346,3,0)-VLOOKUP(AP$1,városok!$A$2:$C$346,3,0))^2)/1000,0)</f>
        <v>173</v>
      </c>
      <c r="AQ172">
        <f ca="1">ROUND(SQRT((VLOOKUP($A172,városok!$A$2:$C$346,2,0)-VLOOKUP(AQ$1,városok!$A$2:$C$346,2,0))^2+(VLOOKUP($A172,városok!$A$2:$C$346,3,0)-VLOOKUP(AQ$1,városok!$A$2:$C$346,3,0))^2)/1000,0)</f>
        <v>164</v>
      </c>
      <c r="AR172">
        <f ca="1">ROUND(SQRT((VLOOKUP($A172,városok!$A$2:$C$346,2,0)-VLOOKUP(AR$1,városok!$A$2:$C$346,2,0))^2+(VLOOKUP($A172,városok!$A$2:$C$346,3,0)-VLOOKUP(AR$1,városok!$A$2:$C$346,3,0))^2)/1000,0)</f>
        <v>128</v>
      </c>
      <c r="AS172">
        <f ca="1">ROUND(SQRT((VLOOKUP($A172,városok!$A$2:$C$346,2,0)-VLOOKUP(AS$1,városok!$A$2:$C$346,2,0))^2+(VLOOKUP($A172,városok!$A$2:$C$346,3,0)-VLOOKUP(AS$1,városok!$A$2:$C$346,3,0))^2)/1000,0)</f>
        <v>146</v>
      </c>
      <c r="AT172">
        <f ca="1">ROUND(SQRT((VLOOKUP($A172,városok!$A$2:$C$346,2,0)-VLOOKUP(AT$1,városok!$A$2:$C$346,2,0))^2+(VLOOKUP($A172,városok!$A$2:$C$346,3,0)-VLOOKUP(AT$1,városok!$A$2:$C$346,3,0))^2)/1000,0)</f>
        <v>132</v>
      </c>
      <c r="AU172">
        <f ca="1">ROUND(SQRT((VLOOKUP($A172,városok!$A$2:$C$346,2,0)-VLOOKUP(AU$1,városok!$A$2:$C$346,2,0))^2+(VLOOKUP($A172,városok!$A$2:$C$346,3,0)-VLOOKUP(AU$1,városok!$A$2:$C$346,3,0))^2)/1000,0)</f>
        <v>122</v>
      </c>
      <c r="AV172">
        <f ca="1">ROUND(SQRT((VLOOKUP($A172,városok!$A$2:$C$346,2,0)-VLOOKUP(AV$1,városok!$A$2:$C$346,2,0))^2+(VLOOKUP($A172,városok!$A$2:$C$346,3,0)-VLOOKUP(AV$1,városok!$A$2:$C$346,3,0))^2)/1000,0)</f>
        <v>120</v>
      </c>
      <c r="AW172">
        <f ca="1">ROUND(SQRT((VLOOKUP($A172,városok!$A$2:$C$346,2,0)-VLOOKUP(AW$1,városok!$A$2:$C$346,2,0))^2+(VLOOKUP($A172,városok!$A$2:$C$346,3,0)-VLOOKUP(AW$1,városok!$A$2:$C$346,3,0))^2)/1000,0)</f>
        <v>121</v>
      </c>
      <c r="AX172">
        <f ca="1">ROUND(SQRT((VLOOKUP($A172,városok!$A$2:$C$346,2,0)-VLOOKUP(AX$1,városok!$A$2:$C$346,2,0))^2+(VLOOKUP($A172,városok!$A$2:$C$346,3,0)-VLOOKUP(AX$1,városok!$A$2:$C$346,3,0))^2)/1000,0)</f>
        <v>44</v>
      </c>
      <c r="AY172">
        <f ca="1">ROUND(SQRT((VLOOKUP($A172,városok!$A$2:$C$346,2,0)-VLOOKUP(AY$1,városok!$A$2:$C$346,2,0))^2+(VLOOKUP($A172,városok!$A$2:$C$346,3,0)-VLOOKUP(AY$1,városok!$A$2:$C$346,3,0))^2)/1000,0)</f>
        <v>132</v>
      </c>
      <c r="AZ172">
        <f ca="1">ROUND(SQRT((VLOOKUP($A172,városok!$A$2:$C$346,2,0)-VLOOKUP(AZ$1,városok!$A$2:$C$346,2,0))^2+(VLOOKUP($A172,városok!$A$2:$C$346,3,0)-VLOOKUP(AZ$1,városok!$A$2:$C$346,3,0))^2)/1000,0)</f>
        <v>145</v>
      </c>
      <c r="BA172">
        <f ca="1">ROUND(SQRT((VLOOKUP($A172,városok!$A$2:$C$346,2,0)-VLOOKUP(BA$1,városok!$A$2:$C$346,2,0))^2+(VLOOKUP($A172,városok!$A$2:$C$346,3,0)-VLOOKUP(BA$1,városok!$A$2:$C$346,3,0))^2)/1000,0)</f>
        <v>197</v>
      </c>
      <c r="BB172">
        <f ca="1">ROUND(SQRT((VLOOKUP($A172,városok!$A$2:$C$346,2,0)-VLOOKUP(BB$1,városok!$A$2:$C$346,2,0))^2+(VLOOKUP($A172,városok!$A$2:$C$346,3,0)-VLOOKUP(BB$1,városok!$A$2:$C$346,3,0))^2)/1000,0)</f>
        <v>182</v>
      </c>
      <c r="BC172">
        <f ca="1">ROUND(SQRT((VLOOKUP($A172,városok!$A$2:$C$346,2,0)-VLOOKUP(BC$1,városok!$A$2:$C$346,2,0))^2+(VLOOKUP($A172,városok!$A$2:$C$346,3,0)-VLOOKUP(BC$1,városok!$A$2:$C$346,3,0))^2)/1000,0)</f>
        <v>198</v>
      </c>
      <c r="BD172">
        <f ca="1">ROUND(SQRT((VLOOKUP($A172,városok!$A$2:$C$346,2,0)-VLOOKUP(BD$1,városok!$A$2:$C$346,2,0))^2+(VLOOKUP($A172,városok!$A$2:$C$346,3,0)-VLOOKUP(BD$1,városok!$A$2:$C$346,3,0))^2)/1000,0)</f>
        <v>169</v>
      </c>
      <c r="BE172">
        <f ca="1">ROUND(SQRT((VLOOKUP($A172,városok!$A$2:$C$346,2,0)-VLOOKUP(BE$1,városok!$A$2:$C$346,2,0))^2+(VLOOKUP($A172,városok!$A$2:$C$346,3,0)-VLOOKUP(BE$1,városok!$A$2:$C$346,3,0))^2)/1000,0)</f>
        <v>212</v>
      </c>
      <c r="BF172">
        <f ca="1">ROUND(SQRT((VLOOKUP($A172,városok!$A$2:$C$346,2,0)-VLOOKUP(BF$1,városok!$A$2:$C$346,2,0))^2+(VLOOKUP($A172,városok!$A$2:$C$346,3,0)-VLOOKUP(BF$1,városok!$A$2:$C$346,3,0))^2)/1000,0)</f>
        <v>205</v>
      </c>
      <c r="BG172">
        <f ca="1">ROUND(SQRT((VLOOKUP($A172,városok!$A$2:$C$346,2,0)-VLOOKUP(BG$1,városok!$A$2:$C$346,2,0))^2+(VLOOKUP($A172,városok!$A$2:$C$346,3,0)-VLOOKUP(BG$1,városok!$A$2:$C$346,3,0))^2)/1000,0)</f>
        <v>169</v>
      </c>
      <c r="BH172">
        <f ca="1">ROUND(SQRT((VLOOKUP($A172,városok!$A$2:$C$346,2,0)-VLOOKUP(BH$1,városok!$A$2:$C$346,2,0))^2+(VLOOKUP($A172,városok!$A$2:$C$346,3,0)-VLOOKUP(BH$1,városok!$A$2:$C$346,3,0))^2)/1000,0)</f>
        <v>169</v>
      </c>
      <c r="BI172">
        <f ca="1">ROUND(SQRT((VLOOKUP($A172,városok!$A$2:$C$346,2,0)-VLOOKUP(BI$1,városok!$A$2:$C$346,2,0))^2+(VLOOKUP($A172,városok!$A$2:$C$346,3,0)-VLOOKUP(BI$1,városok!$A$2:$C$346,3,0))^2)/1000,0)</f>
        <v>136</v>
      </c>
      <c r="BJ172">
        <f ca="1">ROUND(SQRT((VLOOKUP($A172,városok!$A$2:$C$346,2,0)-VLOOKUP(BJ$1,városok!$A$2:$C$346,2,0))^2+(VLOOKUP($A172,városok!$A$2:$C$346,3,0)-VLOOKUP(BJ$1,városok!$A$2:$C$346,3,0))^2)/1000,0)</f>
        <v>153</v>
      </c>
      <c r="BK172">
        <f ca="1">ROUND(SQRT((VLOOKUP($A172,városok!$A$2:$C$346,2,0)-VLOOKUP(BK$1,városok!$A$2:$C$346,2,0))^2+(VLOOKUP($A172,városok!$A$2:$C$346,3,0)-VLOOKUP(BK$1,városok!$A$2:$C$346,3,0))^2)/1000,0)</f>
        <v>133</v>
      </c>
      <c r="BL172">
        <f ca="1">ROUND(SQRT((VLOOKUP($A172,városok!$A$2:$C$346,2,0)-VLOOKUP(BL$1,városok!$A$2:$C$346,2,0))^2+(VLOOKUP($A172,városok!$A$2:$C$346,3,0)-VLOOKUP(BL$1,városok!$A$2:$C$346,3,0))^2)/1000,0)</f>
        <v>281</v>
      </c>
      <c r="BM172">
        <f ca="1">ROUND(SQRT((VLOOKUP($A172,városok!$A$2:$C$346,2,0)-VLOOKUP(BM$1,városok!$A$2:$C$346,2,0))^2+(VLOOKUP($A172,városok!$A$2:$C$346,3,0)-VLOOKUP(BM$1,városok!$A$2:$C$346,3,0))^2)/1000,0)</f>
        <v>259</v>
      </c>
      <c r="BN172">
        <f ca="1">ROUND(SQRT((VLOOKUP($A172,városok!$A$2:$C$346,2,0)-VLOOKUP(BN$1,városok!$A$2:$C$346,2,0))^2+(VLOOKUP($A172,városok!$A$2:$C$346,3,0)-VLOOKUP(BN$1,városok!$A$2:$C$346,3,0))^2)/1000,0)</f>
        <v>282</v>
      </c>
      <c r="BO172">
        <f ca="1">ROUND(SQRT((VLOOKUP($A172,városok!$A$2:$C$346,2,0)-VLOOKUP(BO$1,városok!$A$2:$C$346,2,0))^2+(VLOOKUP($A172,városok!$A$2:$C$346,3,0)-VLOOKUP(BO$1,városok!$A$2:$C$346,3,0))^2)/1000,0)</f>
        <v>174</v>
      </c>
      <c r="BP172">
        <f ca="1">ROUND(SQRT((VLOOKUP($A172,városok!$A$2:$C$346,2,0)-VLOOKUP(BP$1,városok!$A$2:$C$346,2,0))^2+(VLOOKUP($A172,városok!$A$2:$C$346,3,0)-VLOOKUP(BP$1,városok!$A$2:$C$346,3,0))^2)/1000,0)</f>
        <v>167</v>
      </c>
      <c r="BQ172">
        <f ca="1">ROUND(SQRT((VLOOKUP($A172,városok!$A$2:$C$346,2,0)-VLOOKUP(BQ$1,városok!$A$2:$C$346,2,0))^2+(VLOOKUP($A172,városok!$A$2:$C$346,3,0)-VLOOKUP(BQ$1,városok!$A$2:$C$346,3,0))^2)/1000,0)</f>
        <v>183</v>
      </c>
      <c r="BR172">
        <f ca="1">ROUND(SQRT((VLOOKUP($A172,városok!$A$2:$C$346,2,0)-VLOOKUP(BR$1,városok!$A$2:$C$346,2,0))^2+(VLOOKUP($A172,városok!$A$2:$C$346,3,0)-VLOOKUP(BR$1,városok!$A$2:$C$346,3,0))^2)/1000,0)</f>
        <v>231</v>
      </c>
      <c r="BS172">
        <f ca="1">ROUND(SQRT((VLOOKUP($A172,városok!$A$2:$C$346,2,0)-VLOOKUP(BS$1,városok!$A$2:$C$346,2,0))^2+(VLOOKUP($A172,városok!$A$2:$C$346,3,0)-VLOOKUP(BS$1,városok!$A$2:$C$346,3,0))^2)/1000,0)</f>
        <v>255</v>
      </c>
      <c r="BT172">
        <f ca="1">ROUND(SQRT((VLOOKUP($A172,városok!$A$2:$C$346,2,0)-VLOOKUP(BT$1,városok!$A$2:$C$346,2,0))^2+(VLOOKUP($A172,városok!$A$2:$C$346,3,0)-VLOOKUP(BT$1,városok!$A$2:$C$346,3,0))^2)/1000,0)</f>
        <v>263</v>
      </c>
    </row>
    <row r="173" spans="1:72" x14ac:dyDescent="0.2">
      <c r="A173" t="str">
        <f>városok!A173</f>
        <v>Martfű</v>
      </c>
      <c r="B173">
        <f ca="1">ROUND(SQRT((VLOOKUP($A173,városok!$A$2:$C$346,2,0)-VLOOKUP(B$1,városok!$A$2:$C$346,2,0))^2+(VLOOKUP($A173,városok!$A$2:$C$346,3,0)-VLOOKUP(B$1,városok!$A$2:$C$346,3,0))^2)/1000,0)</f>
        <v>137</v>
      </c>
      <c r="C173">
        <f ca="1">ROUND(SQRT((VLOOKUP($A173,városok!$A$2:$C$346,2,0)-VLOOKUP(C$1,városok!$A$2:$C$346,2,0))^2+(VLOOKUP($A173,városok!$A$2:$C$346,3,0)-VLOOKUP(C$1,városok!$A$2:$C$346,3,0))^2)/1000,0)</f>
        <v>114</v>
      </c>
      <c r="D173">
        <f ca="1">ROUND(SQRT((VLOOKUP($A173,városok!$A$2:$C$346,2,0)-VLOOKUP(D$1,városok!$A$2:$C$346,2,0))^2+(VLOOKUP($A173,városok!$A$2:$C$346,3,0)-VLOOKUP(D$1,városok!$A$2:$C$346,3,0))^2)/1000,0)</f>
        <v>47</v>
      </c>
      <c r="E173">
        <f ca="1">ROUND(SQRT((VLOOKUP($A173,városok!$A$2:$C$346,2,0)-VLOOKUP(E$1,városok!$A$2:$C$346,2,0))^2+(VLOOKUP($A173,városok!$A$2:$C$346,3,0)-VLOOKUP(E$1,városok!$A$2:$C$346,3,0))^2)/1000,0)</f>
        <v>180</v>
      </c>
      <c r="F173">
        <f ca="1">ROUND(SQRT((VLOOKUP($A173,városok!$A$2:$C$346,2,0)-VLOOKUP(F$1,városok!$A$2:$C$346,2,0))^2+(VLOOKUP($A173,városok!$A$2:$C$346,3,0)-VLOOKUP(F$1,városok!$A$2:$C$346,3,0))^2)/1000,0)</f>
        <v>168</v>
      </c>
      <c r="G173">
        <f ca="1">ROUND(SQRT((VLOOKUP($A173,városok!$A$2:$C$346,2,0)-VLOOKUP(G$1,városok!$A$2:$C$346,2,0))^2+(VLOOKUP($A173,városok!$A$2:$C$346,3,0)-VLOOKUP(G$1,városok!$A$2:$C$346,3,0))^2)/1000,0)</f>
        <v>188</v>
      </c>
      <c r="H173">
        <f ca="1">ROUND(SQRT((VLOOKUP($A173,városok!$A$2:$C$346,2,0)-VLOOKUP(H$1,városok!$A$2:$C$346,2,0))^2+(VLOOKUP($A173,városok!$A$2:$C$346,3,0)-VLOOKUP(H$1,városok!$A$2:$C$346,3,0))^2)/1000,0)</f>
        <v>219</v>
      </c>
      <c r="I173">
        <f ca="1">ROUND(SQRT((VLOOKUP($A173,városok!$A$2:$C$346,2,0)-VLOOKUP(I$1,városok!$A$2:$C$346,2,0))^2+(VLOOKUP($A173,városok!$A$2:$C$346,3,0)-VLOOKUP(I$1,városok!$A$2:$C$346,3,0))^2)/1000,0)</f>
        <v>72</v>
      </c>
      <c r="J173">
        <f ca="1">ROUND(SQRT((VLOOKUP($A173,városok!$A$2:$C$346,2,0)-VLOOKUP(J$1,városok!$A$2:$C$346,2,0))^2+(VLOOKUP($A173,városok!$A$2:$C$346,3,0)-VLOOKUP(J$1,városok!$A$2:$C$346,3,0))^2)/1000,0)</f>
        <v>86</v>
      </c>
      <c r="K173">
        <f ca="1">ROUND(SQRT((VLOOKUP($A173,városok!$A$2:$C$346,2,0)-VLOOKUP(K$1,városok!$A$2:$C$346,2,0))^2+(VLOOKUP($A173,városok!$A$2:$C$346,3,0)-VLOOKUP(K$1,városok!$A$2:$C$346,3,0))^2)/1000,0)</f>
        <v>59</v>
      </c>
      <c r="L173">
        <f ca="1">ROUND(SQRT((VLOOKUP($A173,városok!$A$2:$C$346,2,0)-VLOOKUP(L$1,városok!$A$2:$C$346,2,0))^2+(VLOOKUP($A173,városok!$A$2:$C$346,3,0)-VLOOKUP(L$1,városok!$A$2:$C$346,3,0))^2)/1000,0)</f>
        <v>140</v>
      </c>
      <c r="M173">
        <f ca="1">ROUND(SQRT((VLOOKUP($A173,városok!$A$2:$C$346,2,0)-VLOOKUP(M$1,városok!$A$2:$C$346,2,0))^2+(VLOOKUP($A173,városok!$A$2:$C$346,3,0)-VLOOKUP(M$1,városok!$A$2:$C$346,3,0))^2)/1000,0)</f>
        <v>127</v>
      </c>
      <c r="N173">
        <f ca="1">ROUND(SQRT((VLOOKUP($A173,városok!$A$2:$C$346,2,0)-VLOOKUP(N$1,városok!$A$2:$C$346,2,0))^2+(VLOOKUP($A173,városok!$A$2:$C$346,3,0)-VLOOKUP(N$1,városok!$A$2:$C$346,3,0))^2)/1000,0)</f>
        <v>134</v>
      </c>
      <c r="O173">
        <f ca="1">ROUND(SQRT((VLOOKUP($A173,városok!$A$2:$C$346,2,0)-VLOOKUP(O$1,városok!$A$2:$C$346,2,0))^2+(VLOOKUP($A173,városok!$A$2:$C$346,3,0)-VLOOKUP(O$1,városok!$A$2:$C$346,3,0))^2)/1000,0)</f>
        <v>184</v>
      </c>
      <c r="P173">
        <f ca="1">ROUND(SQRT((VLOOKUP($A173,városok!$A$2:$C$346,2,0)-VLOOKUP(P$1,városok!$A$2:$C$346,2,0))^2+(VLOOKUP($A173,városok!$A$2:$C$346,3,0)-VLOOKUP(P$1,városok!$A$2:$C$346,3,0))^2)/1000,0)</f>
        <v>184</v>
      </c>
      <c r="Q173">
        <f ca="1">ROUND(SQRT((VLOOKUP($A173,városok!$A$2:$C$346,2,0)-VLOOKUP(Q$1,városok!$A$2:$C$346,2,0))^2+(VLOOKUP($A173,városok!$A$2:$C$346,3,0)-VLOOKUP(Q$1,városok!$A$2:$C$346,3,0))^2)/1000,0)</f>
        <v>67</v>
      </c>
      <c r="R173">
        <f ca="1">ROUND(SQRT((VLOOKUP($A173,városok!$A$2:$C$346,2,0)-VLOOKUP(R$1,városok!$A$2:$C$346,2,0))^2+(VLOOKUP($A173,városok!$A$2:$C$346,3,0)-VLOOKUP(R$1,városok!$A$2:$C$346,3,0))^2)/1000,0)</f>
        <v>90</v>
      </c>
      <c r="S173">
        <f ca="1">ROUND(SQRT((VLOOKUP($A173,városok!$A$2:$C$346,2,0)-VLOOKUP(S$1,városok!$A$2:$C$346,2,0))^2+(VLOOKUP($A173,városok!$A$2:$C$346,3,0)-VLOOKUP(S$1,városok!$A$2:$C$346,3,0))^2)/1000,0)</f>
        <v>86</v>
      </c>
      <c r="T173">
        <f ca="1">ROUND(SQRT((VLOOKUP($A173,városok!$A$2:$C$346,2,0)-VLOOKUP(T$1,városok!$A$2:$C$346,2,0))^2+(VLOOKUP($A173,városok!$A$2:$C$346,3,0)-VLOOKUP(T$1,városok!$A$2:$C$346,3,0))^2)/1000,0)</f>
        <v>135</v>
      </c>
      <c r="U173">
        <f ca="1">ROUND(SQRT((VLOOKUP($A173,városok!$A$2:$C$346,2,0)-VLOOKUP(U$1,városok!$A$2:$C$346,2,0))^2+(VLOOKUP($A173,városok!$A$2:$C$346,3,0)-VLOOKUP(U$1,városok!$A$2:$C$346,3,0))^2)/1000,0)</f>
        <v>103</v>
      </c>
      <c r="V173">
        <f ca="1">ROUND(SQRT((VLOOKUP($A173,városok!$A$2:$C$346,2,0)-VLOOKUP(V$1,városok!$A$2:$C$346,2,0))^2+(VLOOKUP($A173,városok!$A$2:$C$346,3,0)-VLOOKUP(V$1,városok!$A$2:$C$346,3,0))^2)/1000,0)</f>
        <v>151</v>
      </c>
      <c r="W173">
        <f ca="1">ROUND(SQRT((VLOOKUP($A173,városok!$A$2:$C$346,2,0)-VLOOKUP(W$1,városok!$A$2:$C$346,2,0))^2+(VLOOKUP($A173,városok!$A$2:$C$346,3,0)-VLOOKUP(W$1,városok!$A$2:$C$346,3,0))^2)/1000,0)</f>
        <v>127</v>
      </c>
      <c r="X173">
        <f ca="1">ROUND(SQRT((VLOOKUP($A173,városok!$A$2:$C$346,2,0)-VLOOKUP(X$1,városok!$A$2:$C$346,2,0))^2+(VLOOKUP($A173,városok!$A$2:$C$346,3,0)-VLOOKUP(X$1,városok!$A$2:$C$346,3,0))^2)/1000,0)</f>
        <v>151</v>
      </c>
      <c r="Y173">
        <f ca="1">ROUND(SQRT((VLOOKUP($A173,városok!$A$2:$C$346,2,0)-VLOOKUP(Y$1,városok!$A$2:$C$346,2,0))^2+(VLOOKUP($A173,városok!$A$2:$C$346,3,0)-VLOOKUP(Y$1,városok!$A$2:$C$346,3,0))^2)/1000,0)</f>
        <v>214</v>
      </c>
      <c r="Z173">
        <f ca="1">ROUND(SQRT((VLOOKUP($A173,városok!$A$2:$C$346,2,0)-VLOOKUP(Z$1,városok!$A$2:$C$346,2,0))^2+(VLOOKUP($A173,városok!$A$2:$C$346,3,0)-VLOOKUP(Z$1,városok!$A$2:$C$346,3,0))^2)/1000,0)</f>
        <v>233</v>
      </c>
      <c r="AA173">
        <f ca="1">ROUND(SQRT((VLOOKUP($A173,városok!$A$2:$C$346,2,0)-VLOOKUP(AA$1,városok!$A$2:$C$346,2,0))^2+(VLOOKUP($A173,városok!$A$2:$C$346,3,0)-VLOOKUP(AA$1,városok!$A$2:$C$346,3,0))^2)/1000,0)</f>
        <v>289</v>
      </c>
      <c r="AB173">
        <f ca="1">ROUND(SQRT((VLOOKUP($A173,városok!$A$2:$C$346,2,0)-VLOOKUP(AB$1,városok!$A$2:$C$346,2,0))^2+(VLOOKUP($A173,városok!$A$2:$C$346,3,0)-VLOOKUP(AB$1,városok!$A$2:$C$346,3,0))^2)/1000,0)</f>
        <v>117</v>
      </c>
      <c r="AC173">
        <f ca="1">ROUND(SQRT((VLOOKUP($A173,városok!$A$2:$C$346,2,0)-VLOOKUP(AC$1,városok!$A$2:$C$346,2,0))^2+(VLOOKUP($A173,városok!$A$2:$C$346,3,0)-VLOOKUP(AC$1,városok!$A$2:$C$346,3,0))^2)/1000,0)</f>
        <v>97</v>
      </c>
      <c r="AD173">
        <f ca="1">ROUND(SQRT((VLOOKUP($A173,városok!$A$2:$C$346,2,0)-VLOOKUP(AD$1,városok!$A$2:$C$346,2,0))^2+(VLOOKUP($A173,városok!$A$2:$C$346,3,0)-VLOOKUP(AD$1,városok!$A$2:$C$346,3,0))^2)/1000,0)</f>
        <v>80</v>
      </c>
      <c r="AE173">
        <f ca="1">ROUND(SQRT((VLOOKUP($A173,városok!$A$2:$C$346,2,0)-VLOOKUP(AE$1,városok!$A$2:$C$346,2,0))^2+(VLOOKUP($A173,városok!$A$2:$C$346,3,0)-VLOOKUP(AE$1,városok!$A$2:$C$346,3,0))^2)/1000,0)</f>
        <v>73</v>
      </c>
      <c r="AF173">
        <f ca="1">ROUND(SQRT((VLOOKUP($A173,városok!$A$2:$C$346,2,0)-VLOOKUP(AF$1,városok!$A$2:$C$346,2,0))^2+(VLOOKUP($A173,városok!$A$2:$C$346,3,0)-VLOOKUP(AF$1,városok!$A$2:$C$346,3,0))^2)/1000,0)</f>
        <v>98</v>
      </c>
      <c r="AG173">
        <f ca="1">ROUND(SQRT((VLOOKUP($A173,városok!$A$2:$C$346,2,0)-VLOOKUP(AG$1,városok!$A$2:$C$346,2,0))^2+(VLOOKUP($A173,városok!$A$2:$C$346,3,0)-VLOOKUP(AG$1,városok!$A$2:$C$346,3,0))^2)/1000,0)</f>
        <v>89</v>
      </c>
      <c r="AH173">
        <f ca="1">ROUND(SQRT((VLOOKUP($A173,városok!$A$2:$C$346,2,0)-VLOOKUP(AH$1,városok!$A$2:$C$346,2,0))^2+(VLOOKUP($A173,városok!$A$2:$C$346,3,0)-VLOOKUP(AH$1,városok!$A$2:$C$346,3,0))^2)/1000,0)</f>
        <v>85</v>
      </c>
      <c r="AI173">
        <f ca="1">ROUND(SQRT((VLOOKUP($A173,városok!$A$2:$C$346,2,0)-VLOOKUP(AI$1,városok!$A$2:$C$346,2,0))^2+(VLOOKUP($A173,városok!$A$2:$C$346,3,0)-VLOOKUP(AI$1,városok!$A$2:$C$346,3,0))^2)/1000,0)</f>
        <v>112</v>
      </c>
      <c r="AJ173">
        <f ca="1">ROUND(SQRT((VLOOKUP($A173,városok!$A$2:$C$346,2,0)-VLOOKUP(AJ$1,városok!$A$2:$C$346,2,0))^2+(VLOOKUP($A173,városok!$A$2:$C$346,3,0)-VLOOKUP(AJ$1,városok!$A$2:$C$346,3,0))^2)/1000,0)</f>
        <v>73</v>
      </c>
      <c r="AK173">
        <f ca="1">ROUND(SQRT((VLOOKUP($A173,városok!$A$2:$C$346,2,0)-VLOOKUP(AK$1,városok!$A$2:$C$346,2,0))^2+(VLOOKUP($A173,városok!$A$2:$C$346,3,0)-VLOOKUP(AK$1,városok!$A$2:$C$346,3,0))^2)/1000,0)</f>
        <v>60</v>
      </c>
      <c r="AL173">
        <f ca="1">ROUND(SQRT((VLOOKUP($A173,városok!$A$2:$C$346,2,0)-VLOOKUP(AL$1,városok!$A$2:$C$346,2,0))^2+(VLOOKUP($A173,városok!$A$2:$C$346,3,0)-VLOOKUP(AL$1,városok!$A$2:$C$346,3,0))^2)/1000,0)</f>
        <v>47</v>
      </c>
      <c r="AM173">
        <f ca="1">ROUND(SQRT((VLOOKUP($A173,városok!$A$2:$C$346,2,0)-VLOOKUP(AM$1,városok!$A$2:$C$346,2,0))^2+(VLOOKUP($A173,városok!$A$2:$C$346,3,0)-VLOOKUP(AM$1,városok!$A$2:$C$346,3,0))^2)/1000,0)</f>
        <v>19</v>
      </c>
      <c r="AN173">
        <f ca="1">ROUND(SQRT((VLOOKUP($A173,városok!$A$2:$C$346,2,0)-VLOOKUP(AN$1,városok!$A$2:$C$346,2,0))^2+(VLOOKUP($A173,városok!$A$2:$C$346,3,0)-VLOOKUP(AN$1,városok!$A$2:$C$346,3,0))^2)/1000,0)</f>
        <v>144</v>
      </c>
      <c r="AO173">
        <f ca="1">ROUND(SQRT((VLOOKUP($A173,városok!$A$2:$C$346,2,0)-VLOOKUP(AO$1,városok!$A$2:$C$346,2,0))^2+(VLOOKUP($A173,városok!$A$2:$C$346,3,0)-VLOOKUP(AO$1,városok!$A$2:$C$346,3,0))^2)/1000,0)</f>
        <v>182</v>
      </c>
      <c r="AP173">
        <f ca="1">ROUND(SQRT((VLOOKUP($A173,városok!$A$2:$C$346,2,0)-VLOOKUP(AP$1,városok!$A$2:$C$346,2,0))^2+(VLOOKUP($A173,városok!$A$2:$C$346,3,0)-VLOOKUP(AP$1,városok!$A$2:$C$346,3,0))^2)/1000,0)</f>
        <v>163</v>
      </c>
      <c r="AQ173">
        <f ca="1">ROUND(SQRT((VLOOKUP($A173,városok!$A$2:$C$346,2,0)-VLOOKUP(AQ$1,városok!$A$2:$C$346,2,0))^2+(VLOOKUP($A173,városok!$A$2:$C$346,3,0)-VLOOKUP(AQ$1,városok!$A$2:$C$346,3,0))^2)/1000,0)</f>
        <v>154</v>
      </c>
      <c r="AR173">
        <f ca="1">ROUND(SQRT((VLOOKUP($A173,városok!$A$2:$C$346,2,0)-VLOOKUP(AR$1,városok!$A$2:$C$346,2,0))^2+(VLOOKUP($A173,városok!$A$2:$C$346,3,0)-VLOOKUP(AR$1,városok!$A$2:$C$346,3,0))^2)/1000,0)</f>
        <v>110</v>
      </c>
      <c r="AS173">
        <f ca="1">ROUND(SQRT((VLOOKUP($A173,városok!$A$2:$C$346,2,0)-VLOOKUP(AS$1,városok!$A$2:$C$346,2,0))^2+(VLOOKUP($A173,városok!$A$2:$C$346,3,0)-VLOOKUP(AS$1,városok!$A$2:$C$346,3,0))^2)/1000,0)</f>
        <v>127</v>
      </c>
      <c r="AT173">
        <f ca="1">ROUND(SQRT((VLOOKUP($A173,városok!$A$2:$C$346,2,0)-VLOOKUP(AT$1,városok!$A$2:$C$346,2,0))^2+(VLOOKUP($A173,városok!$A$2:$C$346,3,0)-VLOOKUP(AT$1,városok!$A$2:$C$346,3,0))^2)/1000,0)</f>
        <v>122</v>
      </c>
      <c r="AU173">
        <f ca="1">ROUND(SQRT((VLOOKUP($A173,városok!$A$2:$C$346,2,0)-VLOOKUP(AU$1,városok!$A$2:$C$346,2,0))^2+(VLOOKUP($A173,városok!$A$2:$C$346,3,0)-VLOOKUP(AU$1,városok!$A$2:$C$346,3,0))^2)/1000,0)</f>
        <v>111</v>
      </c>
      <c r="AV173">
        <f ca="1">ROUND(SQRT((VLOOKUP($A173,városok!$A$2:$C$346,2,0)-VLOOKUP(AV$1,városok!$A$2:$C$346,2,0))^2+(VLOOKUP($A173,városok!$A$2:$C$346,3,0)-VLOOKUP(AV$1,városok!$A$2:$C$346,3,0))^2)/1000,0)</f>
        <v>110</v>
      </c>
      <c r="AW173">
        <f ca="1">ROUND(SQRT((VLOOKUP($A173,városok!$A$2:$C$346,2,0)-VLOOKUP(AW$1,városok!$A$2:$C$346,2,0))^2+(VLOOKUP($A173,városok!$A$2:$C$346,3,0)-VLOOKUP(AW$1,városok!$A$2:$C$346,3,0))^2)/1000,0)</f>
        <v>112</v>
      </c>
      <c r="AX173">
        <f ca="1">ROUND(SQRT((VLOOKUP($A173,városok!$A$2:$C$346,2,0)-VLOOKUP(AX$1,városok!$A$2:$C$346,2,0))^2+(VLOOKUP($A173,városok!$A$2:$C$346,3,0)-VLOOKUP(AX$1,városok!$A$2:$C$346,3,0))^2)/1000,0)</f>
        <v>38</v>
      </c>
      <c r="AY173">
        <f ca="1">ROUND(SQRT((VLOOKUP($A173,városok!$A$2:$C$346,2,0)-VLOOKUP(AY$1,városok!$A$2:$C$346,2,0))^2+(VLOOKUP($A173,városok!$A$2:$C$346,3,0)-VLOOKUP(AY$1,városok!$A$2:$C$346,3,0))^2)/1000,0)</f>
        <v>118</v>
      </c>
      <c r="AZ173">
        <f ca="1">ROUND(SQRT((VLOOKUP($A173,városok!$A$2:$C$346,2,0)-VLOOKUP(AZ$1,városok!$A$2:$C$346,2,0))^2+(VLOOKUP($A173,városok!$A$2:$C$346,3,0)-VLOOKUP(AZ$1,városok!$A$2:$C$346,3,0))^2)/1000,0)</f>
        <v>131</v>
      </c>
      <c r="BA173">
        <f ca="1">ROUND(SQRT((VLOOKUP($A173,városok!$A$2:$C$346,2,0)-VLOOKUP(BA$1,városok!$A$2:$C$346,2,0))^2+(VLOOKUP($A173,városok!$A$2:$C$346,3,0)-VLOOKUP(BA$1,városok!$A$2:$C$346,3,0))^2)/1000,0)</f>
        <v>198</v>
      </c>
      <c r="BB173">
        <f ca="1">ROUND(SQRT((VLOOKUP($A173,városok!$A$2:$C$346,2,0)-VLOOKUP(BB$1,városok!$A$2:$C$346,2,0))^2+(VLOOKUP($A173,városok!$A$2:$C$346,3,0)-VLOOKUP(BB$1,városok!$A$2:$C$346,3,0))^2)/1000,0)</f>
        <v>187</v>
      </c>
      <c r="BC173">
        <f ca="1">ROUND(SQRT((VLOOKUP($A173,városok!$A$2:$C$346,2,0)-VLOOKUP(BC$1,városok!$A$2:$C$346,2,0))^2+(VLOOKUP($A173,városok!$A$2:$C$346,3,0)-VLOOKUP(BC$1,városok!$A$2:$C$346,3,0))^2)/1000,0)</f>
        <v>204</v>
      </c>
      <c r="BD173">
        <f ca="1">ROUND(SQRT((VLOOKUP($A173,városok!$A$2:$C$346,2,0)-VLOOKUP(BD$1,városok!$A$2:$C$346,2,0))^2+(VLOOKUP($A173,városok!$A$2:$C$346,3,0)-VLOOKUP(BD$1,városok!$A$2:$C$346,3,0))^2)/1000,0)</f>
        <v>169</v>
      </c>
      <c r="BE173">
        <f ca="1">ROUND(SQRT((VLOOKUP($A173,városok!$A$2:$C$346,2,0)-VLOOKUP(BE$1,városok!$A$2:$C$346,2,0))^2+(VLOOKUP($A173,városok!$A$2:$C$346,3,0)-VLOOKUP(BE$1,városok!$A$2:$C$346,3,0))^2)/1000,0)</f>
        <v>202</v>
      </c>
      <c r="BF173">
        <f ca="1">ROUND(SQRT((VLOOKUP($A173,városok!$A$2:$C$346,2,0)-VLOOKUP(BF$1,városok!$A$2:$C$346,2,0))^2+(VLOOKUP($A173,városok!$A$2:$C$346,3,0)-VLOOKUP(BF$1,városok!$A$2:$C$346,3,0))^2)/1000,0)</f>
        <v>190</v>
      </c>
      <c r="BG173">
        <f ca="1">ROUND(SQRT((VLOOKUP($A173,városok!$A$2:$C$346,2,0)-VLOOKUP(BG$1,városok!$A$2:$C$346,2,0))^2+(VLOOKUP($A173,városok!$A$2:$C$346,3,0)-VLOOKUP(BG$1,városok!$A$2:$C$346,3,0))^2)/1000,0)</f>
        <v>152</v>
      </c>
      <c r="BH173">
        <f ca="1">ROUND(SQRT((VLOOKUP($A173,városok!$A$2:$C$346,2,0)-VLOOKUP(BH$1,városok!$A$2:$C$346,2,0))^2+(VLOOKUP($A173,városok!$A$2:$C$346,3,0)-VLOOKUP(BH$1,városok!$A$2:$C$346,3,0))^2)/1000,0)</f>
        <v>152</v>
      </c>
      <c r="BI173">
        <f ca="1">ROUND(SQRT((VLOOKUP($A173,városok!$A$2:$C$346,2,0)-VLOOKUP(BI$1,városok!$A$2:$C$346,2,0))^2+(VLOOKUP($A173,városok!$A$2:$C$346,3,0)-VLOOKUP(BI$1,városok!$A$2:$C$346,3,0))^2)/1000,0)</f>
        <v>145</v>
      </c>
      <c r="BJ173">
        <f ca="1">ROUND(SQRT((VLOOKUP($A173,városok!$A$2:$C$346,2,0)-VLOOKUP(BJ$1,városok!$A$2:$C$346,2,0))^2+(VLOOKUP($A173,városok!$A$2:$C$346,3,0)-VLOOKUP(BJ$1,városok!$A$2:$C$346,3,0))^2)/1000,0)</f>
        <v>162</v>
      </c>
      <c r="BK173">
        <f ca="1">ROUND(SQRT((VLOOKUP($A173,városok!$A$2:$C$346,2,0)-VLOOKUP(BK$1,városok!$A$2:$C$346,2,0))^2+(VLOOKUP($A173,városok!$A$2:$C$346,3,0)-VLOOKUP(BK$1,városok!$A$2:$C$346,3,0))^2)/1000,0)</f>
        <v>142</v>
      </c>
      <c r="BL173">
        <f ca="1">ROUND(SQRT((VLOOKUP($A173,városok!$A$2:$C$346,2,0)-VLOOKUP(BL$1,városok!$A$2:$C$346,2,0))^2+(VLOOKUP($A173,városok!$A$2:$C$346,3,0)-VLOOKUP(BL$1,városok!$A$2:$C$346,3,0))^2)/1000,0)</f>
        <v>280</v>
      </c>
      <c r="BM173">
        <f ca="1">ROUND(SQRT((VLOOKUP($A173,városok!$A$2:$C$346,2,0)-VLOOKUP(BM$1,városok!$A$2:$C$346,2,0))^2+(VLOOKUP($A173,városok!$A$2:$C$346,3,0)-VLOOKUP(BM$1,városok!$A$2:$C$346,3,0))^2)/1000,0)</f>
        <v>256</v>
      </c>
      <c r="BN173">
        <f ca="1">ROUND(SQRT((VLOOKUP($A173,városok!$A$2:$C$346,2,0)-VLOOKUP(BN$1,városok!$A$2:$C$346,2,0))^2+(VLOOKUP($A173,városok!$A$2:$C$346,3,0)-VLOOKUP(BN$1,városok!$A$2:$C$346,3,0))^2)/1000,0)</f>
        <v>279</v>
      </c>
      <c r="BO173">
        <f ca="1">ROUND(SQRT((VLOOKUP($A173,városok!$A$2:$C$346,2,0)-VLOOKUP(BO$1,városok!$A$2:$C$346,2,0))^2+(VLOOKUP($A173,városok!$A$2:$C$346,3,0)-VLOOKUP(BO$1,városok!$A$2:$C$346,3,0))^2)/1000,0)</f>
        <v>173</v>
      </c>
      <c r="BP173">
        <f ca="1">ROUND(SQRT((VLOOKUP($A173,városok!$A$2:$C$346,2,0)-VLOOKUP(BP$1,városok!$A$2:$C$346,2,0))^2+(VLOOKUP($A173,városok!$A$2:$C$346,3,0)-VLOOKUP(BP$1,városok!$A$2:$C$346,3,0))^2)/1000,0)</f>
        <v>165</v>
      </c>
      <c r="BQ173">
        <f ca="1">ROUND(SQRT((VLOOKUP($A173,városok!$A$2:$C$346,2,0)-VLOOKUP(BQ$1,városok!$A$2:$C$346,2,0))^2+(VLOOKUP($A173,városok!$A$2:$C$346,3,0)-VLOOKUP(BQ$1,városok!$A$2:$C$346,3,0))^2)/1000,0)</f>
        <v>180</v>
      </c>
      <c r="BR173">
        <f ca="1">ROUND(SQRT((VLOOKUP($A173,városok!$A$2:$C$346,2,0)-VLOOKUP(BR$1,városok!$A$2:$C$346,2,0))^2+(VLOOKUP($A173,városok!$A$2:$C$346,3,0)-VLOOKUP(BR$1,városok!$A$2:$C$346,3,0))^2)/1000,0)</f>
        <v>232</v>
      </c>
      <c r="BS173">
        <f ca="1">ROUND(SQRT((VLOOKUP($A173,városok!$A$2:$C$346,2,0)-VLOOKUP(BS$1,városok!$A$2:$C$346,2,0))^2+(VLOOKUP($A173,városok!$A$2:$C$346,3,0)-VLOOKUP(BS$1,városok!$A$2:$C$346,3,0))^2)/1000,0)</f>
        <v>259</v>
      </c>
      <c r="BT173">
        <f ca="1">ROUND(SQRT((VLOOKUP($A173,városok!$A$2:$C$346,2,0)-VLOOKUP(BT$1,városok!$A$2:$C$346,2,0))^2+(VLOOKUP($A173,városok!$A$2:$C$346,3,0)-VLOOKUP(BT$1,városok!$A$2:$C$346,3,0))^2)/1000,0)</f>
        <v>263</v>
      </c>
    </row>
    <row r="174" spans="1:72" x14ac:dyDescent="0.2">
      <c r="A174" t="str">
        <f>városok!A174</f>
        <v>Mezőtúr</v>
      </c>
      <c r="B174">
        <f ca="1">ROUND(SQRT((VLOOKUP($A174,városok!$A$2:$C$346,2,0)-VLOOKUP(B$1,városok!$A$2:$C$346,2,0))^2+(VLOOKUP($A174,városok!$A$2:$C$346,3,0)-VLOOKUP(B$1,városok!$A$2:$C$346,3,0))^2)/1000,0)</f>
        <v>157</v>
      </c>
      <c r="C174">
        <f ca="1">ROUND(SQRT((VLOOKUP($A174,városok!$A$2:$C$346,2,0)-VLOOKUP(C$1,városok!$A$2:$C$346,2,0))^2+(VLOOKUP($A174,városok!$A$2:$C$346,3,0)-VLOOKUP(C$1,városok!$A$2:$C$346,3,0))^2)/1000,0)</f>
        <v>136</v>
      </c>
      <c r="D174">
        <f ca="1">ROUND(SQRT((VLOOKUP($A174,városok!$A$2:$C$346,2,0)-VLOOKUP(D$1,városok!$A$2:$C$346,2,0))^2+(VLOOKUP($A174,városok!$A$2:$C$346,3,0)-VLOOKUP(D$1,városok!$A$2:$C$346,3,0))^2)/1000,0)</f>
        <v>72</v>
      </c>
      <c r="E174">
        <f ca="1">ROUND(SQRT((VLOOKUP($A174,városok!$A$2:$C$346,2,0)-VLOOKUP(E$1,városok!$A$2:$C$346,2,0))^2+(VLOOKUP($A174,városok!$A$2:$C$346,3,0)-VLOOKUP(E$1,városok!$A$2:$C$346,3,0))^2)/1000,0)</f>
        <v>202</v>
      </c>
      <c r="F174">
        <f ca="1">ROUND(SQRT((VLOOKUP($A174,városok!$A$2:$C$346,2,0)-VLOOKUP(F$1,városok!$A$2:$C$346,2,0))^2+(VLOOKUP($A174,városok!$A$2:$C$346,3,0)-VLOOKUP(F$1,városok!$A$2:$C$346,3,0))^2)/1000,0)</f>
        <v>186</v>
      </c>
      <c r="G174">
        <f ca="1">ROUND(SQRT((VLOOKUP($A174,városok!$A$2:$C$346,2,0)-VLOOKUP(G$1,városok!$A$2:$C$346,2,0))^2+(VLOOKUP($A174,városok!$A$2:$C$346,3,0)-VLOOKUP(G$1,városok!$A$2:$C$346,3,0))^2)/1000,0)</f>
        <v>209</v>
      </c>
      <c r="H174">
        <f ca="1">ROUND(SQRT((VLOOKUP($A174,városok!$A$2:$C$346,2,0)-VLOOKUP(H$1,városok!$A$2:$C$346,2,0))^2+(VLOOKUP($A174,városok!$A$2:$C$346,3,0)-VLOOKUP(H$1,városok!$A$2:$C$346,3,0))^2)/1000,0)</f>
        <v>241</v>
      </c>
      <c r="I174">
        <f ca="1">ROUND(SQRT((VLOOKUP($A174,városok!$A$2:$C$346,2,0)-VLOOKUP(I$1,városok!$A$2:$C$346,2,0))^2+(VLOOKUP($A174,városok!$A$2:$C$346,3,0)-VLOOKUP(I$1,városok!$A$2:$C$346,3,0))^2)/1000,0)</f>
        <v>51</v>
      </c>
      <c r="J174">
        <f ca="1">ROUND(SQRT((VLOOKUP($A174,városok!$A$2:$C$346,2,0)-VLOOKUP(J$1,városok!$A$2:$C$346,2,0))^2+(VLOOKUP($A174,városok!$A$2:$C$346,3,0)-VLOOKUP(J$1,városok!$A$2:$C$346,3,0))^2)/1000,0)</f>
        <v>64</v>
      </c>
      <c r="K174">
        <f ca="1">ROUND(SQRT((VLOOKUP($A174,városok!$A$2:$C$346,2,0)-VLOOKUP(K$1,városok!$A$2:$C$346,2,0))^2+(VLOOKUP($A174,városok!$A$2:$C$346,3,0)-VLOOKUP(K$1,városok!$A$2:$C$346,3,0))^2)/1000,0)</f>
        <v>49</v>
      </c>
      <c r="L174">
        <f ca="1">ROUND(SQRT((VLOOKUP($A174,városok!$A$2:$C$346,2,0)-VLOOKUP(L$1,városok!$A$2:$C$346,2,0))^2+(VLOOKUP($A174,városok!$A$2:$C$346,3,0)-VLOOKUP(L$1,városok!$A$2:$C$346,3,0))^2)/1000,0)</f>
        <v>139</v>
      </c>
      <c r="M174">
        <f ca="1">ROUND(SQRT((VLOOKUP($A174,városok!$A$2:$C$346,2,0)-VLOOKUP(M$1,városok!$A$2:$C$346,2,0))^2+(VLOOKUP($A174,városok!$A$2:$C$346,3,0)-VLOOKUP(M$1,városok!$A$2:$C$346,3,0))^2)/1000,0)</f>
        <v>123</v>
      </c>
      <c r="N174">
        <f ca="1">ROUND(SQRT((VLOOKUP($A174,városok!$A$2:$C$346,2,0)-VLOOKUP(N$1,városok!$A$2:$C$346,2,0))^2+(VLOOKUP($A174,városok!$A$2:$C$346,3,0)-VLOOKUP(N$1,városok!$A$2:$C$346,3,0))^2)/1000,0)</f>
        <v>138</v>
      </c>
      <c r="O174">
        <f ca="1">ROUND(SQRT((VLOOKUP($A174,városok!$A$2:$C$346,2,0)-VLOOKUP(O$1,városok!$A$2:$C$346,2,0))^2+(VLOOKUP($A174,városok!$A$2:$C$346,3,0)-VLOOKUP(O$1,városok!$A$2:$C$346,3,0))^2)/1000,0)</f>
        <v>173</v>
      </c>
      <c r="P174">
        <f ca="1">ROUND(SQRT((VLOOKUP($A174,városok!$A$2:$C$346,2,0)-VLOOKUP(P$1,városok!$A$2:$C$346,2,0))^2+(VLOOKUP($A174,városok!$A$2:$C$346,3,0)-VLOOKUP(P$1,városok!$A$2:$C$346,3,0))^2)/1000,0)</f>
        <v>173</v>
      </c>
      <c r="Q174">
        <f ca="1">ROUND(SQRT((VLOOKUP($A174,városok!$A$2:$C$346,2,0)-VLOOKUP(Q$1,városok!$A$2:$C$346,2,0))^2+(VLOOKUP($A174,városok!$A$2:$C$346,3,0)-VLOOKUP(Q$1,városok!$A$2:$C$346,3,0))^2)/1000,0)</f>
        <v>69</v>
      </c>
      <c r="R174">
        <f ca="1">ROUND(SQRT((VLOOKUP($A174,városok!$A$2:$C$346,2,0)-VLOOKUP(R$1,városok!$A$2:$C$346,2,0))^2+(VLOOKUP($A174,városok!$A$2:$C$346,3,0)-VLOOKUP(R$1,városok!$A$2:$C$346,3,0))^2)/1000,0)</f>
        <v>88</v>
      </c>
      <c r="S174">
        <f ca="1">ROUND(SQRT((VLOOKUP($A174,városok!$A$2:$C$346,2,0)-VLOOKUP(S$1,városok!$A$2:$C$346,2,0))^2+(VLOOKUP($A174,városok!$A$2:$C$346,3,0)-VLOOKUP(S$1,városok!$A$2:$C$346,3,0))^2)/1000,0)</f>
        <v>91</v>
      </c>
      <c r="T174">
        <f ca="1">ROUND(SQRT((VLOOKUP($A174,városok!$A$2:$C$346,2,0)-VLOOKUP(T$1,városok!$A$2:$C$346,2,0))^2+(VLOOKUP($A174,városok!$A$2:$C$346,3,0)-VLOOKUP(T$1,városok!$A$2:$C$346,3,0))^2)/1000,0)</f>
        <v>160</v>
      </c>
      <c r="U174">
        <f ca="1">ROUND(SQRT((VLOOKUP($A174,városok!$A$2:$C$346,2,0)-VLOOKUP(U$1,városok!$A$2:$C$346,2,0))^2+(VLOOKUP($A174,városok!$A$2:$C$346,3,0)-VLOOKUP(U$1,városok!$A$2:$C$346,3,0))^2)/1000,0)</f>
        <v>128</v>
      </c>
      <c r="V174">
        <f ca="1">ROUND(SQRT((VLOOKUP($A174,városok!$A$2:$C$346,2,0)-VLOOKUP(V$1,városok!$A$2:$C$346,2,0))^2+(VLOOKUP($A174,városok!$A$2:$C$346,3,0)-VLOOKUP(V$1,városok!$A$2:$C$346,3,0))^2)/1000,0)</f>
        <v>176</v>
      </c>
      <c r="W174">
        <f ca="1">ROUND(SQRT((VLOOKUP($A174,városok!$A$2:$C$346,2,0)-VLOOKUP(W$1,városok!$A$2:$C$346,2,0))^2+(VLOOKUP($A174,városok!$A$2:$C$346,3,0)-VLOOKUP(W$1,városok!$A$2:$C$346,3,0))^2)/1000,0)</f>
        <v>153</v>
      </c>
      <c r="X174">
        <f ca="1">ROUND(SQRT((VLOOKUP($A174,városok!$A$2:$C$346,2,0)-VLOOKUP(X$1,városok!$A$2:$C$346,2,0))^2+(VLOOKUP($A174,városok!$A$2:$C$346,3,0)-VLOOKUP(X$1,városok!$A$2:$C$346,3,0))^2)/1000,0)</f>
        <v>177</v>
      </c>
      <c r="Y174">
        <f ca="1">ROUND(SQRT((VLOOKUP($A174,városok!$A$2:$C$346,2,0)-VLOOKUP(Y$1,városok!$A$2:$C$346,2,0))^2+(VLOOKUP($A174,városok!$A$2:$C$346,3,0)-VLOOKUP(Y$1,városok!$A$2:$C$346,3,0))^2)/1000,0)</f>
        <v>238</v>
      </c>
      <c r="Z174">
        <f ca="1">ROUND(SQRT((VLOOKUP($A174,városok!$A$2:$C$346,2,0)-VLOOKUP(Z$1,városok!$A$2:$C$346,2,0))^2+(VLOOKUP($A174,városok!$A$2:$C$346,3,0)-VLOOKUP(Z$1,városok!$A$2:$C$346,3,0))^2)/1000,0)</f>
        <v>257</v>
      </c>
      <c r="AA174">
        <f ca="1">ROUND(SQRT((VLOOKUP($A174,városok!$A$2:$C$346,2,0)-VLOOKUP(AA$1,városok!$A$2:$C$346,2,0))^2+(VLOOKUP($A174,városok!$A$2:$C$346,3,0)-VLOOKUP(AA$1,városok!$A$2:$C$346,3,0))^2)/1000,0)</f>
        <v>314</v>
      </c>
      <c r="AB174">
        <f ca="1">ROUND(SQRT((VLOOKUP($A174,városok!$A$2:$C$346,2,0)-VLOOKUP(AB$1,városok!$A$2:$C$346,2,0))^2+(VLOOKUP($A174,városok!$A$2:$C$346,3,0)-VLOOKUP(AB$1,városok!$A$2:$C$346,3,0))^2)/1000,0)</f>
        <v>96</v>
      </c>
      <c r="AC174">
        <f ca="1">ROUND(SQRT((VLOOKUP($A174,városok!$A$2:$C$346,2,0)-VLOOKUP(AC$1,városok!$A$2:$C$346,2,0))^2+(VLOOKUP($A174,városok!$A$2:$C$346,3,0)-VLOOKUP(AC$1,városok!$A$2:$C$346,3,0))^2)/1000,0)</f>
        <v>76</v>
      </c>
      <c r="AD174">
        <f ca="1">ROUND(SQRT((VLOOKUP($A174,városok!$A$2:$C$346,2,0)-VLOOKUP(AD$1,városok!$A$2:$C$346,2,0))^2+(VLOOKUP($A174,városok!$A$2:$C$346,3,0)-VLOOKUP(AD$1,városok!$A$2:$C$346,3,0))^2)/1000,0)</f>
        <v>62</v>
      </c>
      <c r="AE174">
        <f ca="1">ROUND(SQRT((VLOOKUP($A174,városok!$A$2:$C$346,2,0)-VLOOKUP(AE$1,városok!$A$2:$C$346,2,0))^2+(VLOOKUP($A174,városok!$A$2:$C$346,3,0)-VLOOKUP(AE$1,városok!$A$2:$C$346,3,0))^2)/1000,0)</f>
        <v>52</v>
      </c>
      <c r="AF174">
        <f ca="1">ROUND(SQRT((VLOOKUP($A174,városok!$A$2:$C$346,2,0)-VLOOKUP(AF$1,városok!$A$2:$C$346,2,0))^2+(VLOOKUP($A174,városok!$A$2:$C$346,3,0)-VLOOKUP(AF$1,városok!$A$2:$C$346,3,0))^2)/1000,0)</f>
        <v>102</v>
      </c>
      <c r="AG174">
        <f ca="1">ROUND(SQRT((VLOOKUP($A174,városok!$A$2:$C$346,2,0)-VLOOKUP(AG$1,városok!$A$2:$C$346,2,0))^2+(VLOOKUP($A174,városok!$A$2:$C$346,3,0)-VLOOKUP(AG$1,városok!$A$2:$C$346,3,0))^2)/1000,0)</f>
        <v>101</v>
      </c>
      <c r="AH174">
        <f ca="1">ROUND(SQRT((VLOOKUP($A174,városok!$A$2:$C$346,2,0)-VLOOKUP(AH$1,városok!$A$2:$C$346,2,0))^2+(VLOOKUP($A174,városok!$A$2:$C$346,3,0)-VLOOKUP(AH$1,városok!$A$2:$C$346,3,0))^2)/1000,0)</f>
        <v>103</v>
      </c>
      <c r="AI174">
        <f ca="1">ROUND(SQRT((VLOOKUP($A174,városok!$A$2:$C$346,2,0)-VLOOKUP(AI$1,városok!$A$2:$C$346,2,0))^2+(VLOOKUP($A174,városok!$A$2:$C$346,3,0)-VLOOKUP(AI$1,városok!$A$2:$C$346,3,0))^2)/1000,0)</f>
        <v>120</v>
      </c>
      <c r="AJ174">
        <f ca="1">ROUND(SQRT((VLOOKUP($A174,városok!$A$2:$C$346,2,0)-VLOOKUP(AJ$1,városok!$A$2:$C$346,2,0))^2+(VLOOKUP($A174,városok!$A$2:$C$346,3,0)-VLOOKUP(AJ$1,városok!$A$2:$C$346,3,0))^2)/1000,0)</f>
        <v>86</v>
      </c>
      <c r="AK174">
        <f ca="1">ROUND(SQRT((VLOOKUP($A174,városok!$A$2:$C$346,2,0)-VLOOKUP(AK$1,városok!$A$2:$C$346,2,0))^2+(VLOOKUP($A174,városok!$A$2:$C$346,3,0)-VLOOKUP(AK$1,városok!$A$2:$C$346,3,0))^2)/1000,0)</f>
        <v>41</v>
      </c>
      <c r="AL174">
        <f ca="1">ROUND(SQRT((VLOOKUP($A174,városok!$A$2:$C$346,2,0)-VLOOKUP(AL$1,városok!$A$2:$C$346,2,0))^2+(VLOOKUP($A174,városok!$A$2:$C$346,3,0)-VLOOKUP(AL$1,városok!$A$2:$C$346,3,0))^2)/1000,0)</f>
        <v>40</v>
      </c>
      <c r="AM174">
        <f ca="1">ROUND(SQRT((VLOOKUP($A174,városok!$A$2:$C$346,2,0)-VLOOKUP(AM$1,városok!$A$2:$C$346,2,0))^2+(VLOOKUP($A174,városok!$A$2:$C$346,3,0)-VLOOKUP(AM$1,városok!$A$2:$C$346,3,0))^2)/1000,0)</f>
        <v>39</v>
      </c>
      <c r="AN174">
        <f ca="1">ROUND(SQRT((VLOOKUP($A174,városok!$A$2:$C$346,2,0)-VLOOKUP(AN$1,városok!$A$2:$C$346,2,0))^2+(VLOOKUP($A174,városok!$A$2:$C$346,3,0)-VLOOKUP(AN$1,városok!$A$2:$C$346,3,0))^2)/1000,0)</f>
        <v>167</v>
      </c>
      <c r="AO174">
        <f ca="1">ROUND(SQRT((VLOOKUP($A174,városok!$A$2:$C$346,2,0)-VLOOKUP(AO$1,városok!$A$2:$C$346,2,0))^2+(VLOOKUP($A174,városok!$A$2:$C$346,3,0)-VLOOKUP(AO$1,városok!$A$2:$C$346,3,0))^2)/1000,0)</f>
        <v>206</v>
      </c>
      <c r="AP174">
        <f ca="1">ROUND(SQRT((VLOOKUP($A174,városok!$A$2:$C$346,2,0)-VLOOKUP(AP$1,városok!$A$2:$C$346,2,0))^2+(VLOOKUP($A174,városok!$A$2:$C$346,3,0)-VLOOKUP(AP$1,városok!$A$2:$C$346,3,0))^2)/1000,0)</f>
        <v>187</v>
      </c>
      <c r="AQ174">
        <f ca="1">ROUND(SQRT((VLOOKUP($A174,városok!$A$2:$C$346,2,0)-VLOOKUP(AQ$1,városok!$A$2:$C$346,2,0))^2+(VLOOKUP($A174,városok!$A$2:$C$346,3,0)-VLOOKUP(AQ$1,városok!$A$2:$C$346,3,0))^2)/1000,0)</f>
        <v>179</v>
      </c>
      <c r="AR174">
        <f ca="1">ROUND(SQRT((VLOOKUP($A174,városok!$A$2:$C$346,2,0)-VLOOKUP(AR$1,városok!$A$2:$C$346,2,0))^2+(VLOOKUP($A174,városok!$A$2:$C$346,3,0)-VLOOKUP(AR$1,városok!$A$2:$C$346,3,0))^2)/1000,0)</f>
        <v>124</v>
      </c>
      <c r="AS174">
        <f ca="1">ROUND(SQRT((VLOOKUP($A174,városok!$A$2:$C$346,2,0)-VLOOKUP(AS$1,városok!$A$2:$C$346,2,0))^2+(VLOOKUP($A174,városok!$A$2:$C$346,3,0)-VLOOKUP(AS$1,városok!$A$2:$C$346,3,0))^2)/1000,0)</f>
        <v>137</v>
      </c>
      <c r="AT174">
        <f ca="1">ROUND(SQRT((VLOOKUP($A174,városok!$A$2:$C$346,2,0)-VLOOKUP(AT$1,városok!$A$2:$C$346,2,0))^2+(VLOOKUP($A174,városok!$A$2:$C$346,3,0)-VLOOKUP(AT$1,városok!$A$2:$C$346,3,0))^2)/1000,0)</f>
        <v>146</v>
      </c>
      <c r="AU174">
        <f ca="1">ROUND(SQRT((VLOOKUP($A174,városok!$A$2:$C$346,2,0)-VLOOKUP(AU$1,városok!$A$2:$C$346,2,0))^2+(VLOOKUP($A174,városok!$A$2:$C$346,3,0)-VLOOKUP(AU$1,városok!$A$2:$C$346,3,0))^2)/1000,0)</f>
        <v>136</v>
      </c>
      <c r="AV174">
        <f ca="1">ROUND(SQRT((VLOOKUP($A174,városok!$A$2:$C$346,2,0)-VLOOKUP(AV$1,városok!$A$2:$C$346,2,0))^2+(VLOOKUP($A174,városok!$A$2:$C$346,3,0)-VLOOKUP(AV$1,városok!$A$2:$C$346,3,0))^2)/1000,0)</f>
        <v>135</v>
      </c>
      <c r="AW174">
        <f ca="1">ROUND(SQRT((VLOOKUP($A174,városok!$A$2:$C$346,2,0)-VLOOKUP(AW$1,városok!$A$2:$C$346,2,0))^2+(VLOOKUP($A174,városok!$A$2:$C$346,3,0)-VLOOKUP(AW$1,városok!$A$2:$C$346,3,0))^2)/1000,0)</f>
        <v>137</v>
      </c>
      <c r="AX174">
        <f ca="1">ROUND(SQRT((VLOOKUP($A174,városok!$A$2:$C$346,2,0)-VLOOKUP(AX$1,városok!$A$2:$C$346,2,0))^2+(VLOOKUP($A174,városok!$A$2:$C$346,3,0)-VLOOKUP(AX$1,városok!$A$2:$C$346,3,0))^2)/1000,0)</f>
        <v>64</v>
      </c>
      <c r="AY174">
        <f ca="1">ROUND(SQRT((VLOOKUP($A174,városok!$A$2:$C$346,2,0)-VLOOKUP(AY$1,városok!$A$2:$C$346,2,0))^2+(VLOOKUP($A174,városok!$A$2:$C$346,3,0)-VLOOKUP(AY$1,városok!$A$2:$C$346,3,0))^2)/1000,0)</f>
        <v>140</v>
      </c>
      <c r="AZ174">
        <f ca="1">ROUND(SQRT((VLOOKUP($A174,városok!$A$2:$C$346,2,0)-VLOOKUP(AZ$1,városok!$A$2:$C$346,2,0))^2+(VLOOKUP($A174,városok!$A$2:$C$346,3,0)-VLOOKUP(AZ$1,városok!$A$2:$C$346,3,0))^2)/1000,0)</f>
        <v>152</v>
      </c>
      <c r="BA174">
        <f ca="1">ROUND(SQRT((VLOOKUP($A174,városok!$A$2:$C$346,2,0)-VLOOKUP(BA$1,városok!$A$2:$C$346,2,0))^2+(VLOOKUP($A174,városok!$A$2:$C$346,3,0)-VLOOKUP(BA$1,városok!$A$2:$C$346,3,0))^2)/1000,0)</f>
        <v>224</v>
      </c>
      <c r="BB174">
        <f ca="1">ROUND(SQRT((VLOOKUP($A174,városok!$A$2:$C$346,2,0)-VLOOKUP(BB$1,városok!$A$2:$C$346,2,0))^2+(VLOOKUP($A174,városok!$A$2:$C$346,3,0)-VLOOKUP(BB$1,városok!$A$2:$C$346,3,0))^2)/1000,0)</f>
        <v>211</v>
      </c>
      <c r="BC174">
        <f ca="1">ROUND(SQRT((VLOOKUP($A174,városok!$A$2:$C$346,2,0)-VLOOKUP(BC$1,városok!$A$2:$C$346,2,0))^2+(VLOOKUP($A174,városok!$A$2:$C$346,3,0)-VLOOKUP(BC$1,városok!$A$2:$C$346,3,0))^2)/1000,0)</f>
        <v>228</v>
      </c>
      <c r="BD174">
        <f ca="1">ROUND(SQRT((VLOOKUP($A174,városok!$A$2:$C$346,2,0)-VLOOKUP(BD$1,városok!$A$2:$C$346,2,0))^2+(VLOOKUP($A174,városok!$A$2:$C$346,3,0)-VLOOKUP(BD$1,városok!$A$2:$C$346,3,0))^2)/1000,0)</f>
        <v>195</v>
      </c>
      <c r="BE174">
        <f ca="1">ROUND(SQRT((VLOOKUP($A174,városok!$A$2:$C$346,2,0)-VLOOKUP(BE$1,városok!$A$2:$C$346,2,0))^2+(VLOOKUP($A174,városok!$A$2:$C$346,3,0)-VLOOKUP(BE$1,városok!$A$2:$C$346,3,0))^2)/1000,0)</f>
        <v>180</v>
      </c>
      <c r="BF174">
        <f ca="1">ROUND(SQRT((VLOOKUP($A174,városok!$A$2:$C$346,2,0)-VLOOKUP(BF$1,városok!$A$2:$C$346,2,0))^2+(VLOOKUP($A174,városok!$A$2:$C$346,3,0)-VLOOKUP(BF$1,városok!$A$2:$C$346,3,0))^2)/1000,0)</f>
        <v>174</v>
      </c>
      <c r="BG174">
        <f ca="1">ROUND(SQRT((VLOOKUP($A174,városok!$A$2:$C$346,2,0)-VLOOKUP(BG$1,városok!$A$2:$C$346,2,0))^2+(VLOOKUP($A174,városok!$A$2:$C$346,3,0)-VLOOKUP(BG$1,városok!$A$2:$C$346,3,0))^2)/1000,0)</f>
        <v>140</v>
      </c>
      <c r="BH174">
        <f ca="1">ROUND(SQRT((VLOOKUP($A174,városok!$A$2:$C$346,2,0)-VLOOKUP(BH$1,városok!$A$2:$C$346,2,0))^2+(VLOOKUP($A174,városok!$A$2:$C$346,3,0)-VLOOKUP(BH$1,városok!$A$2:$C$346,3,0))^2)/1000,0)</f>
        <v>140</v>
      </c>
      <c r="BI174">
        <f ca="1">ROUND(SQRT((VLOOKUP($A174,városok!$A$2:$C$346,2,0)-VLOOKUP(BI$1,városok!$A$2:$C$346,2,0))^2+(VLOOKUP($A174,városok!$A$2:$C$346,3,0)-VLOOKUP(BI$1,városok!$A$2:$C$346,3,0))^2)/1000,0)</f>
        <v>167</v>
      </c>
      <c r="BJ174">
        <f ca="1">ROUND(SQRT((VLOOKUP($A174,városok!$A$2:$C$346,2,0)-VLOOKUP(BJ$1,városok!$A$2:$C$346,2,0))^2+(VLOOKUP($A174,városok!$A$2:$C$346,3,0)-VLOOKUP(BJ$1,városok!$A$2:$C$346,3,0))^2)/1000,0)</f>
        <v>184</v>
      </c>
      <c r="BK174">
        <f ca="1">ROUND(SQRT((VLOOKUP($A174,városok!$A$2:$C$346,2,0)-VLOOKUP(BK$1,városok!$A$2:$C$346,2,0))^2+(VLOOKUP($A174,városok!$A$2:$C$346,3,0)-VLOOKUP(BK$1,városok!$A$2:$C$346,3,0))^2)/1000,0)</f>
        <v>164</v>
      </c>
      <c r="BL174">
        <f ca="1">ROUND(SQRT((VLOOKUP($A174,városok!$A$2:$C$346,2,0)-VLOOKUP(BL$1,városok!$A$2:$C$346,2,0))^2+(VLOOKUP($A174,városok!$A$2:$C$346,3,0)-VLOOKUP(BL$1,városok!$A$2:$C$346,3,0))^2)/1000,0)</f>
        <v>305</v>
      </c>
      <c r="BM174">
        <f ca="1">ROUND(SQRT((VLOOKUP($A174,városok!$A$2:$C$346,2,0)-VLOOKUP(BM$1,városok!$A$2:$C$346,2,0))^2+(VLOOKUP($A174,városok!$A$2:$C$346,3,0)-VLOOKUP(BM$1,városok!$A$2:$C$346,3,0))^2)/1000,0)</f>
        <v>281</v>
      </c>
      <c r="BN174">
        <f ca="1">ROUND(SQRT((VLOOKUP($A174,városok!$A$2:$C$346,2,0)-VLOOKUP(BN$1,városok!$A$2:$C$346,2,0))^2+(VLOOKUP($A174,városok!$A$2:$C$346,3,0)-VLOOKUP(BN$1,városok!$A$2:$C$346,3,0))^2)/1000,0)</f>
        <v>304</v>
      </c>
      <c r="BO174">
        <f ca="1">ROUND(SQRT((VLOOKUP($A174,városok!$A$2:$C$346,2,0)-VLOOKUP(BO$1,városok!$A$2:$C$346,2,0))^2+(VLOOKUP($A174,városok!$A$2:$C$346,3,0)-VLOOKUP(BO$1,városok!$A$2:$C$346,3,0))^2)/1000,0)</f>
        <v>198</v>
      </c>
      <c r="BP174">
        <f ca="1">ROUND(SQRT((VLOOKUP($A174,városok!$A$2:$C$346,2,0)-VLOOKUP(BP$1,városok!$A$2:$C$346,2,0))^2+(VLOOKUP($A174,városok!$A$2:$C$346,3,0)-VLOOKUP(BP$1,városok!$A$2:$C$346,3,0))^2)/1000,0)</f>
        <v>191</v>
      </c>
      <c r="BQ174">
        <f ca="1">ROUND(SQRT((VLOOKUP($A174,városok!$A$2:$C$346,2,0)-VLOOKUP(BQ$1,városok!$A$2:$C$346,2,0))^2+(VLOOKUP($A174,városok!$A$2:$C$346,3,0)-VLOOKUP(BQ$1,városok!$A$2:$C$346,3,0))^2)/1000,0)</f>
        <v>206</v>
      </c>
      <c r="BR174">
        <f ca="1">ROUND(SQRT((VLOOKUP($A174,városok!$A$2:$C$346,2,0)-VLOOKUP(BR$1,városok!$A$2:$C$346,2,0))^2+(VLOOKUP($A174,városok!$A$2:$C$346,3,0)-VLOOKUP(BR$1,városok!$A$2:$C$346,3,0))^2)/1000,0)</f>
        <v>258</v>
      </c>
      <c r="BS174">
        <f ca="1">ROUND(SQRT((VLOOKUP($A174,városok!$A$2:$C$346,2,0)-VLOOKUP(BS$1,városok!$A$2:$C$346,2,0))^2+(VLOOKUP($A174,városok!$A$2:$C$346,3,0)-VLOOKUP(BS$1,városok!$A$2:$C$346,3,0))^2)/1000,0)</f>
        <v>284</v>
      </c>
      <c r="BT174">
        <f ca="1">ROUND(SQRT((VLOOKUP($A174,városok!$A$2:$C$346,2,0)-VLOOKUP(BT$1,városok!$A$2:$C$346,2,0))^2+(VLOOKUP($A174,városok!$A$2:$C$346,3,0)-VLOOKUP(BT$1,városok!$A$2:$C$346,3,0))^2)/1000,0)</f>
        <v>289</v>
      </c>
    </row>
    <row r="175" spans="1:72" x14ac:dyDescent="0.2">
      <c r="A175" t="str">
        <f>városok!A175</f>
        <v>Rákóczifalva</v>
      </c>
      <c r="B175">
        <f ca="1">ROUND(SQRT((VLOOKUP($A175,városok!$A$2:$C$346,2,0)-VLOOKUP(B$1,városok!$A$2:$C$346,2,0))^2+(VLOOKUP($A175,városok!$A$2:$C$346,3,0)-VLOOKUP(B$1,városok!$A$2:$C$346,3,0))^2)/1000,0)</f>
        <v>140</v>
      </c>
      <c r="C175">
        <f ca="1">ROUND(SQRT((VLOOKUP($A175,városok!$A$2:$C$346,2,0)-VLOOKUP(C$1,városok!$A$2:$C$346,2,0))^2+(VLOOKUP($A175,városok!$A$2:$C$346,3,0)-VLOOKUP(C$1,városok!$A$2:$C$346,3,0))^2)/1000,0)</f>
        <v>114</v>
      </c>
      <c r="D175">
        <f ca="1">ROUND(SQRT((VLOOKUP($A175,városok!$A$2:$C$346,2,0)-VLOOKUP(D$1,városok!$A$2:$C$346,2,0))^2+(VLOOKUP($A175,városok!$A$2:$C$346,3,0)-VLOOKUP(D$1,városok!$A$2:$C$346,3,0))^2)/1000,0)</f>
        <v>46</v>
      </c>
      <c r="E175">
        <f ca="1">ROUND(SQRT((VLOOKUP($A175,városok!$A$2:$C$346,2,0)-VLOOKUP(E$1,városok!$A$2:$C$346,2,0))^2+(VLOOKUP($A175,városok!$A$2:$C$346,3,0)-VLOOKUP(E$1,városok!$A$2:$C$346,3,0))^2)/1000,0)</f>
        <v>181</v>
      </c>
      <c r="F175">
        <f ca="1">ROUND(SQRT((VLOOKUP($A175,városok!$A$2:$C$346,2,0)-VLOOKUP(F$1,városok!$A$2:$C$346,2,0))^2+(VLOOKUP($A175,városok!$A$2:$C$346,3,0)-VLOOKUP(F$1,városok!$A$2:$C$346,3,0))^2)/1000,0)</f>
        <v>170</v>
      </c>
      <c r="G175">
        <f ca="1">ROUND(SQRT((VLOOKUP($A175,városok!$A$2:$C$346,2,0)-VLOOKUP(G$1,városok!$A$2:$C$346,2,0))^2+(VLOOKUP($A175,városok!$A$2:$C$346,3,0)-VLOOKUP(G$1,városok!$A$2:$C$346,3,0))^2)/1000,0)</f>
        <v>189</v>
      </c>
      <c r="H175">
        <f ca="1">ROUND(SQRT((VLOOKUP($A175,városok!$A$2:$C$346,2,0)-VLOOKUP(H$1,városok!$A$2:$C$346,2,0))^2+(VLOOKUP($A175,városok!$A$2:$C$346,3,0)-VLOOKUP(H$1,városok!$A$2:$C$346,3,0))^2)/1000,0)</f>
        <v>219</v>
      </c>
      <c r="I175">
        <f ca="1">ROUND(SQRT((VLOOKUP($A175,városok!$A$2:$C$346,2,0)-VLOOKUP(I$1,városok!$A$2:$C$346,2,0))^2+(VLOOKUP($A175,városok!$A$2:$C$346,3,0)-VLOOKUP(I$1,városok!$A$2:$C$346,3,0))^2)/1000,0)</f>
        <v>80</v>
      </c>
      <c r="J175">
        <f ca="1">ROUND(SQRT((VLOOKUP($A175,városok!$A$2:$C$346,2,0)-VLOOKUP(J$1,városok!$A$2:$C$346,2,0))^2+(VLOOKUP($A175,városok!$A$2:$C$346,3,0)-VLOOKUP(J$1,városok!$A$2:$C$346,3,0))^2)/1000,0)</f>
        <v>94</v>
      </c>
      <c r="K175">
        <f ca="1">ROUND(SQRT((VLOOKUP($A175,városok!$A$2:$C$346,2,0)-VLOOKUP(K$1,városok!$A$2:$C$346,2,0))^2+(VLOOKUP($A175,városok!$A$2:$C$346,3,0)-VLOOKUP(K$1,városok!$A$2:$C$346,3,0))^2)/1000,0)</f>
        <v>68</v>
      </c>
      <c r="L175">
        <f ca="1">ROUND(SQRT((VLOOKUP($A175,városok!$A$2:$C$346,2,0)-VLOOKUP(L$1,városok!$A$2:$C$346,2,0))^2+(VLOOKUP($A175,városok!$A$2:$C$346,3,0)-VLOOKUP(L$1,városok!$A$2:$C$346,3,0))^2)/1000,0)</f>
        <v>133</v>
      </c>
      <c r="M175">
        <f ca="1">ROUND(SQRT((VLOOKUP($A175,városok!$A$2:$C$346,2,0)-VLOOKUP(M$1,városok!$A$2:$C$346,2,0))^2+(VLOOKUP($A175,városok!$A$2:$C$346,3,0)-VLOOKUP(M$1,városok!$A$2:$C$346,3,0))^2)/1000,0)</f>
        <v>120</v>
      </c>
      <c r="N175">
        <f ca="1">ROUND(SQRT((VLOOKUP($A175,városok!$A$2:$C$346,2,0)-VLOOKUP(N$1,városok!$A$2:$C$346,2,0))^2+(VLOOKUP($A175,városok!$A$2:$C$346,3,0)-VLOOKUP(N$1,városok!$A$2:$C$346,3,0))^2)/1000,0)</f>
        <v>126</v>
      </c>
      <c r="O175">
        <f ca="1">ROUND(SQRT((VLOOKUP($A175,városok!$A$2:$C$346,2,0)-VLOOKUP(O$1,városok!$A$2:$C$346,2,0))^2+(VLOOKUP($A175,városok!$A$2:$C$346,3,0)-VLOOKUP(O$1,városok!$A$2:$C$346,3,0))^2)/1000,0)</f>
        <v>180</v>
      </c>
      <c r="P175">
        <f ca="1">ROUND(SQRT((VLOOKUP($A175,városok!$A$2:$C$346,2,0)-VLOOKUP(P$1,városok!$A$2:$C$346,2,0))^2+(VLOOKUP($A175,városok!$A$2:$C$346,3,0)-VLOOKUP(P$1,városok!$A$2:$C$346,3,0))^2)/1000,0)</f>
        <v>180</v>
      </c>
      <c r="Q175">
        <f ca="1">ROUND(SQRT((VLOOKUP($A175,városok!$A$2:$C$346,2,0)-VLOOKUP(Q$1,városok!$A$2:$C$346,2,0))^2+(VLOOKUP($A175,városok!$A$2:$C$346,3,0)-VLOOKUP(Q$1,városok!$A$2:$C$346,3,0))^2)/1000,0)</f>
        <v>75</v>
      </c>
      <c r="R175">
        <f ca="1">ROUND(SQRT((VLOOKUP($A175,városok!$A$2:$C$346,2,0)-VLOOKUP(R$1,városok!$A$2:$C$346,2,0))^2+(VLOOKUP($A175,városok!$A$2:$C$346,3,0)-VLOOKUP(R$1,városok!$A$2:$C$346,3,0))^2)/1000,0)</f>
        <v>99</v>
      </c>
      <c r="S175">
        <f ca="1">ROUND(SQRT((VLOOKUP($A175,városok!$A$2:$C$346,2,0)-VLOOKUP(S$1,városok!$A$2:$C$346,2,0))^2+(VLOOKUP($A175,városok!$A$2:$C$346,3,0)-VLOOKUP(S$1,városok!$A$2:$C$346,3,0))^2)/1000,0)</f>
        <v>94</v>
      </c>
      <c r="T175">
        <f ca="1">ROUND(SQRT((VLOOKUP($A175,városok!$A$2:$C$346,2,0)-VLOOKUP(T$1,városok!$A$2:$C$346,2,0))^2+(VLOOKUP($A175,városok!$A$2:$C$346,3,0)-VLOOKUP(T$1,városok!$A$2:$C$346,3,0))^2)/1000,0)</f>
        <v>128</v>
      </c>
      <c r="U175">
        <f ca="1">ROUND(SQRT((VLOOKUP($A175,városok!$A$2:$C$346,2,0)-VLOOKUP(U$1,városok!$A$2:$C$346,2,0))^2+(VLOOKUP($A175,városok!$A$2:$C$346,3,0)-VLOOKUP(U$1,városok!$A$2:$C$346,3,0))^2)/1000,0)</f>
        <v>99</v>
      </c>
      <c r="V175">
        <f ca="1">ROUND(SQRT((VLOOKUP($A175,városok!$A$2:$C$346,2,0)-VLOOKUP(V$1,városok!$A$2:$C$346,2,0))^2+(VLOOKUP($A175,városok!$A$2:$C$346,3,0)-VLOOKUP(V$1,városok!$A$2:$C$346,3,0))^2)/1000,0)</f>
        <v>146</v>
      </c>
      <c r="W175">
        <f ca="1">ROUND(SQRT((VLOOKUP($A175,városok!$A$2:$C$346,2,0)-VLOOKUP(W$1,városok!$A$2:$C$346,2,0))^2+(VLOOKUP($A175,városok!$A$2:$C$346,3,0)-VLOOKUP(W$1,városok!$A$2:$C$346,3,0))^2)/1000,0)</f>
        <v>124</v>
      </c>
      <c r="X175">
        <f ca="1">ROUND(SQRT((VLOOKUP($A175,városok!$A$2:$C$346,2,0)-VLOOKUP(X$1,városok!$A$2:$C$346,2,0))^2+(VLOOKUP($A175,városok!$A$2:$C$346,3,0)-VLOOKUP(X$1,városok!$A$2:$C$346,3,0))^2)/1000,0)</f>
        <v>146</v>
      </c>
      <c r="Y175">
        <f ca="1">ROUND(SQRT((VLOOKUP($A175,városok!$A$2:$C$346,2,0)-VLOOKUP(Y$1,városok!$A$2:$C$346,2,0))^2+(VLOOKUP($A175,városok!$A$2:$C$346,3,0)-VLOOKUP(Y$1,városok!$A$2:$C$346,3,0))^2)/1000,0)</f>
        <v>207</v>
      </c>
      <c r="Z175">
        <f ca="1">ROUND(SQRT((VLOOKUP($A175,városok!$A$2:$C$346,2,0)-VLOOKUP(Z$1,városok!$A$2:$C$346,2,0))^2+(VLOOKUP($A175,városok!$A$2:$C$346,3,0)-VLOOKUP(Z$1,városok!$A$2:$C$346,3,0))^2)/1000,0)</f>
        <v>226</v>
      </c>
      <c r="AA175">
        <f ca="1">ROUND(SQRT((VLOOKUP($A175,városok!$A$2:$C$346,2,0)-VLOOKUP(AA$1,városok!$A$2:$C$346,2,0))^2+(VLOOKUP($A175,városok!$A$2:$C$346,3,0)-VLOOKUP(AA$1,városok!$A$2:$C$346,3,0))^2)/1000,0)</f>
        <v>283</v>
      </c>
      <c r="AB175">
        <f ca="1">ROUND(SQRT((VLOOKUP($A175,városok!$A$2:$C$346,2,0)-VLOOKUP(AB$1,városok!$A$2:$C$346,2,0))^2+(VLOOKUP($A175,városok!$A$2:$C$346,3,0)-VLOOKUP(AB$1,városok!$A$2:$C$346,3,0))^2)/1000,0)</f>
        <v>117</v>
      </c>
      <c r="AC175">
        <f ca="1">ROUND(SQRT((VLOOKUP($A175,városok!$A$2:$C$346,2,0)-VLOOKUP(AC$1,városok!$A$2:$C$346,2,0))^2+(VLOOKUP($A175,városok!$A$2:$C$346,3,0)-VLOOKUP(AC$1,városok!$A$2:$C$346,3,0))^2)/1000,0)</f>
        <v>97</v>
      </c>
      <c r="AD175">
        <f ca="1">ROUND(SQRT((VLOOKUP($A175,városok!$A$2:$C$346,2,0)-VLOOKUP(AD$1,városok!$A$2:$C$346,2,0))^2+(VLOOKUP($A175,városok!$A$2:$C$346,3,0)-VLOOKUP(AD$1,városok!$A$2:$C$346,3,0))^2)/1000,0)</f>
        <v>80</v>
      </c>
      <c r="AE175">
        <f ca="1">ROUND(SQRT((VLOOKUP($A175,városok!$A$2:$C$346,2,0)-VLOOKUP(AE$1,városok!$A$2:$C$346,2,0))^2+(VLOOKUP($A175,városok!$A$2:$C$346,3,0)-VLOOKUP(AE$1,városok!$A$2:$C$346,3,0))^2)/1000,0)</f>
        <v>75</v>
      </c>
      <c r="AF175">
        <f ca="1">ROUND(SQRT((VLOOKUP($A175,városok!$A$2:$C$346,2,0)-VLOOKUP(AF$1,városok!$A$2:$C$346,2,0))^2+(VLOOKUP($A175,városok!$A$2:$C$346,3,0)-VLOOKUP(AF$1,városok!$A$2:$C$346,3,0))^2)/1000,0)</f>
        <v>91</v>
      </c>
      <c r="AG175">
        <f ca="1">ROUND(SQRT((VLOOKUP($A175,városok!$A$2:$C$346,2,0)-VLOOKUP(AG$1,városok!$A$2:$C$346,2,0))^2+(VLOOKUP($A175,városok!$A$2:$C$346,3,0)-VLOOKUP(AG$1,városok!$A$2:$C$346,3,0))^2)/1000,0)</f>
        <v>80</v>
      </c>
      <c r="AH175">
        <f ca="1">ROUND(SQRT((VLOOKUP($A175,városok!$A$2:$C$346,2,0)-VLOOKUP(AH$1,városok!$A$2:$C$346,2,0))^2+(VLOOKUP($A175,városok!$A$2:$C$346,3,0)-VLOOKUP(AH$1,városok!$A$2:$C$346,3,0))^2)/1000,0)</f>
        <v>76</v>
      </c>
      <c r="AI175">
        <f ca="1">ROUND(SQRT((VLOOKUP($A175,városok!$A$2:$C$346,2,0)-VLOOKUP(AI$1,városok!$A$2:$C$346,2,0))^2+(VLOOKUP($A175,városok!$A$2:$C$346,3,0)-VLOOKUP(AI$1,városok!$A$2:$C$346,3,0))^2)/1000,0)</f>
        <v>104</v>
      </c>
      <c r="AJ175">
        <f ca="1">ROUND(SQRT((VLOOKUP($A175,városok!$A$2:$C$346,2,0)-VLOOKUP(AJ$1,városok!$A$2:$C$346,2,0))^2+(VLOOKUP($A175,városok!$A$2:$C$346,3,0)-VLOOKUP(AJ$1,városok!$A$2:$C$346,3,0))^2)/1000,0)</f>
        <v>64</v>
      </c>
      <c r="AK175">
        <f ca="1">ROUND(SQRT((VLOOKUP($A175,városok!$A$2:$C$346,2,0)-VLOOKUP(AK$1,városok!$A$2:$C$346,2,0))^2+(VLOOKUP($A175,városok!$A$2:$C$346,3,0)-VLOOKUP(AK$1,városok!$A$2:$C$346,3,0))^2)/1000,0)</f>
        <v>61</v>
      </c>
      <c r="AL175">
        <f ca="1">ROUND(SQRT((VLOOKUP($A175,városok!$A$2:$C$346,2,0)-VLOOKUP(AL$1,városok!$A$2:$C$346,2,0))^2+(VLOOKUP($A175,városok!$A$2:$C$346,3,0)-VLOOKUP(AL$1,városok!$A$2:$C$346,3,0))^2)/1000,0)</f>
        <v>43</v>
      </c>
      <c r="AM175">
        <f ca="1">ROUND(SQRT((VLOOKUP($A175,városok!$A$2:$C$346,2,0)-VLOOKUP(AM$1,városok!$A$2:$C$346,2,0))^2+(VLOOKUP($A175,városok!$A$2:$C$346,3,0)-VLOOKUP(AM$1,városok!$A$2:$C$346,3,0))^2)/1000,0)</f>
        <v>10</v>
      </c>
      <c r="AN175">
        <f ca="1">ROUND(SQRT((VLOOKUP($A175,városok!$A$2:$C$346,2,0)-VLOOKUP(AN$1,városok!$A$2:$C$346,2,0))^2+(VLOOKUP($A175,városok!$A$2:$C$346,3,0)-VLOOKUP(AN$1,városok!$A$2:$C$346,3,0))^2)/1000,0)</f>
        <v>136</v>
      </c>
      <c r="AO175">
        <f ca="1">ROUND(SQRT((VLOOKUP($A175,városok!$A$2:$C$346,2,0)-VLOOKUP(AO$1,városok!$A$2:$C$346,2,0))^2+(VLOOKUP($A175,városok!$A$2:$C$346,3,0)-VLOOKUP(AO$1,városok!$A$2:$C$346,3,0))^2)/1000,0)</f>
        <v>174</v>
      </c>
      <c r="AP175">
        <f ca="1">ROUND(SQRT((VLOOKUP($A175,városok!$A$2:$C$346,2,0)-VLOOKUP(AP$1,városok!$A$2:$C$346,2,0))^2+(VLOOKUP($A175,városok!$A$2:$C$346,3,0)-VLOOKUP(AP$1,városok!$A$2:$C$346,3,0))^2)/1000,0)</f>
        <v>156</v>
      </c>
      <c r="AQ175">
        <f ca="1">ROUND(SQRT((VLOOKUP($A175,városok!$A$2:$C$346,2,0)-VLOOKUP(AQ$1,városok!$A$2:$C$346,2,0))^2+(VLOOKUP($A175,városok!$A$2:$C$346,3,0)-VLOOKUP(AQ$1,városok!$A$2:$C$346,3,0))^2)/1000,0)</f>
        <v>147</v>
      </c>
      <c r="AR175">
        <f ca="1">ROUND(SQRT((VLOOKUP($A175,városok!$A$2:$C$346,2,0)-VLOOKUP(AR$1,városok!$A$2:$C$346,2,0))^2+(VLOOKUP($A175,városok!$A$2:$C$346,3,0)-VLOOKUP(AR$1,városok!$A$2:$C$346,3,0))^2)/1000,0)</f>
        <v>100</v>
      </c>
      <c r="AS175">
        <f ca="1">ROUND(SQRT((VLOOKUP($A175,városok!$A$2:$C$346,2,0)-VLOOKUP(AS$1,városok!$A$2:$C$346,2,0))^2+(VLOOKUP($A175,városok!$A$2:$C$346,3,0)-VLOOKUP(AS$1,városok!$A$2:$C$346,3,0))^2)/1000,0)</f>
        <v>118</v>
      </c>
      <c r="AT175">
        <f ca="1">ROUND(SQRT((VLOOKUP($A175,városok!$A$2:$C$346,2,0)-VLOOKUP(AT$1,városok!$A$2:$C$346,2,0))^2+(VLOOKUP($A175,városok!$A$2:$C$346,3,0)-VLOOKUP(AT$1,városok!$A$2:$C$346,3,0))^2)/1000,0)</f>
        <v>114</v>
      </c>
      <c r="AU175">
        <f ca="1">ROUND(SQRT((VLOOKUP($A175,városok!$A$2:$C$346,2,0)-VLOOKUP(AU$1,városok!$A$2:$C$346,2,0))^2+(VLOOKUP($A175,városok!$A$2:$C$346,3,0)-VLOOKUP(AU$1,városok!$A$2:$C$346,3,0))^2)/1000,0)</f>
        <v>104</v>
      </c>
      <c r="AV175">
        <f ca="1">ROUND(SQRT((VLOOKUP($A175,városok!$A$2:$C$346,2,0)-VLOOKUP(AV$1,városok!$A$2:$C$346,2,0))^2+(VLOOKUP($A175,városok!$A$2:$C$346,3,0)-VLOOKUP(AV$1,városok!$A$2:$C$346,3,0))^2)/1000,0)</f>
        <v>103</v>
      </c>
      <c r="AW175">
        <f ca="1">ROUND(SQRT((VLOOKUP($A175,városok!$A$2:$C$346,2,0)-VLOOKUP(AW$1,városok!$A$2:$C$346,2,0))^2+(VLOOKUP($A175,városok!$A$2:$C$346,3,0)-VLOOKUP(AW$1,városok!$A$2:$C$346,3,0))^2)/1000,0)</f>
        <v>105</v>
      </c>
      <c r="AX175">
        <f ca="1">ROUND(SQRT((VLOOKUP($A175,városok!$A$2:$C$346,2,0)-VLOOKUP(AX$1,városok!$A$2:$C$346,2,0))^2+(VLOOKUP($A175,városok!$A$2:$C$346,3,0)-VLOOKUP(AX$1,városok!$A$2:$C$346,3,0))^2)/1000,0)</f>
        <v>34</v>
      </c>
      <c r="AY175">
        <f ca="1">ROUND(SQRT((VLOOKUP($A175,városok!$A$2:$C$346,2,0)-VLOOKUP(AY$1,városok!$A$2:$C$346,2,0))^2+(VLOOKUP($A175,városok!$A$2:$C$346,3,0)-VLOOKUP(AY$1,városok!$A$2:$C$346,3,0))^2)/1000,0)</f>
        <v>110</v>
      </c>
      <c r="AZ175">
        <f ca="1">ROUND(SQRT((VLOOKUP($A175,városok!$A$2:$C$346,2,0)-VLOOKUP(AZ$1,városok!$A$2:$C$346,2,0))^2+(VLOOKUP($A175,városok!$A$2:$C$346,3,0)-VLOOKUP(AZ$1,városok!$A$2:$C$346,3,0))^2)/1000,0)</f>
        <v>122</v>
      </c>
      <c r="BA175">
        <f ca="1">ROUND(SQRT((VLOOKUP($A175,városok!$A$2:$C$346,2,0)-VLOOKUP(BA$1,városok!$A$2:$C$346,2,0))^2+(VLOOKUP($A175,városok!$A$2:$C$346,3,0)-VLOOKUP(BA$1,városok!$A$2:$C$346,3,0))^2)/1000,0)</f>
        <v>195</v>
      </c>
      <c r="BB175">
        <f ca="1">ROUND(SQRT((VLOOKUP($A175,városok!$A$2:$C$346,2,0)-VLOOKUP(BB$1,városok!$A$2:$C$346,2,0))^2+(VLOOKUP($A175,városok!$A$2:$C$346,3,0)-VLOOKUP(BB$1,városok!$A$2:$C$346,3,0))^2)/1000,0)</f>
        <v>185</v>
      </c>
      <c r="BC175">
        <f ca="1">ROUND(SQRT((VLOOKUP($A175,városok!$A$2:$C$346,2,0)-VLOOKUP(BC$1,városok!$A$2:$C$346,2,0))^2+(VLOOKUP($A175,városok!$A$2:$C$346,3,0)-VLOOKUP(BC$1,városok!$A$2:$C$346,3,0))^2)/1000,0)</f>
        <v>203</v>
      </c>
      <c r="BD175">
        <f ca="1">ROUND(SQRT((VLOOKUP($A175,városok!$A$2:$C$346,2,0)-VLOOKUP(BD$1,városok!$A$2:$C$346,2,0))^2+(VLOOKUP($A175,városok!$A$2:$C$346,3,0)-VLOOKUP(BD$1,városok!$A$2:$C$346,3,0))^2)/1000,0)</f>
        <v>165</v>
      </c>
      <c r="BE175">
        <f ca="1">ROUND(SQRT((VLOOKUP($A175,városok!$A$2:$C$346,2,0)-VLOOKUP(BE$1,városok!$A$2:$C$346,2,0))^2+(VLOOKUP($A175,városok!$A$2:$C$346,3,0)-VLOOKUP(BE$1,városok!$A$2:$C$346,3,0))^2)/1000,0)</f>
        <v>202</v>
      </c>
      <c r="BF175">
        <f ca="1">ROUND(SQRT((VLOOKUP($A175,városok!$A$2:$C$346,2,0)-VLOOKUP(BF$1,városok!$A$2:$C$346,2,0))^2+(VLOOKUP($A175,városok!$A$2:$C$346,3,0)-VLOOKUP(BF$1,városok!$A$2:$C$346,3,0))^2)/1000,0)</f>
        <v>187</v>
      </c>
      <c r="BG175">
        <f ca="1">ROUND(SQRT((VLOOKUP($A175,városok!$A$2:$C$346,2,0)-VLOOKUP(BG$1,városok!$A$2:$C$346,2,0))^2+(VLOOKUP($A175,városok!$A$2:$C$346,3,0)-VLOOKUP(BG$1,városok!$A$2:$C$346,3,0))^2)/1000,0)</f>
        <v>148</v>
      </c>
      <c r="BH175">
        <f ca="1">ROUND(SQRT((VLOOKUP($A175,városok!$A$2:$C$346,2,0)-VLOOKUP(BH$1,városok!$A$2:$C$346,2,0))^2+(VLOOKUP($A175,városok!$A$2:$C$346,3,0)-VLOOKUP(BH$1,városok!$A$2:$C$346,3,0))^2)/1000,0)</f>
        <v>148</v>
      </c>
      <c r="BI175">
        <f ca="1">ROUND(SQRT((VLOOKUP($A175,városok!$A$2:$C$346,2,0)-VLOOKUP(BI$1,városok!$A$2:$C$346,2,0))^2+(VLOOKUP($A175,városok!$A$2:$C$346,3,0)-VLOOKUP(BI$1,városok!$A$2:$C$346,3,0))^2)/1000,0)</f>
        <v>145</v>
      </c>
      <c r="BJ175">
        <f ca="1">ROUND(SQRT((VLOOKUP($A175,városok!$A$2:$C$346,2,0)-VLOOKUP(BJ$1,városok!$A$2:$C$346,2,0))^2+(VLOOKUP($A175,városok!$A$2:$C$346,3,0)-VLOOKUP(BJ$1,városok!$A$2:$C$346,3,0))^2)/1000,0)</f>
        <v>162</v>
      </c>
      <c r="BK175">
        <f ca="1">ROUND(SQRT((VLOOKUP($A175,városok!$A$2:$C$346,2,0)-VLOOKUP(BK$1,városok!$A$2:$C$346,2,0))^2+(VLOOKUP($A175,városok!$A$2:$C$346,3,0)-VLOOKUP(BK$1,városok!$A$2:$C$346,3,0))^2)/1000,0)</f>
        <v>143</v>
      </c>
      <c r="BL175">
        <f ca="1">ROUND(SQRT((VLOOKUP($A175,városok!$A$2:$C$346,2,0)-VLOOKUP(BL$1,városok!$A$2:$C$346,2,0))^2+(VLOOKUP($A175,városok!$A$2:$C$346,3,0)-VLOOKUP(BL$1,városok!$A$2:$C$346,3,0))^2)/1000,0)</f>
        <v>275</v>
      </c>
      <c r="BM175">
        <f ca="1">ROUND(SQRT((VLOOKUP($A175,városok!$A$2:$C$346,2,0)-VLOOKUP(BM$1,városok!$A$2:$C$346,2,0))^2+(VLOOKUP($A175,városok!$A$2:$C$346,3,0)-VLOOKUP(BM$1,városok!$A$2:$C$346,3,0))^2)/1000,0)</f>
        <v>250</v>
      </c>
      <c r="BN175">
        <f ca="1">ROUND(SQRT((VLOOKUP($A175,városok!$A$2:$C$346,2,0)-VLOOKUP(BN$1,városok!$A$2:$C$346,2,0))^2+(VLOOKUP($A175,városok!$A$2:$C$346,3,0)-VLOOKUP(BN$1,városok!$A$2:$C$346,3,0))^2)/1000,0)</f>
        <v>274</v>
      </c>
      <c r="BO175">
        <f ca="1">ROUND(SQRT((VLOOKUP($A175,városok!$A$2:$C$346,2,0)-VLOOKUP(BO$1,városok!$A$2:$C$346,2,0))^2+(VLOOKUP($A175,városok!$A$2:$C$346,3,0)-VLOOKUP(BO$1,városok!$A$2:$C$346,3,0))^2)/1000,0)</f>
        <v>168</v>
      </c>
      <c r="BP175">
        <f ca="1">ROUND(SQRT((VLOOKUP($A175,városok!$A$2:$C$346,2,0)-VLOOKUP(BP$1,városok!$A$2:$C$346,2,0))^2+(VLOOKUP($A175,városok!$A$2:$C$346,3,0)-VLOOKUP(BP$1,városok!$A$2:$C$346,3,0))^2)/1000,0)</f>
        <v>161</v>
      </c>
      <c r="BQ175">
        <f ca="1">ROUND(SQRT((VLOOKUP($A175,városok!$A$2:$C$346,2,0)-VLOOKUP(BQ$1,városok!$A$2:$C$346,2,0))^2+(VLOOKUP($A175,városok!$A$2:$C$346,3,0)-VLOOKUP(BQ$1,városok!$A$2:$C$346,3,0))^2)/1000,0)</f>
        <v>176</v>
      </c>
      <c r="BR175">
        <f ca="1">ROUND(SQRT((VLOOKUP($A175,városok!$A$2:$C$346,2,0)-VLOOKUP(BR$1,városok!$A$2:$C$346,2,0))^2+(VLOOKUP($A175,városok!$A$2:$C$346,3,0)-VLOOKUP(BR$1,városok!$A$2:$C$346,3,0))^2)/1000,0)</f>
        <v>229</v>
      </c>
      <c r="BS175">
        <f ca="1">ROUND(SQRT((VLOOKUP($A175,városok!$A$2:$C$346,2,0)-VLOOKUP(BS$1,városok!$A$2:$C$346,2,0))^2+(VLOOKUP($A175,városok!$A$2:$C$346,3,0)-VLOOKUP(BS$1,városok!$A$2:$C$346,3,0))^2)/1000,0)</f>
        <v>257</v>
      </c>
      <c r="BT175">
        <f ca="1">ROUND(SQRT((VLOOKUP($A175,városok!$A$2:$C$346,2,0)-VLOOKUP(BT$1,városok!$A$2:$C$346,2,0))^2+(VLOOKUP($A175,városok!$A$2:$C$346,3,0)-VLOOKUP(BT$1,városok!$A$2:$C$346,3,0))^2)/1000,0)</f>
        <v>259</v>
      </c>
    </row>
    <row r="176" spans="1:72" x14ac:dyDescent="0.2">
      <c r="A176" t="str">
        <f>városok!A176</f>
        <v>Szolnok</v>
      </c>
      <c r="B176">
        <f ca="1">ROUND(SQRT((VLOOKUP($A176,városok!$A$2:$C$346,2,0)-VLOOKUP(B$1,városok!$A$2:$C$346,2,0))^2+(VLOOKUP($A176,városok!$A$2:$C$346,3,0)-VLOOKUP(B$1,városok!$A$2:$C$346,3,0))^2)/1000,0)</f>
        <v>145</v>
      </c>
      <c r="C176">
        <f ca="1">ROUND(SQRT((VLOOKUP($A176,városok!$A$2:$C$346,2,0)-VLOOKUP(C$1,városok!$A$2:$C$346,2,0))^2+(VLOOKUP($A176,városok!$A$2:$C$346,3,0)-VLOOKUP(C$1,városok!$A$2:$C$346,3,0))^2)/1000,0)</f>
        <v>117</v>
      </c>
      <c r="D176">
        <f ca="1">ROUND(SQRT((VLOOKUP($A176,városok!$A$2:$C$346,2,0)-VLOOKUP(D$1,városok!$A$2:$C$346,2,0))^2+(VLOOKUP($A176,városok!$A$2:$C$346,3,0)-VLOOKUP(D$1,városok!$A$2:$C$346,3,0))^2)/1000,0)</f>
        <v>48</v>
      </c>
      <c r="E176">
        <f ca="1">ROUND(SQRT((VLOOKUP($A176,városok!$A$2:$C$346,2,0)-VLOOKUP(E$1,városok!$A$2:$C$346,2,0))^2+(VLOOKUP($A176,városok!$A$2:$C$346,3,0)-VLOOKUP(E$1,városok!$A$2:$C$346,3,0))^2)/1000,0)</f>
        <v>184</v>
      </c>
      <c r="F176">
        <f ca="1">ROUND(SQRT((VLOOKUP($A176,városok!$A$2:$C$346,2,0)-VLOOKUP(F$1,városok!$A$2:$C$346,2,0))^2+(VLOOKUP($A176,városok!$A$2:$C$346,3,0)-VLOOKUP(F$1,városok!$A$2:$C$346,3,0))^2)/1000,0)</f>
        <v>175</v>
      </c>
      <c r="G176">
        <f ca="1">ROUND(SQRT((VLOOKUP($A176,városok!$A$2:$C$346,2,0)-VLOOKUP(G$1,városok!$A$2:$C$346,2,0))^2+(VLOOKUP($A176,városok!$A$2:$C$346,3,0)-VLOOKUP(G$1,városok!$A$2:$C$346,3,0))^2)/1000,0)</f>
        <v>192</v>
      </c>
      <c r="H176">
        <f ca="1">ROUND(SQRT((VLOOKUP($A176,városok!$A$2:$C$346,2,0)-VLOOKUP(H$1,városok!$A$2:$C$346,2,0))^2+(VLOOKUP($A176,városok!$A$2:$C$346,3,0)-VLOOKUP(H$1,városok!$A$2:$C$346,3,0))^2)/1000,0)</f>
        <v>222</v>
      </c>
      <c r="I176">
        <f ca="1">ROUND(SQRT((VLOOKUP($A176,városok!$A$2:$C$346,2,0)-VLOOKUP(I$1,városok!$A$2:$C$346,2,0))^2+(VLOOKUP($A176,városok!$A$2:$C$346,3,0)-VLOOKUP(I$1,városok!$A$2:$C$346,3,0))^2)/1000,0)</f>
        <v>88</v>
      </c>
      <c r="J176">
        <f ca="1">ROUND(SQRT((VLOOKUP($A176,városok!$A$2:$C$346,2,0)-VLOOKUP(J$1,városok!$A$2:$C$346,2,0))^2+(VLOOKUP($A176,városok!$A$2:$C$346,3,0)-VLOOKUP(J$1,városok!$A$2:$C$346,3,0))^2)/1000,0)</f>
        <v>102</v>
      </c>
      <c r="K176">
        <f ca="1">ROUND(SQRT((VLOOKUP($A176,városok!$A$2:$C$346,2,0)-VLOOKUP(K$1,városok!$A$2:$C$346,2,0))^2+(VLOOKUP($A176,városok!$A$2:$C$346,3,0)-VLOOKUP(K$1,városok!$A$2:$C$346,3,0))^2)/1000,0)</f>
        <v>78</v>
      </c>
      <c r="L176">
        <f ca="1">ROUND(SQRT((VLOOKUP($A176,városok!$A$2:$C$346,2,0)-VLOOKUP(L$1,városok!$A$2:$C$346,2,0))^2+(VLOOKUP($A176,városok!$A$2:$C$346,3,0)-VLOOKUP(L$1,városok!$A$2:$C$346,3,0))^2)/1000,0)</f>
        <v>124</v>
      </c>
      <c r="M176">
        <f ca="1">ROUND(SQRT((VLOOKUP($A176,városok!$A$2:$C$346,2,0)-VLOOKUP(M$1,városok!$A$2:$C$346,2,0))^2+(VLOOKUP($A176,városok!$A$2:$C$346,3,0)-VLOOKUP(M$1,városok!$A$2:$C$346,3,0))^2)/1000,0)</f>
        <v>113</v>
      </c>
      <c r="N176">
        <f ca="1">ROUND(SQRT((VLOOKUP($A176,városok!$A$2:$C$346,2,0)-VLOOKUP(N$1,városok!$A$2:$C$346,2,0))^2+(VLOOKUP($A176,városok!$A$2:$C$346,3,0)-VLOOKUP(N$1,városok!$A$2:$C$346,3,0))^2)/1000,0)</f>
        <v>116</v>
      </c>
      <c r="O176">
        <f ca="1">ROUND(SQRT((VLOOKUP($A176,városok!$A$2:$C$346,2,0)-VLOOKUP(O$1,városok!$A$2:$C$346,2,0))^2+(VLOOKUP($A176,városok!$A$2:$C$346,3,0)-VLOOKUP(O$1,városok!$A$2:$C$346,3,0))^2)/1000,0)</f>
        <v>174</v>
      </c>
      <c r="P176">
        <f ca="1">ROUND(SQRT((VLOOKUP($A176,városok!$A$2:$C$346,2,0)-VLOOKUP(P$1,városok!$A$2:$C$346,2,0))^2+(VLOOKUP($A176,városok!$A$2:$C$346,3,0)-VLOOKUP(P$1,városok!$A$2:$C$346,3,0))^2)/1000,0)</f>
        <v>174</v>
      </c>
      <c r="Q176">
        <f ca="1">ROUND(SQRT((VLOOKUP($A176,városok!$A$2:$C$346,2,0)-VLOOKUP(Q$1,városok!$A$2:$C$346,2,0))^2+(VLOOKUP($A176,városok!$A$2:$C$346,3,0)-VLOOKUP(Q$1,városok!$A$2:$C$346,3,0))^2)/1000,0)</f>
        <v>85</v>
      </c>
      <c r="R176">
        <f ca="1">ROUND(SQRT((VLOOKUP($A176,városok!$A$2:$C$346,2,0)-VLOOKUP(R$1,városok!$A$2:$C$346,2,0))^2+(VLOOKUP($A176,városok!$A$2:$C$346,3,0)-VLOOKUP(R$1,városok!$A$2:$C$346,3,0))^2)/1000,0)</f>
        <v>109</v>
      </c>
      <c r="S176">
        <f ca="1">ROUND(SQRT((VLOOKUP($A176,városok!$A$2:$C$346,2,0)-VLOOKUP(S$1,városok!$A$2:$C$346,2,0))^2+(VLOOKUP($A176,városok!$A$2:$C$346,3,0)-VLOOKUP(S$1,városok!$A$2:$C$346,3,0))^2)/1000,0)</f>
        <v>104</v>
      </c>
      <c r="T176">
        <f ca="1">ROUND(SQRT((VLOOKUP($A176,városok!$A$2:$C$346,2,0)-VLOOKUP(T$1,városok!$A$2:$C$346,2,0))^2+(VLOOKUP($A176,városok!$A$2:$C$346,3,0)-VLOOKUP(T$1,városok!$A$2:$C$346,3,0))^2)/1000,0)</f>
        <v>122</v>
      </c>
      <c r="U176">
        <f ca="1">ROUND(SQRT((VLOOKUP($A176,városok!$A$2:$C$346,2,0)-VLOOKUP(U$1,városok!$A$2:$C$346,2,0))^2+(VLOOKUP($A176,városok!$A$2:$C$346,3,0)-VLOOKUP(U$1,városok!$A$2:$C$346,3,0))^2)/1000,0)</f>
        <v>98</v>
      </c>
      <c r="V176">
        <f ca="1">ROUND(SQRT((VLOOKUP($A176,városok!$A$2:$C$346,2,0)-VLOOKUP(V$1,városok!$A$2:$C$346,2,0))^2+(VLOOKUP($A176,városok!$A$2:$C$346,3,0)-VLOOKUP(V$1,városok!$A$2:$C$346,3,0))^2)/1000,0)</f>
        <v>143</v>
      </c>
      <c r="W176">
        <f ca="1">ROUND(SQRT((VLOOKUP($A176,városok!$A$2:$C$346,2,0)-VLOOKUP(W$1,városok!$A$2:$C$346,2,0))^2+(VLOOKUP($A176,városok!$A$2:$C$346,3,0)-VLOOKUP(W$1,városok!$A$2:$C$346,3,0))^2)/1000,0)</f>
        <v>123</v>
      </c>
      <c r="X176">
        <f ca="1">ROUND(SQRT((VLOOKUP($A176,városok!$A$2:$C$346,2,0)-VLOOKUP(X$1,városok!$A$2:$C$346,2,0))^2+(VLOOKUP($A176,városok!$A$2:$C$346,3,0)-VLOOKUP(X$1,városok!$A$2:$C$346,3,0))^2)/1000,0)</f>
        <v>141</v>
      </c>
      <c r="Y176">
        <f ca="1">ROUND(SQRT((VLOOKUP($A176,városok!$A$2:$C$346,2,0)-VLOOKUP(Y$1,városok!$A$2:$C$346,2,0))^2+(VLOOKUP($A176,városok!$A$2:$C$346,3,0)-VLOOKUP(Y$1,városok!$A$2:$C$346,3,0))^2)/1000,0)</f>
        <v>201</v>
      </c>
      <c r="Z176">
        <f ca="1">ROUND(SQRT((VLOOKUP($A176,városok!$A$2:$C$346,2,0)-VLOOKUP(Z$1,városok!$A$2:$C$346,2,0))^2+(VLOOKUP($A176,városok!$A$2:$C$346,3,0)-VLOOKUP(Z$1,városok!$A$2:$C$346,3,0))^2)/1000,0)</f>
        <v>220</v>
      </c>
      <c r="AA176">
        <f ca="1">ROUND(SQRT((VLOOKUP($A176,városok!$A$2:$C$346,2,0)-VLOOKUP(AA$1,városok!$A$2:$C$346,2,0))^2+(VLOOKUP($A176,városok!$A$2:$C$346,3,0)-VLOOKUP(AA$1,városok!$A$2:$C$346,3,0))^2)/1000,0)</f>
        <v>277</v>
      </c>
      <c r="AB176">
        <f ca="1">ROUND(SQRT((VLOOKUP($A176,városok!$A$2:$C$346,2,0)-VLOOKUP(AB$1,városok!$A$2:$C$346,2,0))^2+(VLOOKUP($A176,városok!$A$2:$C$346,3,0)-VLOOKUP(AB$1,városok!$A$2:$C$346,3,0))^2)/1000,0)</f>
        <v>116</v>
      </c>
      <c r="AC176">
        <f ca="1">ROUND(SQRT((VLOOKUP($A176,városok!$A$2:$C$346,2,0)-VLOOKUP(AC$1,városok!$A$2:$C$346,2,0))^2+(VLOOKUP($A176,városok!$A$2:$C$346,3,0)-VLOOKUP(AC$1,városok!$A$2:$C$346,3,0))^2)/1000,0)</f>
        <v>96</v>
      </c>
      <c r="AD176">
        <f ca="1">ROUND(SQRT((VLOOKUP($A176,városok!$A$2:$C$346,2,0)-VLOOKUP(AD$1,városok!$A$2:$C$346,2,0))^2+(VLOOKUP($A176,városok!$A$2:$C$346,3,0)-VLOOKUP(AD$1,városok!$A$2:$C$346,3,0))^2)/1000,0)</f>
        <v>79</v>
      </c>
      <c r="AE176">
        <f ca="1">ROUND(SQRT((VLOOKUP($A176,városok!$A$2:$C$346,2,0)-VLOOKUP(AE$1,városok!$A$2:$C$346,2,0))^2+(VLOOKUP($A176,városok!$A$2:$C$346,3,0)-VLOOKUP(AE$1,városok!$A$2:$C$346,3,0))^2)/1000,0)</f>
        <v>75</v>
      </c>
      <c r="AF176">
        <f ca="1">ROUND(SQRT((VLOOKUP($A176,városok!$A$2:$C$346,2,0)-VLOOKUP(AF$1,városok!$A$2:$C$346,2,0))^2+(VLOOKUP($A176,városok!$A$2:$C$346,3,0)-VLOOKUP(AF$1,városok!$A$2:$C$346,3,0))^2)/1000,0)</f>
        <v>82</v>
      </c>
      <c r="AG176">
        <f ca="1">ROUND(SQRT((VLOOKUP($A176,városok!$A$2:$C$346,2,0)-VLOOKUP(AG$1,városok!$A$2:$C$346,2,0))^2+(VLOOKUP($A176,városok!$A$2:$C$346,3,0)-VLOOKUP(AG$1,városok!$A$2:$C$346,3,0))^2)/1000,0)</f>
        <v>70</v>
      </c>
      <c r="AH176">
        <f ca="1">ROUND(SQRT((VLOOKUP($A176,városok!$A$2:$C$346,2,0)-VLOOKUP(AH$1,városok!$A$2:$C$346,2,0))^2+(VLOOKUP($A176,városok!$A$2:$C$346,3,0)-VLOOKUP(AH$1,városok!$A$2:$C$346,3,0))^2)/1000,0)</f>
        <v>66</v>
      </c>
      <c r="AI176">
        <f ca="1">ROUND(SQRT((VLOOKUP($A176,városok!$A$2:$C$346,2,0)-VLOOKUP(AI$1,városok!$A$2:$C$346,2,0))^2+(VLOOKUP($A176,városok!$A$2:$C$346,3,0)-VLOOKUP(AI$1,városok!$A$2:$C$346,3,0))^2)/1000,0)</f>
        <v>94</v>
      </c>
      <c r="AJ176">
        <f ca="1">ROUND(SQRT((VLOOKUP($A176,városok!$A$2:$C$346,2,0)-VLOOKUP(AJ$1,városok!$A$2:$C$346,2,0))^2+(VLOOKUP($A176,városok!$A$2:$C$346,3,0)-VLOOKUP(AJ$1,városok!$A$2:$C$346,3,0))^2)/1000,0)</f>
        <v>54</v>
      </c>
      <c r="AK176">
        <f ca="1">ROUND(SQRT((VLOOKUP($A176,városok!$A$2:$C$346,2,0)-VLOOKUP(AK$1,városok!$A$2:$C$346,2,0))^2+(VLOOKUP($A176,városok!$A$2:$C$346,3,0)-VLOOKUP(AK$1,városok!$A$2:$C$346,3,0))^2)/1000,0)</f>
        <v>61</v>
      </c>
      <c r="AL176">
        <f ca="1">ROUND(SQRT((VLOOKUP($A176,városok!$A$2:$C$346,2,0)-VLOOKUP(AL$1,városok!$A$2:$C$346,2,0))^2+(VLOOKUP($A176,városok!$A$2:$C$346,3,0)-VLOOKUP(AL$1,városok!$A$2:$C$346,3,0))^2)/1000,0)</f>
        <v>40</v>
      </c>
      <c r="AM176">
        <f ca="1">ROUND(SQRT((VLOOKUP($A176,városok!$A$2:$C$346,2,0)-VLOOKUP(AM$1,városok!$A$2:$C$346,2,0))^2+(VLOOKUP($A176,városok!$A$2:$C$346,3,0)-VLOOKUP(AM$1,városok!$A$2:$C$346,3,0))^2)/1000,0)</f>
        <v>0</v>
      </c>
      <c r="AN176">
        <f ca="1">ROUND(SQRT((VLOOKUP($A176,városok!$A$2:$C$346,2,0)-VLOOKUP(AN$1,városok!$A$2:$C$346,2,0))^2+(VLOOKUP($A176,városok!$A$2:$C$346,3,0)-VLOOKUP(AN$1,városok!$A$2:$C$346,3,0))^2)/1000,0)</f>
        <v>128</v>
      </c>
      <c r="AO176">
        <f ca="1">ROUND(SQRT((VLOOKUP($A176,városok!$A$2:$C$346,2,0)-VLOOKUP(AO$1,városok!$A$2:$C$346,2,0))^2+(VLOOKUP($A176,városok!$A$2:$C$346,3,0)-VLOOKUP(AO$1,városok!$A$2:$C$346,3,0))^2)/1000,0)</f>
        <v>168</v>
      </c>
      <c r="AP176">
        <f ca="1">ROUND(SQRT((VLOOKUP($A176,városok!$A$2:$C$346,2,0)-VLOOKUP(AP$1,városok!$A$2:$C$346,2,0))^2+(VLOOKUP($A176,városok!$A$2:$C$346,3,0)-VLOOKUP(AP$1,városok!$A$2:$C$346,3,0))^2)/1000,0)</f>
        <v>149</v>
      </c>
      <c r="AQ176">
        <f ca="1">ROUND(SQRT((VLOOKUP($A176,városok!$A$2:$C$346,2,0)-VLOOKUP(AQ$1,városok!$A$2:$C$346,2,0))^2+(VLOOKUP($A176,városok!$A$2:$C$346,3,0)-VLOOKUP(AQ$1,városok!$A$2:$C$346,3,0))^2)/1000,0)</f>
        <v>141</v>
      </c>
      <c r="AR176">
        <f ca="1">ROUND(SQRT((VLOOKUP($A176,városok!$A$2:$C$346,2,0)-VLOOKUP(AR$1,városok!$A$2:$C$346,2,0))^2+(VLOOKUP($A176,városok!$A$2:$C$346,3,0)-VLOOKUP(AR$1,városok!$A$2:$C$346,3,0))^2)/1000,0)</f>
        <v>90</v>
      </c>
      <c r="AS176">
        <f ca="1">ROUND(SQRT((VLOOKUP($A176,városok!$A$2:$C$346,2,0)-VLOOKUP(AS$1,városok!$A$2:$C$346,2,0))^2+(VLOOKUP($A176,városok!$A$2:$C$346,3,0)-VLOOKUP(AS$1,városok!$A$2:$C$346,3,0))^2)/1000,0)</f>
        <v>107</v>
      </c>
      <c r="AT176">
        <f ca="1">ROUND(SQRT((VLOOKUP($A176,városok!$A$2:$C$346,2,0)-VLOOKUP(AT$1,városok!$A$2:$C$346,2,0))^2+(VLOOKUP($A176,városok!$A$2:$C$346,3,0)-VLOOKUP(AT$1,városok!$A$2:$C$346,3,0))^2)/1000,0)</f>
        <v>108</v>
      </c>
      <c r="AU176">
        <f ca="1">ROUND(SQRT((VLOOKUP($A176,városok!$A$2:$C$346,2,0)-VLOOKUP(AU$1,városok!$A$2:$C$346,2,0))^2+(VLOOKUP($A176,városok!$A$2:$C$346,3,0)-VLOOKUP(AU$1,városok!$A$2:$C$346,3,0))^2)/1000,0)</f>
        <v>98</v>
      </c>
      <c r="AV176">
        <f ca="1">ROUND(SQRT((VLOOKUP($A176,városok!$A$2:$C$346,2,0)-VLOOKUP(AV$1,városok!$A$2:$C$346,2,0))^2+(VLOOKUP($A176,városok!$A$2:$C$346,3,0)-VLOOKUP(AV$1,városok!$A$2:$C$346,3,0))^2)/1000,0)</f>
        <v>97</v>
      </c>
      <c r="AW176">
        <f ca="1">ROUND(SQRT((VLOOKUP($A176,városok!$A$2:$C$346,2,0)-VLOOKUP(AW$1,városok!$A$2:$C$346,2,0))^2+(VLOOKUP($A176,városok!$A$2:$C$346,3,0)-VLOOKUP(AW$1,városok!$A$2:$C$346,3,0))^2)/1000,0)</f>
        <v>99</v>
      </c>
      <c r="AX176">
        <f ca="1">ROUND(SQRT((VLOOKUP($A176,városok!$A$2:$C$346,2,0)-VLOOKUP(AX$1,városok!$A$2:$C$346,2,0))^2+(VLOOKUP($A176,városok!$A$2:$C$346,3,0)-VLOOKUP(AX$1,városok!$A$2:$C$346,3,0))^2)/1000,0)</f>
        <v>35</v>
      </c>
      <c r="AY176">
        <f ca="1">ROUND(SQRT((VLOOKUP($A176,városok!$A$2:$C$346,2,0)-VLOOKUP(AY$1,városok!$A$2:$C$346,2,0))^2+(VLOOKUP($A176,városok!$A$2:$C$346,3,0)-VLOOKUP(AY$1,városok!$A$2:$C$346,3,0))^2)/1000,0)</f>
        <v>102</v>
      </c>
      <c r="AZ176">
        <f ca="1">ROUND(SQRT((VLOOKUP($A176,városok!$A$2:$C$346,2,0)-VLOOKUP(AZ$1,városok!$A$2:$C$346,2,0))^2+(VLOOKUP($A176,városok!$A$2:$C$346,3,0)-VLOOKUP(AZ$1,városok!$A$2:$C$346,3,0))^2)/1000,0)</f>
        <v>114</v>
      </c>
      <c r="BA176">
        <f ca="1">ROUND(SQRT((VLOOKUP($A176,városok!$A$2:$C$346,2,0)-VLOOKUP(BA$1,városok!$A$2:$C$346,2,0))^2+(VLOOKUP($A176,városok!$A$2:$C$346,3,0)-VLOOKUP(BA$1,városok!$A$2:$C$346,3,0))^2)/1000,0)</f>
        <v>194</v>
      </c>
      <c r="BB176">
        <f ca="1">ROUND(SQRT((VLOOKUP($A176,városok!$A$2:$C$346,2,0)-VLOOKUP(BB$1,városok!$A$2:$C$346,2,0))^2+(VLOOKUP($A176,városok!$A$2:$C$346,3,0)-VLOOKUP(BB$1,városok!$A$2:$C$346,3,0))^2)/1000,0)</f>
        <v>185</v>
      </c>
      <c r="BC176">
        <f ca="1">ROUND(SQRT((VLOOKUP($A176,városok!$A$2:$C$346,2,0)-VLOOKUP(BC$1,városok!$A$2:$C$346,2,0))^2+(VLOOKUP($A176,városok!$A$2:$C$346,3,0)-VLOOKUP(BC$1,városok!$A$2:$C$346,3,0))^2)/1000,0)</f>
        <v>204</v>
      </c>
      <c r="BD176">
        <f ca="1">ROUND(SQRT((VLOOKUP($A176,városok!$A$2:$C$346,2,0)-VLOOKUP(BD$1,városok!$A$2:$C$346,2,0))^2+(VLOOKUP($A176,városok!$A$2:$C$346,3,0)-VLOOKUP(BD$1,városok!$A$2:$C$346,3,0))^2)/1000,0)</f>
        <v>164</v>
      </c>
      <c r="BE176">
        <f ca="1">ROUND(SQRT((VLOOKUP($A176,városok!$A$2:$C$346,2,0)-VLOOKUP(BE$1,városok!$A$2:$C$346,2,0))^2+(VLOOKUP($A176,városok!$A$2:$C$346,3,0)-VLOOKUP(BE$1,városok!$A$2:$C$346,3,0))^2)/1000,0)</f>
        <v>201</v>
      </c>
      <c r="BF176">
        <f ca="1">ROUND(SQRT((VLOOKUP($A176,városok!$A$2:$C$346,2,0)-VLOOKUP(BF$1,városok!$A$2:$C$346,2,0))^2+(VLOOKUP($A176,városok!$A$2:$C$346,3,0)-VLOOKUP(BF$1,városok!$A$2:$C$346,3,0))^2)/1000,0)</f>
        <v>183</v>
      </c>
      <c r="BG176">
        <f ca="1">ROUND(SQRT((VLOOKUP($A176,városok!$A$2:$C$346,2,0)-VLOOKUP(BG$1,városok!$A$2:$C$346,2,0))^2+(VLOOKUP($A176,városok!$A$2:$C$346,3,0)-VLOOKUP(BG$1,városok!$A$2:$C$346,3,0))^2)/1000,0)</f>
        <v>143</v>
      </c>
      <c r="BH176">
        <f ca="1">ROUND(SQRT((VLOOKUP($A176,városok!$A$2:$C$346,2,0)-VLOOKUP(BH$1,városok!$A$2:$C$346,2,0))^2+(VLOOKUP($A176,városok!$A$2:$C$346,3,0)-VLOOKUP(BH$1,városok!$A$2:$C$346,3,0))^2)/1000,0)</f>
        <v>142</v>
      </c>
      <c r="BI176">
        <f ca="1">ROUND(SQRT((VLOOKUP($A176,városok!$A$2:$C$346,2,0)-VLOOKUP(BI$1,városok!$A$2:$C$346,2,0))^2+(VLOOKUP($A176,városok!$A$2:$C$346,3,0)-VLOOKUP(BI$1,városok!$A$2:$C$346,3,0))^2)/1000,0)</f>
        <v>148</v>
      </c>
      <c r="BJ176">
        <f ca="1">ROUND(SQRT((VLOOKUP($A176,városok!$A$2:$C$346,2,0)-VLOOKUP(BJ$1,városok!$A$2:$C$346,2,0))^2+(VLOOKUP($A176,városok!$A$2:$C$346,3,0)-VLOOKUP(BJ$1,városok!$A$2:$C$346,3,0))^2)/1000,0)</f>
        <v>165</v>
      </c>
      <c r="BK176">
        <f ca="1">ROUND(SQRT((VLOOKUP($A176,városok!$A$2:$C$346,2,0)-VLOOKUP(BK$1,városok!$A$2:$C$346,2,0))^2+(VLOOKUP($A176,városok!$A$2:$C$346,3,0)-VLOOKUP(BK$1,városok!$A$2:$C$346,3,0))^2)/1000,0)</f>
        <v>146</v>
      </c>
      <c r="BL176">
        <f ca="1">ROUND(SQRT((VLOOKUP($A176,városok!$A$2:$C$346,2,0)-VLOOKUP(BL$1,városok!$A$2:$C$346,2,0))^2+(VLOOKUP($A176,városok!$A$2:$C$346,3,0)-VLOOKUP(BL$1,városok!$A$2:$C$346,3,0))^2)/1000,0)</f>
        <v>272</v>
      </c>
      <c r="BM176">
        <f ca="1">ROUND(SQRT((VLOOKUP($A176,városok!$A$2:$C$346,2,0)-VLOOKUP(BM$1,városok!$A$2:$C$346,2,0))^2+(VLOOKUP($A176,városok!$A$2:$C$346,3,0)-VLOOKUP(BM$1,városok!$A$2:$C$346,3,0))^2)/1000,0)</f>
        <v>246</v>
      </c>
      <c r="BN176">
        <f ca="1">ROUND(SQRT((VLOOKUP($A176,városok!$A$2:$C$346,2,0)-VLOOKUP(BN$1,városok!$A$2:$C$346,2,0))^2+(VLOOKUP($A176,városok!$A$2:$C$346,3,0)-VLOOKUP(BN$1,városok!$A$2:$C$346,3,0))^2)/1000,0)</f>
        <v>270</v>
      </c>
      <c r="BO176">
        <f ca="1">ROUND(SQRT((VLOOKUP($A176,városok!$A$2:$C$346,2,0)-VLOOKUP(BO$1,városok!$A$2:$C$346,2,0))^2+(VLOOKUP($A176,városok!$A$2:$C$346,3,0)-VLOOKUP(BO$1,városok!$A$2:$C$346,3,0))^2)/1000,0)</f>
        <v>166</v>
      </c>
      <c r="BP176">
        <f ca="1">ROUND(SQRT((VLOOKUP($A176,városok!$A$2:$C$346,2,0)-VLOOKUP(BP$1,városok!$A$2:$C$346,2,0))^2+(VLOOKUP($A176,városok!$A$2:$C$346,3,0)-VLOOKUP(BP$1,városok!$A$2:$C$346,3,0))^2)/1000,0)</f>
        <v>158</v>
      </c>
      <c r="BQ176">
        <f ca="1">ROUND(SQRT((VLOOKUP($A176,városok!$A$2:$C$346,2,0)-VLOOKUP(BQ$1,városok!$A$2:$C$346,2,0))^2+(VLOOKUP($A176,városok!$A$2:$C$346,3,0)-VLOOKUP(BQ$1,városok!$A$2:$C$346,3,0))^2)/1000,0)</f>
        <v>173</v>
      </c>
      <c r="BR176">
        <f ca="1">ROUND(SQRT((VLOOKUP($A176,városok!$A$2:$C$346,2,0)-VLOOKUP(BR$1,városok!$A$2:$C$346,2,0))^2+(VLOOKUP($A176,városok!$A$2:$C$346,3,0)-VLOOKUP(BR$1,városok!$A$2:$C$346,3,0))^2)/1000,0)</f>
        <v>227</v>
      </c>
      <c r="BS176">
        <f ca="1">ROUND(SQRT((VLOOKUP($A176,városok!$A$2:$C$346,2,0)-VLOOKUP(BS$1,városok!$A$2:$C$346,2,0))^2+(VLOOKUP($A176,városok!$A$2:$C$346,3,0)-VLOOKUP(BS$1,városok!$A$2:$C$346,3,0))^2)/1000,0)</f>
        <v>257</v>
      </c>
      <c r="BT176">
        <f ca="1">ROUND(SQRT((VLOOKUP($A176,városok!$A$2:$C$346,2,0)-VLOOKUP(BT$1,városok!$A$2:$C$346,2,0))^2+(VLOOKUP($A176,városok!$A$2:$C$346,3,0)-VLOOKUP(BT$1,városok!$A$2:$C$346,3,0))^2)/1000,0)</f>
        <v>257</v>
      </c>
    </row>
    <row r="177" spans="1:72" x14ac:dyDescent="0.2">
      <c r="A177" t="str">
        <f>városok!A177</f>
        <v>Tiszaföldvár</v>
      </c>
      <c r="B177">
        <f ca="1">ROUND(SQRT((VLOOKUP($A177,városok!$A$2:$C$346,2,0)-VLOOKUP(B$1,városok!$A$2:$C$346,2,0))^2+(VLOOKUP($A177,városok!$A$2:$C$346,3,0)-VLOOKUP(B$1,városok!$A$2:$C$346,3,0))^2)/1000,0)</f>
        <v>131</v>
      </c>
      <c r="C177">
        <f ca="1">ROUND(SQRT((VLOOKUP($A177,városok!$A$2:$C$346,2,0)-VLOOKUP(C$1,városok!$A$2:$C$346,2,0))^2+(VLOOKUP($A177,városok!$A$2:$C$346,3,0)-VLOOKUP(C$1,városok!$A$2:$C$346,3,0))^2)/1000,0)</f>
        <v>108</v>
      </c>
      <c r="D177">
        <f ca="1">ROUND(SQRT((VLOOKUP($A177,városok!$A$2:$C$346,2,0)-VLOOKUP(D$1,városok!$A$2:$C$346,2,0))^2+(VLOOKUP($A177,városok!$A$2:$C$346,3,0)-VLOOKUP(D$1,városok!$A$2:$C$346,3,0))^2)/1000,0)</f>
        <v>43</v>
      </c>
      <c r="E177">
        <f ca="1">ROUND(SQRT((VLOOKUP($A177,városok!$A$2:$C$346,2,0)-VLOOKUP(E$1,városok!$A$2:$C$346,2,0))^2+(VLOOKUP($A177,városok!$A$2:$C$346,3,0)-VLOOKUP(E$1,városok!$A$2:$C$346,3,0))^2)/1000,0)</f>
        <v>175</v>
      </c>
      <c r="F177">
        <f ca="1">ROUND(SQRT((VLOOKUP($A177,városok!$A$2:$C$346,2,0)-VLOOKUP(F$1,városok!$A$2:$C$346,2,0))^2+(VLOOKUP($A177,városok!$A$2:$C$346,3,0)-VLOOKUP(F$1,városok!$A$2:$C$346,3,0))^2)/1000,0)</f>
        <v>161</v>
      </c>
      <c r="G177">
        <f ca="1">ROUND(SQRT((VLOOKUP($A177,városok!$A$2:$C$346,2,0)-VLOOKUP(G$1,városok!$A$2:$C$346,2,0))^2+(VLOOKUP($A177,városok!$A$2:$C$346,3,0)-VLOOKUP(G$1,városok!$A$2:$C$346,3,0))^2)/1000,0)</f>
        <v>182</v>
      </c>
      <c r="H177">
        <f ca="1">ROUND(SQRT((VLOOKUP($A177,városok!$A$2:$C$346,2,0)-VLOOKUP(H$1,városok!$A$2:$C$346,2,0))^2+(VLOOKUP($A177,városok!$A$2:$C$346,3,0)-VLOOKUP(H$1,városok!$A$2:$C$346,3,0))^2)/1000,0)</f>
        <v>214</v>
      </c>
      <c r="I177">
        <f ca="1">ROUND(SQRT((VLOOKUP($A177,városok!$A$2:$C$346,2,0)-VLOOKUP(I$1,városok!$A$2:$C$346,2,0))^2+(VLOOKUP($A177,városok!$A$2:$C$346,3,0)-VLOOKUP(I$1,városok!$A$2:$C$346,3,0))^2)/1000,0)</f>
        <v>71</v>
      </c>
      <c r="J177">
        <f ca="1">ROUND(SQRT((VLOOKUP($A177,városok!$A$2:$C$346,2,0)-VLOOKUP(J$1,városok!$A$2:$C$346,2,0))^2+(VLOOKUP($A177,városok!$A$2:$C$346,3,0)-VLOOKUP(J$1,városok!$A$2:$C$346,3,0))^2)/1000,0)</f>
        <v>86</v>
      </c>
      <c r="K177">
        <f ca="1">ROUND(SQRT((VLOOKUP($A177,városok!$A$2:$C$346,2,0)-VLOOKUP(K$1,városok!$A$2:$C$346,2,0))^2+(VLOOKUP($A177,városok!$A$2:$C$346,3,0)-VLOOKUP(K$1,városok!$A$2:$C$346,3,0))^2)/1000,0)</f>
        <v>55</v>
      </c>
      <c r="L177">
        <f ca="1">ROUND(SQRT((VLOOKUP($A177,városok!$A$2:$C$346,2,0)-VLOOKUP(L$1,városok!$A$2:$C$346,2,0))^2+(VLOOKUP($A177,városok!$A$2:$C$346,3,0)-VLOOKUP(L$1,városok!$A$2:$C$346,3,0))^2)/1000,0)</f>
        <v>146</v>
      </c>
      <c r="M177">
        <f ca="1">ROUND(SQRT((VLOOKUP($A177,városok!$A$2:$C$346,2,0)-VLOOKUP(M$1,városok!$A$2:$C$346,2,0))^2+(VLOOKUP($A177,városok!$A$2:$C$346,3,0)-VLOOKUP(M$1,városok!$A$2:$C$346,3,0))^2)/1000,0)</f>
        <v>133</v>
      </c>
      <c r="N177">
        <f ca="1">ROUND(SQRT((VLOOKUP($A177,városok!$A$2:$C$346,2,0)-VLOOKUP(N$1,városok!$A$2:$C$346,2,0))^2+(VLOOKUP($A177,városok!$A$2:$C$346,3,0)-VLOOKUP(N$1,városok!$A$2:$C$346,3,0))^2)/1000,0)</f>
        <v>140</v>
      </c>
      <c r="O177">
        <f ca="1">ROUND(SQRT((VLOOKUP($A177,városok!$A$2:$C$346,2,0)-VLOOKUP(O$1,városok!$A$2:$C$346,2,0))^2+(VLOOKUP($A177,városok!$A$2:$C$346,3,0)-VLOOKUP(O$1,városok!$A$2:$C$346,3,0))^2)/1000,0)</f>
        <v>191</v>
      </c>
      <c r="P177">
        <f ca="1">ROUND(SQRT((VLOOKUP($A177,városok!$A$2:$C$346,2,0)-VLOOKUP(P$1,városok!$A$2:$C$346,2,0))^2+(VLOOKUP($A177,városok!$A$2:$C$346,3,0)-VLOOKUP(P$1,városok!$A$2:$C$346,3,0))^2)/1000,0)</f>
        <v>191</v>
      </c>
      <c r="Q177">
        <f ca="1">ROUND(SQRT((VLOOKUP($A177,városok!$A$2:$C$346,2,0)-VLOOKUP(Q$1,városok!$A$2:$C$346,2,0))^2+(VLOOKUP($A177,városok!$A$2:$C$346,3,0)-VLOOKUP(Q$1,városok!$A$2:$C$346,3,0))^2)/1000,0)</f>
        <v>61</v>
      </c>
      <c r="R177">
        <f ca="1">ROUND(SQRT((VLOOKUP($A177,városok!$A$2:$C$346,2,0)-VLOOKUP(R$1,városok!$A$2:$C$346,2,0))^2+(VLOOKUP($A177,városok!$A$2:$C$346,3,0)-VLOOKUP(R$1,városok!$A$2:$C$346,3,0))^2)/1000,0)</f>
        <v>85</v>
      </c>
      <c r="S177">
        <f ca="1">ROUND(SQRT((VLOOKUP($A177,városok!$A$2:$C$346,2,0)-VLOOKUP(S$1,városok!$A$2:$C$346,2,0))^2+(VLOOKUP($A177,városok!$A$2:$C$346,3,0)-VLOOKUP(S$1,városok!$A$2:$C$346,3,0))^2)/1000,0)</f>
        <v>80</v>
      </c>
      <c r="T177">
        <f ca="1">ROUND(SQRT((VLOOKUP($A177,városok!$A$2:$C$346,2,0)-VLOOKUP(T$1,városok!$A$2:$C$346,2,0))^2+(VLOOKUP($A177,városok!$A$2:$C$346,3,0)-VLOOKUP(T$1,városok!$A$2:$C$346,3,0))^2)/1000,0)</f>
        <v>135</v>
      </c>
      <c r="U177">
        <f ca="1">ROUND(SQRT((VLOOKUP($A177,városok!$A$2:$C$346,2,0)-VLOOKUP(U$1,városok!$A$2:$C$346,2,0))^2+(VLOOKUP($A177,városok!$A$2:$C$346,3,0)-VLOOKUP(U$1,városok!$A$2:$C$346,3,0))^2)/1000,0)</f>
        <v>100</v>
      </c>
      <c r="V177">
        <f ca="1">ROUND(SQRT((VLOOKUP($A177,városok!$A$2:$C$346,2,0)-VLOOKUP(V$1,városok!$A$2:$C$346,2,0))^2+(VLOOKUP($A177,városok!$A$2:$C$346,3,0)-VLOOKUP(V$1,városok!$A$2:$C$346,3,0))^2)/1000,0)</f>
        <v>148</v>
      </c>
      <c r="W177">
        <f ca="1">ROUND(SQRT((VLOOKUP($A177,városok!$A$2:$C$346,2,0)-VLOOKUP(W$1,városok!$A$2:$C$346,2,0))^2+(VLOOKUP($A177,városok!$A$2:$C$346,3,0)-VLOOKUP(W$1,városok!$A$2:$C$346,3,0))^2)/1000,0)</f>
        <v>124</v>
      </c>
      <c r="X177">
        <f ca="1">ROUND(SQRT((VLOOKUP($A177,városok!$A$2:$C$346,2,0)-VLOOKUP(X$1,városok!$A$2:$C$346,2,0))^2+(VLOOKUP($A177,városok!$A$2:$C$346,3,0)-VLOOKUP(X$1,városok!$A$2:$C$346,3,0))^2)/1000,0)</f>
        <v>150</v>
      </c>
      <c r="Y177">
        <f ca="1">ROUND(SQRT((VLOOKUP($A177,városok!$A$2:$C$346,2,0)-VLOOKUP(Y$1,városok!$A$2:$C$346,2,0))^2+(VLOOKUP($A177,városok!$A$2:$C$346,3,0)-VLOOKUP(Y$1,városok!$A$2:$C$346,3,0))^2)/1000,0)</f>
        <v>213</v>
      </c>
      <c r="Z177">
        <f ca="1">ROUND(SQRT((VLOOKUP($A177,városok!$A$2:$C$346,2,0)-VLOOKUP(Z$1,városok!$A$2:$C$346,2,0))^2+(VLOOKUP($A177,városok!$A$2:$C$346,3,0)-VLOOKUP(Z$1,városok!$A$2:$C$346,3,0))^2)/1000,0)</f>
        <v>232</v>
      </c>
      <c r="AA177">
        <f ca="1">ROUND(SQRT((VLOOKUP($A177,városok!$A$2:$C$346,2,0)-VLOOKUP(AA$1,városok!$A$2:$C$346,2,0))^2+(VLOOKUP($A177,városok!$A$2:$C$346,3,0)-VLOOKUP(AA$1,városok!$A$2:$C$346,3,0))^2)/1000,0)</f>
        <v>288</v>
      </c>
      <c r="AB177">
        <f ca="1">ROUND(SQRT((VLOOKUP($A177,városok!$A$2:$C$346,2,0)-VLOOKUP(AB$1,városok!$A$2:$C$346,2,0))^2+(VLOOKUP($A177,városok!$A$2:$C$346,3,0)-VLOOKUP(AB$1,városok!$A$2:$C$346,3,0))^2)/1000,0)</f>
        <v>122</v>
      </c>
      <c r="AC177">
        <f ca="1">ROUND(SQRT((VLOOKUP($A177,városok!$A$2:$C$346,2,0)-VLOOKUP(AC$1,városok!$A$2:$C$346,2,0))^2+(VLOOKUP($A177,városok!$A$2:$C$346,3,0)-VLOOKUP(AC$1,városok!$A$2:$C$346,3,0))^2)/1000,0)</f>
        <v>102</v>
      </c>
      <c r="AD177">
        <f ca="1">ROUND(SQRT((VLOOKUP($A177,városok!$A$2:$C$346,2,0)-VLOOKUP(AD$1,városok!$A$2:$C$346,2,0))^2+(VLOOKUP($A177,városok!$A$2:$C$346,3,0)-VLOOKUP(AD$1,városok!$A$2:$C$346,3,0))^2)/1000,0)</f>
        <v>86</v>
      </c>
      <c r="AE177">
        <f ca="1">ROUND(SQRT((VLOOKUP($A177,városok!$A$2:$C$346,2,0)-VLOOKUP(AE$1,városok!$A$2:$C$346,2,0))^2+(VLOOKUP($A177,városok!$A$2:$C$346,3,0)-VLOOKUP(AE$1,városok!$A$2:$C$346,3,0))^2)/1000,0)</f>
        <v>78</v>
      </c>
      <c r="AF177">
        <f ca="1">ROUND(SQRT((VLOOKUP($A177,városok!$A$2:$C$346,2,0)-VLOOKUP(AF$1,városok!$A$2:$C$346,2,0))^2+(VLOOKUP($A177,városok!$A$2:$C$346,3,0)-VLOOKUP(AF$1,városok!$A$2:$C$346,3,0))^2)/1000,0)</f>
        <v>105</v>
      </c>
      <c r="AG177">
        <f ca="1">ROUND(SQRT((VLOOKUP($A177,városok!$A$2:$C$346,2,0)-VLOOKUP(AG$1,városok!$A$2:$C$346,2,0))^2+(VLOOKUP($A177,városok!$A$2:$C$346,3,0)-VLOOKUP(AG$1,városok!$A$2:$C$346,3,0))^2)/1000,0)</f>
        <v>94</v>
      </c>
      <c r="AH177">
        <f ca="1">ROUND(SQRT((VLOOKUP($A177,városok!$A$2:$C$346,2,0)-VLOOKUP(AH$1,városok!$A$2:$C$346,2,0))^2+(VLOOKUP($A177,városok!$A$2:$C$346,3,0)-VLOOKUP(AH$1,városok!$A$2:$C$346,3,0))^2)/1000,0)</f>
        <v>89</v>
      </c>
      <c r="AI177">
        <f ca="1">ROUND(SQRT((VLOOKUP($A177,városok!$A$2:$C$346,2,0)-VLOOKUP(AI$1,városok!$A$2:$C$346,2,0))^2+(VLOOKUP($A177,városok!$A$2:$C$346,3,0)-VLOOKUP(AI$1,városok!$A$2:$C$346,3,0))^2)/1000,0)</f>
        <v>118</v>
      </c>
      <c r="AJ177">
        <f ca="1">ROUND(SQRT((VLOOKUP($A177,városok!$A$2:$C$346,2,0)-VLOOKUP(AJ$1,városok!$A$2:$C$346,2,0))^2+(VLOOKUP($A177,városok!$A$2:$C$346,3,0)-VLOOKUP(AJ$1,városok!$A$2:$C$346,3,0))^2)/1000,0)</f>
        <v>78</v>
      </c>
      <c r="AK177">
        <f ca="1">ROUND(SQRT((VLOOKUP($A177,városok!$A$2:$C$346,2,0)-VLOOKUP(AK$1,városok!$A$2:$C$346,2,0))^2+(VLOOKUP($A177,városok!$A$2:$C$346,3,0)-VLOOKUP(AK$1,városok!$A$2:$C$346,3,0))^2)/1000,0)</f>
        <v>66</v>
      </c>
      <c r="AL177">
        <f ca="1">ROUND(SQRT((VLOOKUP($A177,városok!$A$2:$C$346,2,0)-VLOOKUP(AL$1,városok!$A$2:$C$346,2,0))^2+(VLOOKUP($A177,városok!$A$2:$C$346,3,0)-VLOOKUP(AL$1,városok!$A$2:$C$346,3,0))^2)/1000,0)</f>
        <v>53</v>
      </c>
      <c r="AM177">
        <f ca="1">ROUND(SQRT((VLOOKUP($A177,városok!$A$2:$C$346,2,0)-VLOOKUP(AM$1,városok!$A$2:$C$346,2,0))^2+(VLOOKUP($A177,városok!$A$2:$C$346,3,0)-VLOOKUP(AM$1,városok!$A$2:$C$346,3,0))^2)/1000,0)</f>
        <v>24</v>
      </c>
      <c r="AN177">
        <f ca="1">ROUND(SQRT((VLOOKUP($A177,városok!$A$2:$C$346,2,0)-VLOOKUP(AN$1,városok!$A$2:$C$346,2,0))^2+(VLOOKUP($A177,városok!$A$2:$C$346,3,0)-VLOOKUP(AN$1,városok!$A$2:$C$346,3,0))^2)/1000,0)</f>
        <v>146</v>
      </c>
      <c r="AO177">
        <f ca="1">ROUND(SQRT((VLOOKUP($A177,városok!$A$2:$C$346,2,0)-VLOOKUP(AO$1,városok!$A$2:$C$346,2,0))^2+(VLOOKUP($A177,városok!$A$2:$C$346,3,0)-VLOOKUP(AO$1,városok!$A$2:$C$346,3,0))^2)/1000,0)</f>
        <v>182</v>
      </c>
      <c r="AP177">
        <f ca="1">ROUND(SQRT((VLOOKUP($A177,városok!$A$2:$C$346,2,0)-VLOOKUP(AP$1,városok!$A$2:$C$346,2,0))^2+(VLOOKUP($A177,városok!$A$2:$C$346,3,0)-VLOOKUP(AP$1,városok!$A$2:$C$346,3,0))^2)/1000,0)</f>
        <v>163</v>
      </c>
      <c r="AQ177">
        <f ca="1">ROUND(SQRT((VLOOKUP($A177,városok!$A$2:$C$346,2,0)-VLOOKUP(AQ$1,városok!$A$2:$C$346,2,0))^2+(VLOOKUP($A177,városok!$A$2:$C$346,3,0)-VLOOKUP(AQ$1,városok!$A$2:$C$346,3,0))^2)/1000,0)</f>
        <v>154</v>
      </c>
      <c r="AR177">
        <f ca="1">ROUND(SQRT((VLOOKUP($A177,városok!$A$2:$C$346,2,0)-VLOOKUP(AR$1,városok!$A$2:$C$346,2,0))^2+(VLOOKUP($A177,városok!$A$2:$C$346,3,0)-VLOOKUP(AR$1,városok!$A$2:$C$346,3,0))^2)/1000,0)</f>
        <v>114</v>
      </c>
      <c r="AS177">
        <f ca="1">ROUND(SQRT((VLOOKUP($A177,városok!$A$2:$C$346,2,0)-VLOOKUP(AS$1,városok!$A$2:$C$346,2,0))^2+(VLOOKUP($A177,városok!$A$2:$C$346,3,0)-VLOOKUP(AS$1,városok!$A$2:$C$346,3,0))^2)/1000,0)</f>
        <v>132</v>
      </c>
      <c r="AT177">
        <f ca="1">ROUND(SQRT((VLOOKUP($A177,városok!$A$2:$C$346,2,0)-VLOOKUP(AT$1,városok!$A$2:$C$346,2,0))^2+(VLOOKUP($A177,városok!$A$2:$C$346,3,0)-VLOOKUP(AT$1,városok!$A$2:$C$346,3,0))^2)/1000,0)</f>
        <v>122</v>
      </c>
      <c r="AU177">
        <f ca="1">ROUND(SQRT((VLOOKUP($A177,városok!$A$2:$C$346,2,0)-VLOOKUP(AU$1,városok!$A$2:$C$346,2,0))^2+(VLOOKUP($A177,városok!$A$2:$C$346,3,0)-VLOOKUP(AU$1,városok!$A$2:$C$346,3,0))^2)/1000,0)</f>
        <v>112</v>
      </c>
      <c r="AV177">
        <f ca="1">ROUND(SQRT((VLOOKUP($A177,városok!$A$2:$C$346,2,0)-VLOOKUP(AV$1,városok!$A$2:$C$346,2,0))^2+(VLOOKUP($A177,városok!$A$2:$C$346,3,0)-VLOOKUP(AV$1,városok!$A$2:$C$346,3,0))^2)/1000,0)</f>
        <v>110</v>
      </c>
      <c r="AW177">
        <f ca="1">ROUND(SQRT((VLOOKUP($A177,városok!$A$2:$C$346,2,0)-VLOOKUP(AW$1,városok!$A$2:$C$346,2,0))^2+(VLOOKUP($A177,városok!$A$2:$C$346,3,0)-VLOOKUP(AW$1,városok!$A$2:$C$346,3,0))^2)/1000,0)</f>
        <v>112</v>
      </c>
      <c r="AX177">
        <f ca="1">ROUND(SQRT((VLOOKUP($A177,városok!$A$2:$C$346,2,0)-VLOOKUP(AX$1,városok!$A$2:$C$346,2,0))^2+(VLOOKUP($A177,városok!$A$2:$C$346,3,0)-VLOOKUP(AX$1,városok!$A$2:$C$346,3,0))^2)/1000,0)</f>
        <v>36</v>
      </c>
      <c r="AY177">
        <f ca="1">ROUND(SQRT((VLOOKUP($A177,városok!$A$2:$C$346,2,0)-VLOOKUP(AY$1,városok!$A$2:$C$346,2,0))^2+(VLOOKUP($A177,városok!$A$2:$C$346,3,0)-VLOOKUP(AY$1,városok!$A$2:$C$346,3,0))^2)/1000,0)</f>
        <v>120</v>
      </c>
      <c r="AZ177">
        <f ca="1">ROUND(SQRT((VLOOKUP($A177,városok!$A$2:$C$346,2,0)-VLOOKUP(AZ$1,városok!$A$2:$C$346,2,0))^2+(VLOOKUP($A177,városok!$A$2:$C$346,3,0)-VLOOKUP(AZ$1,városok!$A$2:$C$346,3,0))^2)/1000,0)</f>
        <v>133</v>
      </c>
      <c r="BA177">
        <f ca="1">ROUND(SQRT((VLOOKUP($A177,városok!$A$2:$C$346,2,0)-VLOOKUP(BA$1,városok!$A$2:$C$346,2,0))^2+(VLOOKUP($A177,városok!$A$2:$C$346,3,0)-VLOOKUP(BA$1,városok!$A$2:$C$346,3,0))^2)/1000,0)</f>
        <v>195</v>
      </c>
      <c r="BB177">
        <f ca="1">ROUND(SQRT((VLOOKUP($A177,városok!$A$2:$C$346,2,0)-VLOOKUP(BB$1,városok!$A$2:$C$346,2,0))^2+(VLOOKUP($A177,városok!$A$2:$C$346,3,0)-VLOOKUP(BB$1,városok!$A$2:$C$346,3,0))^2)/1000,0)</f>
        <v>182</v>
      </c>
      <c r="BC177">
        <f ca="1">ROUND(SQRT((VLOOKUP($A177,városok!$A$2:$C$346,2,0)-VLOOKUP(BC$1,városok!$A$2:$C$346,2,0))^2+(VLOOKUP($A177,városok!$A$2:$C$346,3,0)-VLOOKUP(BC$1,városok!$A$2:$C$346,3,0))^2)/1000,0)</f>
        <v>199</v>
      </c>
      <c r="BD177">
        <f ca="1">ROUND(SQRT((VLOOKUP($A177,városok!$A$2:$C$346,2,0)-VLOOKUP(BD$1,városok!$A$2:$C$346,2,0))^2+(VLOOKUP($A177,városok!$A$2:$C$346,3,0)-VLOOKUP(BD$1,városok!$A$2:$C$346,3,0))^2)/1000,0)</f>
        <v>166</v>
      </c>
      <c r="BE177">
        <f ca="1">ROUND(SQRT((VLOOKUP($A177,városok!$A$2:$C$346,2,0)-VLOOKUP(BE$1,városok!$A$2:$C$346,2,0))^2+(VLOOKUP($A177,városok!$A$2:$C$346,3,0)-VLOOKUP(BE$1,városok!$A$2:$C$346,3,0))^2)/1000,0)</f>
        <v>207</v>
      </c>
      <c r="BF177">
        <f ca="1">ROUND(SQRT((VLOOKUP($A177,városok!$A$2:$C$346,2,0)-VLOOKUP(BF$1,városok!$A$2:$C$346,2,0))^2+(VLOOKUP($A177,városok!$A$2:$C$346,3,0)-VLOOKUP(BF$1,városok!$A$2:$C$346,3,0))^2)/1000,0)</f>
        <v>196</v>
      </c>
      <c r="BG177">
        <f ca="1">ROUND(SQRT((VLOOKUP($A177,városok!$A$2:$C$346,2,0)-VLOOKUP(BG$1,városok!$A$2:$C$346,2,0))^2+(VLOOKUP($A177,városok!$A$2:$C$346,3,0)-VLOOKUP(BG$1,városok!$A$2:$C$346,3,0))^2)/1000,0)</f>
        <v>158</v>
      </c>
      <c r="BH177">
        <f ca="1">ROUND(SQRT((VLOOKUP($A177,városok!$A$2:$C$346,2,0)-VLOOKUP(BH$1,városok!$A$2:$C$346,2,0))^2+(VLOOKUP($A177,városok!$A$2:$C$346,3,0)-VLOOKUP(BH$1,városok!$A$2:$C$346,3,0))^2)/1000,0)</f>
        <v>158</v>
      </c>
      <c r="BI177">
        <f ca="1">ROUND(SQRT((VLOOKUP($A177,városok!$A$2:$C$346,2,0)-VLOOKUP(BI$1,városok!$A$2:$C$346,2,0))^2+(VLOOKUP($A177,városok!$A$2:$C$346,3,0)-VLOOKUP(BI$1,városok!$A$2:$C$346,3,0))^2)/1000,0)</f>
        <v>139</v>
      </c>
      <c r="BJ177">
        <f ca="1">ROUND(SQRT((VLOOKUP($A177,városok!$A$2:$C$346,2,0)-VLOOKUP(BJ$1,városok!$A$2:$C$346,2,0))^2+(VLOOKUP($A177,városok!$A$2:$C$346,3,0)-VLOOKUP(BJ$1,városok!$A$2:$C$346,3,0))^2)/1000,0)</f>
        <v>156</v>
      </c>
      <c r="BK177">
        <f ca="1">ROUND(SQRT((VLOOKUP($A177,városok!$A$2:$C$346,2,0)-VLOOKUP(BK$1,városok!$A$2:$C$346,2,0))^2+(VLOOKUP($A177,városok!$A$2:$C$346,3,0)-VLOOKUP(BK$1,városok!$A$2:$C$346,3,0))^2)/1000,0)</f>
        <v>136</v>
      </c>
      <c r="BL177">
        <f ca="1">ROUND(SQRT((VLOOKUP($A177,városok!$A$2:$C$346,2,0)-VLOOKUP(BL$1,városok!$A$2:$C$346,2,0))^2+(VLOOKUP($A177,városok!$A$2:$C$346,3,0)-VLOOKUP(BL$1,városok!$A$2:$C$346,3,0))^2)/1000,0)</f>
        <v>277</v>
      </c>
      <c r="BM177">
        <f ca="1">ROUND(SQRT((VLOOKUP($A177,városok!$A$2:$C$346,2,0)-VLOOKUP(BM$1,városok!$A$2:$C$346,2,0))^2+(VLOOKUP($A177,városok!$A$2:$C$346,3,0)-VLOOKUP(BM$1,városok!$A$2:$C$346,3,0))^2)/1000,0)</f>
        <v>253</v>
      </c>
      <c r="BN177">
        <f ca="1">ROUND(SQRT((VLOOKUP($A177,városok!$A$2:$C$346,2,0)-VLOOKUP(BN$1,városok!$A$2:$C$346,2,0))^2+(VLOOKUP($A177,városok!$A$2:$C$346,3,0)-VLOOKUP(BN$1,városok!$A$2:$C$346,3,0))^2)/1000,0)</f>
        <v>277</v>
      </c>
      <c r="BO177">
        <f ca="1">ROUND(SQRT((VLOOKUP($A177,városok!$A$2:$C$346,2,0)-VLOOKUP(BO$1,városok!$A$2:$C$346,2,0))^2+(VLOOKUP($A177,városok!$A$2:$C$346,3,0)-VLOOKUP(BO$1,városok!$A$2:$C$346,3,0))^2)/1000,0)</f>
        <v>170</v>
      </c>
      <c r="BP177">
        <f ca="1">ROUND(SQRT((VLOOKUP($A177,városok!$A$2:$C$346,2,0)-VLOOKUP(BP$1,városok!$A$2:$C$346,2,0))^2+(VLOOKUP($A177,városok!$A$2:$C$346,3,0)-VLOOKUP(BP$1,városok!$A$2:$C$346,3,0))^2)/1000,0)</f>
        <v>163</v>
      </c>
      <c r="BQ177">
        <f ca="1">ROUND(SQRT((VLOOKUP($A177,városok!$A$2:$C$346,2,0)-VLOOKUP(BQ$1,városok!$A$2:$C$346,2,0))^2+(VLOOKUP($A177,városok!$A$2:$C$346,3,0)-VLOOKUP(BQ$1,városok!$A$2:$C$346,3,0))^2)/1000,0)</f>
        <v>178</v>
      </c>
      <c r="BR177">
        <f ca="1">ROUND(SQRT((VLOOKUP($A177,városok!$A$2:$C$346,2,0)-VLOOKUP(BR$1,városok!$A$2:$C$346,2,0))^2+(VLOOKUP($A177,városok!$A$2:$C$346,3,0)-VLOOKUP(BR$1,városok!$A$2:$C$346,3,0))^2)/1000,0)</f>
        <v>229</v>
      </c>
      <c r="BS177">
        <f ca="1">ROUND(SQRT((VLOOKUP($A177,városok!$A$2:$C$346,2,0)-VLOOKUP(BS$1,városok!$A$2:$C$346,2,0))^2+(VLOOKUP($A177,városok!$A$2:$C$346,3,0)-VLOOKUP(BS$1,városok!$A$2:$C$346,3,0))^2)/1000,0)</f>
        <v>255</v>
      </c>
      <c r="BT177">
        <f ca="1">ROUND(SQRT((VLOOKUP($A177,városok!$A$2:$C$346,2,0)-VLOOKUP(BT$1,városok!$A$2:$C$346,2,0))^2+(VLOOKUP($A177,városok!$A$2:$C$346,3,0)-VLOOKUP(BT$1,városok!$A$2:$C$346,3,0))^2)/1000,0)</f>
        <v>260</v>
      </c>
    </row>
    <row r="178" spans="1:72" x14ac:dyDescent="0.2">
      <c r="A178" t="str">
        <f>városok!A178</f>
        <v>Tiszafüred</v>
      </c>
      <c r="B178">
        <f ca="1">ROUND(SQRT((VLOOKUP($A178,városok!$A$2:$C$346,2,0)-VLOOKUP(B$1,városok!$A$2:$C$346,2,0))^2+(VLOOKUP($A178,városok!$A$2:$C$346,3,0)-VLOOKUP(B$1,városok!$A$2:$C$346,3,0))^2)/1000,0)</f>
        <v>210</v>
      </c>
      <c r="C178">
        <f ca="1">ROUND(SQRT((VLOOKUP($A178,városok!$A$2:$C$346,2,0)-VLOOKUP(C$1,városok!$A$2:$C$346,2,0))^2+(VLOOKUP($A178,városok!$A$2:$C$346,3,0)-VLOOKUP(C$1,városok!$A$2:$C$346,3,0))^2)/1000,0)</f>
        <v>181</v>
      </c>
      <c r="D178">
        <f ca="1">ROUND(SQRT((VLOOKUP($A178,városok!$A$2:$C$346,2,0)-VLOOKUP(D$1,városok!$A$2:$C$346,2,0))^2+(VLOOKUP($A178,városok!$A$2:$C$346,3,0)-VLOOKUP(D$1,városok!$A$2:$C$346,3,0))^2)/1000,0)</f>
        <v>113</v>
      </c>
      <c r="E178">
        <f ca="1">ROUND(SQRT((VLOOKUP($A178,városok!$A$2:$C$346,2,0)-VLOOKUP(E$1,városok!$A$2:$C$346,2,0))^2+(VLOOKUP($A178,városok!$A$2:$C$346,3,0)-VLOOKUP(E$1,városok!$A$2:$C$346,3,0))^2)/1000,0)</f>
        <v>247</v>
      </c>
      <c r="F178">
        <f ca="1">ROUND(SQRT((VLOOKUP($A178,városok!$A$2:$C$346,2,0)-VLOOKUP(F$1,városok!$A$2:$C$346,2,0))^2+(VLOOKUP($A178,városok!$A$2:$C$346,3,0)-VLOOKUP(F$1,városok!$A$2:$C$346,3,0))^2)/1000,0)</f>
        <v>240</v>
      </c>
      <c r="G178">
        <f ca="1">ROUND(SQRT((VLOOKUP($A178,városok!$A$2:$C$346,2,0)-VLOOKUP(G$1,városok!$A$2:$C$346,2,0))^2+(VLOOKUP($A178,városok!$A$2:$C$346,3,0)-VLOOKUP(G$1,városok!$A$2:$C$346,3,0))^2)/1000,0)</f>
        <v>256</v>
      </c>
      <c r="H178">
        <f ca="1">ROUND(SQRT((VLOOKUP($A178,városok!$A$2:$C$346,2,0)-VLOOKUP(H$1,városok!$A$2:$C$346,2,0))^2+(VLOOKUP($A178,városok!$A$2:$C$346,3,0)-VLOOKUP(H$1,városok!$A$2:$C$346,3,0))^2)/1000,0)</f>
        <v>285</v>
      </c>
      <c r="I178">
        <f ca="1">ROUND(SQRT((VLOOKUP($A178,városok!$A$2:$C$346,2,0)-VLOOKUP(I$1,városok!$A$2:$C$346,2,0))^2+(VLOOKUP($A178,városok!$A$2:$C$346,3,0)-VLOOKUP(I$1,városok!$A$2:$C$346,3,0))^2)/1000,0)</f>
        <v>108</v>
      </c>
      <c r="J178">
        <f ca="1">ROUND(SQRT((VLOOKUP($A178,városok!$A$2:$C$346,2,0)-VLOOKUP(J$1,városok!$A$2:$C$346,2,0))^2+(VLOOKUP($A178,városok!$A$2:$C$346,3,0)-VLOOKUP(J$1,városok!$A$2:$C$346,3,0))^2)/1000,0)</f>
        <v>115</v>
      </c>
      <c r="K178">
        <f ca="1">ROUND(SQRT((VLOOKUP($A178,városok!$A$2:$C$346,2,0)-VLOOKUP(K$1,városok!$A$2:$C$346,2,0))^2+(VLOOKUP($A178,városok!$A$2:$C$346,3,0)-VLOOKUP(K$1,városok!$A$2:$C$346,3,0))^2)/1000,0)</f>
        <v>117</v>
      </c>
      <c r="L178">
        <f ca="1">ROUND(SQRT((VLOOKUP($A178,városok!$A$2:$C$346,2,0)-VLOOKUP(L$1,városok!$A$2:$C$346,2,0))^2+(VLOOKUP($A178,városok!$A$2:$C$346,3,0)-VLOOKUP(L$1,városok!$A$2:$C$346,3,0))^2)/1000,0)</f>
        <v>71</v>
      </c>
      <c r="M178">
        <f ca="1">ROUND(SQRT((VLOOKUP($A178,városok!$A$2:$C$346,2,0)-VLOOKUP(M$1,városok!$A$2:$C$346,2,0))^2+(VLOOKUP($A178,városok!$A$2:$C$346,3,0)-VLOOKUP(M$1,városok!$A$2:$C$346,3,0))^2)/1000,0)</f>
        <v>54</v>
      </c>
      <c r="N178">
        <f ca="1">ROUND(SQRT((VLOOKUP($A178,városok!$A$2:$C$346,2,0)-VLOOKUP(N$1,városok!$A$2:$C$346,2,0))^2+(VLOOKUP($A178,városok!$A$2:$C$346,3,0)-VLOOKUP(N$1,városok!$A$2:$C$346,3,0))^2)/1000,0)</f>
        <v>76</v>
      </c>
      <c r="O178">
        <f ca="1">ROUND(SQRT((VLOOKUP($A178,városok!$A$2:$C$346,2,0)-VLOOKUP(O$1,városok!$A$2:$C$346,2,0))^2+(VLOOKUP($A178,városok!$A$2:$C$346,3,0)-VLOOKUP(O$1,városok!$A$2:$C$346,3,0))^2)/1000,0)</f>
        <v>110</v>
      </c>
      <c r="P178">
        <f ca="1">ROUND(SQRT((VLOOKUP($A178,városok!$A$2:$C$346,2,0)-VLOOKUP(P$1,városok!$A$2:$C$346,2,0))^2+(VLOOKUP($A178,városok!$A$2:$C$346,3,0)-VLOOKUP(P$1,városok!$A$2:$C$346,3,0))^2)/1000,0)</f>
        <v>110</v>
      </c>
      <c r="Q178">
        <f ca="1">ROUND(SQRT((VLOOKUP($A178,városok!$A$2:$C$346,2,0)-VLOOKUP(Q$1,városok!$A$2:$C$346,2,0))^2+(VLOOKUP($A178,városok!$A$2:$C$346,3,0)-VLOOKUP(Q$1,városok!$A$2:$C$346,3,0))^2)/1000,0)</f>
        <v>137</v>
      </c>
      <c r="R178">
        <f ca="1">ROUND(SQRT((VLOOKUP($A178,városok!$A$2:$C$346,2,0)-VLOOKUP(R$1,városok!$A$2:$C$346,2,0))^2+(VLOOKUP($A178,városok!$A$2:$C$346,3,0)-VLOOKUP(R$1,városok!$A$2:$C$346,3,0))^2)/1000,0)</f>
        <v>157</v>
      </c>
      <c r="S178">
        <f ca="1">ROUND(SQRT((VLOOKUP($A178,városok!$A$2:$C$346,2,0)-VLOOKUP(S$1,városok!$A$2:$C$346,2,0))^2+(VLOOKUP($A178,városok!$A$2:$C$346,3,0)-VLOOKUP(S$1,városok!$A$2:$C$346,3,0))^2)/1000,0)</f>
        <v>159</v>
      </c>
      <c r="T178">
        <f ca="1">ROUND(SQRT((VLOOKUP($A178,városok!$A$2:$C$346,2,0)-VLOOKUP(T$1,városok!$A$2:$C$346,2,0))^2+(VLOOKUP($A178,városok!$A$2:$C$346,3,0)-VLOOKUP(T$1,városok!$A$2:$C$346,3,0))^2)/1000,0)</f>
        <v>160</v>
      </c>
      <c r="U178">
        <f ca="1">ROUND(SQRT((VLOOKUP($A178,városok!$A$2:$C$346,2,0)-VLOOKUP(U$1,városok!$A$2:$C$346,2,0))^2+(VLOOKUP($A178,városok!$A$2:$C$346,3,0)-VLOOKUP(U$1,városok!$A$2:$C$346,3,0))^2)/1000,0)</f>
        <v>155</v>
      </c>
      <c r="V178">
        <f ca="1">ROUND(SQRT((VLOOKUP($A178,városok!$A$2:$C$346,2,0)-VLOOKUP(V$1,városok!$A$2:$C$346,2,0))^2+(VLOOKUP($A178,városok!$A$2:$C$346,3,0)-VLOOKUP(V$1,városok!$A$2:$C$346,3,0))^2)/1000,0)</f>
        <v>195</v>
      </c>
      <c r="W178">
        <f ca="1">ROUND(SQRT((VLOOKUP($A178,városok!$A$2:$C$346,2,0)-VLOOKUP(W$1,városok!$A$2:$C$346,2,0))^2+(VLOOKUP($A178,városok!$A$2:$C$346,3,0)-VLOOKUP(W$1,városok!$A$2:$C$346,3,0))^2)/1000,0)</f>
        <v>181</v>
      </c>
      <c r="X178">
        <f ca="1">ROUND(SQRT((VLOOKUP($A178,városok!$A$2:$C$346,2,0)-VLOOKUP(X$1,városok!$A$2:$C$346,2,0))^2+(VLOOKUP($A178,városok!$A$2:$C$346,3,0)-VLOOKUP(X$1,városok!$A$2:$C$346,3,0))^2)/1000,0)</f>
        <v>186</v>
      </c>
      <c r="Y178">
        <f ca="1">ROUND(SQRT((VLOOKUP($A178,városok!$A$2:$C$346,2,0)-VLOOKUP(Y$1,városok!$A$2:$C$346,2,0))^2+(VLOOKUP($A178,városok!$A$2:$C$346,3,0)-VLOOKUP(Y$1,városok!$A$2:$C$346,3,0))^2)/1000,0)</f>
        <v>234</v>
      </c>
      <c r="Z178">
        <f ca="1">ROUND(SQRT((VLOOKUP($A178,városok!$A$2:$C$346,2,0)-VLOOKUP(Z$1,városok!$A$2:$C$346,2,0))^2+(VLOOKUP($A178,városok!$A$2:$C$346,3,0)-VLOOKUP(Z$1,városok!$A$2:$C$346,3,0))^2)/1000,0)</f>
        <v>253</v>
      </c>
      <c r="AA178">
        <f ca="1">ROUND(SQRT((VLOOKUP($A178,városok!$A$2:$C$346,2,0)-VLOOKUP(AA$1,városok!$A$2:$C$346,2,0))^2+(VLOOKUP($A178,városok!$A$2:$C$346,3,0)-VLOOKUP(AA$1,városok!$A$2:$C$346,3,0))^2)/1000,0)</f>
        <v>313</v>
      </c>
      <c r="AB178">
        <f ca="1">ROUND(SQRT((VLOOKUP($A178,városok!$A$2:$C$346,2,0)-VLOOKUP(AB$1,városok!$A$2:$C$346,2,0))^2+(VLOOKUP($A178,városok!$A$2:$C$346,3,0)-VLOOKUP(AB$1,városok!$A$2:$C$346,3,0))^2)/1000,0)</f>
        <v>67</v>
      </c>
      <c r="AC178">
        <f ca="1">ROUND(SQRT((VLOOKUP($A178,városok!$A$2:$C$346,2,0)-VLOOKUP(AC$1,városok!$A$2:$C$346,2,0))^2+(VLOOKUP($A178,városok!$A$2:$C$346,3,0)-VLOOKUP(AC$1,városok!$A$2:$C$346,3,0))^2)/1000,0)</f>
        <v>52</v>
      </c>
      <c r="AD178">
        <f ca="1">ROUND(SQRT((VLOOKUP($A178,városok!$A$2:$C$346,2,0)-VLOOKUP(AD$1,városok!$A$2:$C$346,2,0))^2+(VLOOKUP($A178,városok!$A$2:$C$346,3,0)-VLOOKUP(AD$1,városok!$A$2:$C$346,3,0))^2)/1000,0)</f>
        <v>37</v>
      </c>
      <c r="AE178">
        <f ca="1">ROUND(SQRT((VLOOKUP($A178,városok!$A$2:$C$346,2,0)-VLOOKUP(AE$1,városok!$A$2:$C$346,2,0))^2+(VLOOKUP($A178,városok!$A$2:$C$346,3,0)-VLOOKUP(AE$1,városok!$A$2:$C$346,3,0))^2)/1000,0)</f>
        <v>49</v>
      </c>
      <c r="AF178">
        <f ca="1">ROUND(SQRT((VLOOKUP($A178,városok!$A$2:$C$346,2,0)-VLOOKUP(AF$1,városok!$A$2:$C$346,2,0))^2+(VLOOKUP($A178,városok!$A$2:$C$346,3,0)-VLOOKUP(AF$1,városok!$A$2:$C$346,3,0))^2)/1000,0)</f>
        <v>42</v>
      </c>
      <c r="AG178">
        <f ca="1">ROUND(SQRT((VLOOKUP($A178,városok!$A$2:$C$346,2,0)-VLOOKUP(AG$1,városok!$A$2:$C$346,2,0))^2+(VLOOKUP($A178,városok!$A$2:$C$346,3,0)-VLOOKUP(AG$1,városok!$A$2:$C$346,3,0))^2)/1000,0)</f>
        <v>65</v>
      </c>
      <c r="AH178">
        <f ca="1">ROUND(SQRT((VLOOKUP($A178,városok!$A$2:$C$346,2,0)-VLOOKUP(AH$1,városok!$A$2:$C$346,2,0))^2+(VLOOKUP($A178,városok!$A$2:$C$346,3,0)-VLOOKUP(AH$1,városok!$A$2:$C$346,3,0))^2)/1000,0)</f>
        <v>81</v>
      </c>
      <c r="AI178">
        <f ca="1">ROUND(SQRT((VLOOKUP($A178,városok!$A$2:$C$346,2,0)-VLOOKUP(AI$1,városok!$A$2:$C$346,2,0))^2+(VLOOKUP($A178,városok!$A$2:$C$346,3,0)-VLOOKUP(AI$1,városok!$A$2:$C$346,3,0))^2)/1000,0)</f>
        <v>66</v>
      </c>
      <c r="AJ178">
        <f ca="1">ROUND(SQRT((VLOOKUP($A178,városok!$A$2:$C$346,2,0)-VLOOKUP(AJ$1,városok!$A$2:$C$346,2,0))^2+(VLOOKUP($A178,városok!$A$2:$C$346,3,0)-VLOOKUP(AJ$1,városok!$A$2:$C$346,3,0))^2)/1000,0)</f>
        <v>58</v>
      </c>
      <c r="AK178">
        <f ca="1">ROUND(SQRT((VLOOKUP($A178,városok!$A$2:$C$346,2,0)-VLOOKUP(AK$1,városok!$A$2:$C$346,2,0))^2+(VLOOKUP($A178,városok!$A$2:$C$346,3,0)-VLOOKUP(AK$1,városok!$A$2:$C$346,3,0))^2)/1000,0)</f>
        <v>41</v>
      </c>
      <c r="AL178">
        <f ca="1">ROUND(SQRT((VLOOKUP($A178,városok!$A$2:$C$346,2,0)-VLOOKUP(AL$1,városok!$A$2:$C$346,2,0))^2+(VLOOKUP($A178,városok!$A$2:$C$346,3,0)-VLOOKUP(AL$1,városok!$A$2:$C$346,3,0))^2)/1000,0)</f>
        <v>29</v>
      </c>
      <c r="AM178">
        <f ca="1">ROUND(SQRT((VLOOKUP($A178,városok!$A$2:$C$346,2,0)-VLOOKUP(AM$1,városok!$A$2:$C$346,2,0))^2+(VLOOKUP($A178,városok!$A$2:$C$346,3,0)-VLOOKUP(AM$1,városok!$A$2:$C$346,3,0))^2)/1000,0)</f>
        <v>65</v>
      </c>
      <c r="AN178">
        <f ca="1">ROUND(SQRT((VLOOKUP($A178,városok!$A$2:$C$346,2,0)-VLOOKUP(AN$1,városok!$A$2:$C$346,2,0))^2+(VLOOKUP($A178,városok!$A$2:$C$346,3,0)-VLOOKUP(AN$1,városok!$A$2:$C$346,3,0))^2)/1000,0)</f>
        <v>152</v>
      </c>
      <c r="AO178">
        <f ca="1">ROUND(SQRT((VLOOKUP($A178,városok!$A$2:$C$346,2,0)-VLOOKUP(AO$1,városok!$A$2:$C$346,2,0))^2+(VLOOKUP($A178,városok!$A$2:$C$346,3,0)-VLOOKUP(AO$1,városok!$A$2:$C$346,3,0))^2)/1000,0)</f>
        <v>198</v>
      </c>
      <c r="AP178">
        <f ca="1">ROUND(SQRT((VLOOKUP($A178,városok!$A$2:$C$346,2,0)-VLOOKUP(AP$1,városok!$A$2:$C$346,2,0))^2+(VLOOKUP($A178,városok!$A$2:$C$346,3,0)-VLOOKUP(AP$1,városok!$A$2:$C$346,3,0))^2)/1000,0)</f>
        <v>182</v>
      </c>
      <c r="AQ178">
        <f ca="1">ROUND(SQRT((VLOOKUP($A178,városok!$A$2:$C$346,2,0)-VLOOKUP(AQ$1,városok!$A$2:$C$346,2,0))^2+(VLOOKUP($A178,városok!$A$2:$C$346,3,0)-VLOOKUP(AQ$1,városok!$A$2:$C$346,3,0))^2)/1000,0)</f>
        <v>176</v>
      </c>
      <c r="AR178">
        <f ca="1">ROUND(SQRT((VLOOKUP($A178,városok!$A$2:$C$346,2,0)-VLOOKUP(AR$1,városok!$A$2:$C$346,2,0))^2+(VLOOKUP($A178,városok!$A$2:$C$346,3,0)-VLOOKUP(AR$1,városok!$A$2:$C$346,3,0))^2)/1000,0)</f>
        <v>86</v>
      </c>
      <c r="AS178">
        <f ca="1">ROUND(SQRT((VLOOKUP($A178,városok!$A$2:$C$346,2,0)-VLOOKUP(AS$1,városok!$A$2:$C$346,2,0))^2+(VLOOKUP($A178,városok!$A$2:$C$346,3,0)-VLOOKUP(AS$1,városok!$A$2:$C$346,3,0))^2)/1000,0)</f>
        <v>89</v>
      </c>
      <c r="AT178">
        <f ca="1">ROUND(SQRT((VLOOKUP($A178,városok!$A$2:$C$346,2,0)-VLOOKUP(AT$1,városok!$A$2:$C$346,2,0))^2+(VLOOKUP($A178,városok!$A$2:$C$346,3,0)-VLOOKUP(AT$1,városok!$A$2:$C$346,3,0))^2)/1000,0)</f>
        <v>146</v>
      </c>
      <c r="AU178">
        <f ca="1">ROUND(SQRT((VLOOKUP($A178,városok!$A$2:$C$346,2,0)-VLOOKUP(AU$1,városok!$A$2:$C$346,2,0))^2+(VLOOKUP($A178,városok!$A$2:$C$346,3,0)-VLOOKUP(AU$1,városok!$A$2:$C$346,3,0))^2)/1000,0)</f>
        <v>136</v>
      </c>
      <c r="AV178">
        <f ca="1">ROUND(SQRT((VLOOKUP($A178,városok!$A$2:$C$346,2,0)-VLOOKUP(AV$1,városok!$A$2:$C$346,2,0))^2+(VLOOKUP($A178,városok!$A$2:$C$346,3,0)-VLOOKUP(AV$1,városok!$A$2:$C$346,3,0))^2)/1000,0)</f>
        <v>138</v>
      </c>
      <c r="AW178">
        <f ca="1">ROUND(SQRT((VLOOKUP($A178,városok!$A$2:$C$346,2,0)-VLOOKUP(AW$1,városok!$A$2:$C$346,2,0))^2+(VLOOKUP($A178,városok!$A$2:$C$346,3,0)-VLOOKUP(AW$1,városok!$A$2:$C$346,3,0))^2)/1000,0)</f>
        <v>141</v>
      </c>
      <c r="AX178">
        <f ca="1">ROUND(SQRT((VLOOKUP($A178,városok!$A$2:$C$346,2,0)-VLOOKUP(AX$1,városok!$A$2:$C$346,2,0))^2+(VLOOKUP($A178,városok!$A$2:$C$346,3,0)-VLOOKUP(AX$1,városok!$A$2:$C$346,3,0))^2)/1000,0)</f>
        <v>98</v>
      </c>
      <c r="AY178">
        <f ca="1">ROUND(SQRT((VLOOKUP($A178,városok!$A$2:$C$346,2,0)-VLOOKUP(AY$1,városok!$A$2:$C$346,2,0))^2+(VLOOKUP($A178,városok!$A$2:$C$346,3,0)-VLOOKUP(AY$1,városok!$A$2:$C$346,3,0))^2)/1000,0)</f>
        <v>127</v>
      </c>
      <c r="AZ178">
        <f ca="1">ROUND(SQRT((VLOOKUP($A178,városok!$A$2:$C$346,2,0)-VLOOKUP(AZ$1,városok!$A$2:$C$346,2,0))^2+(VLOOKUP($A178,városok!$A$2:$C$346,3,0)-VLOOKUP(AZ$1,városok!$A$2:$C$346,3,0))^2)/1000,0)</f>
        <v>135</v>
      </c>
      <c r="BA178">
        <f ca="1">ROUND(SQRT((VLOOKUP($A178,városok!$A$2:$C$346,2,0)-VLOOKUP(BA$1,városok!$A$2:$C$346,2,0))^2+(VLOOKUP($A178,városok!$A$2:$C$346,3,0)-VLOOKUP(BA$1,városok!$A$2:$C$346,3,0))^2)/1000,0)</f>
        <v>249</v>
      </c>
      <c r="BB178">
        <f ca="1">ROUND(SQRT((VLOOKUP($A178,városok!$A$2:$C$346,2,0)-VLOOKUP(BB$1,városok!$A$2:$C$346,2,0))^2+(VLOOKUP($A178,városok!$A$2:$C$346,3,0)-VLOOKUP(BB$1,városok!$A$2:$C$346,3,0))^2)/1000,0)</f>
        <v>245</v>
      </c>
      <c r="BC178">
        <f ca="1">ROUND(SQRT((VLOOKUP($A178,városok!$A$2:$C$346,2,0)-VLOOKUP(BC$1,városok!$A$2:$C$346,2,0))^2+(VLOOKUP($A178,városok!$A$2:$C$346,3,0)-VLOOKUP(BC$1,városok!$A$2:$C$346,3,0))^2)/1000,0)</f>
        <v>265</v>
      </c>
      <c r="BD178">
        <f ca="1">ROUND(SQRT((VLOOKUP($A178,városok!$A$2:$C$346,2,0)-VLOOKUP(BD$1,városok!$A$2:$C$346,2,0))^2+(VLOOKUP($A178,városok!$A$2:$C$346,3,0)-VLOOKUP(BD$1,városok!$A$2:$C$346,3,0))^2)/1000,0)</f>
        <v>218</v>
      </c>
      <c r="BE178">
        <f ca="1">ROUND(SQRT((VLOOKUP($A178,városok!$A$2:$C$346,2,0)-VLOOKUP(BE$1,városok!$A$2:$C$346,2,0))^2+(VLOOKUP($A178,városok!$A$2:$C$346,3,0)-VLOOKUP(BE$1,városok!$A$2:$C$346,3,0))^2)/1000,0)</f>
        <v>146</v>
      </c>
      <c r="BF178">
        <f ca="1">ROUND(SQRT((VLOOKUP($A178,városok!$A$2:$C$346,2,0)-VLOOKUP(BF$1,városok!$A$2:$C$346,2,0))^2+(VLOOKUP($A178,városok!$A$2:$C$346,3,0)-VLOOKUP(BF$1,városok!$A$2:$C$346,3,0))^2)/1000,0)</f>
        <v>120</v>
      </c>
      <c r="BG178">
        <f ca="1">ROUND(SQRT((VLOOKUP($A178,városok!$A$2:$C$346,2,0)-VLOOKUP(BG$1,városok!$A$2:$C$346,2,0))^2+(VLOOKUP($A178,városok!$A$2:$C$346,3,0)-VLOOKUP(BG$1,városok!$A$2:$C$346,3,0))^2)/1000,0)</f>
        <v>78</v>
      </c>
      <c r="BH178">
        <f ca="1">ROUND(SQRT((VLOOKUP($A178,városok!$A$2:$C$346,2,0)-VLOOKUP(BH$1,városok!$A$2:$C$346,2,0))^2+(VLOOKUP($A178,városok!$A$2:$C$346,3,0)-VLOOKUP(BH$1,városok!$A$2:$C$346,3,0))^2)/1000,0)</f>
        <v>77</v>
      </c>
      <c r="BI178">
        <f ca="1">ROUND(SQRT((VLOOKUP($A178,városok!$A$2:$C$346,2,0)-VLOOKUP(BI$1,városok!$A$2:$C$346,2,0))^2+(VLOOKUP($A178,városok!$A$2:$C$346,3,0)-VLOOKUP(BI$1,városok!$A$2:$C$346,3,0))^2)/1000,0)</f>
        <v>211</v>
      </c>
      <c r="BJ178">
        <f ca="1">ROUND(SQRT((VLOOKUP($A178,városok!$A$2:$C$346,2,0)-VLOOKUP(BJ$1,városok!$A$2:$C$346,2,0))^2+(VLOOKUP($A178,városok!$A$2:$C$346,3,0)-VLOOKUP(BJ$1,városok!$A$2:$C$346,3,0))^2)/1000,0)</f>
        <v>229</v>
      </c>
      <c r="BK178">
        <f ca="1">ROUND(SQRT((VLOOKUP($A178,városok!$A$2:$C$346,2,0)-VLOOKUP(BK$1,városok!$A$2:$C$346,2,0))^2+(VLOOKUP($A178,városok!$A$2:$C$346,3,0)-VLOOKUP(BK$1,városok!$A$2:$C$346,3,0))^2)/1000,0)</f>
        <v>210</v>
      </c>
      <c r="BL178">
        <f ca="1">ROUND(SQRT((VLOOKUP($A178,városok!$A$2:$C$346,2,0)-VLOOKUP(BL$1,városok!$A$2:$C$346,2,0))^2+(VLOOKUP($A178,városok!$A$2:$C$346,3,0)-VLOOKUP(BL$1,városok!$A$2:$C$346,3,0))^2)/1000,0)</f>
        <v>321</v>
      </c>
      <c r="BM178">
        <f ca="1">ROUND(SQRT((VLOOKUP($A178,városok!$A$2:$C$346,2,0)-VLOOKUP(BM$1,városok!$A$2:$C$346,2,0))^2+(VLOOKUP($A178,városok!$A$2:$C$346,3,0)-VLOOKUP(BM$1,városok!$A$2:$C$346,3,0))^2)/1000,0)</f>
        <v>291</v>
      </c>
      <c r="BN178">
        <f ca="1">ROUND(SQRT((VLOOKUP($A178,városok!$A$2:$C$346,2,0)-VLOOKUP(BN$1,városok!$A$2:$C$346,2,0))^2+(VLOOKUP($A178,városok!$A$2:$C$346,3,0)-VLOOKUP(BN$1,városok!$A$2:$C$346,3,0))^2)/1000,0)</f>
        <v>314</v>
      </c>
      <c r="BO178">
        <f ca="1">ROUND(SQRT((VLOOKUP($A178,városok!$A$2:$C$346,2,0)-VLOOKUP(BO$1,városok!$A$2:$C$346,2,0))^2+(VLOOKUP($A178,városok!$A$2:$C$346,3,0)-VLOOKUP(BO$1,városok!$A$2:$C$346,3,0))^2)/1000,0)</f>
        <v>217</v>
      </c>
      <c r="BP178">
        <f ca="1">ROUND(SQRT((VLOOKUP($A178,városok!$A$2:$C$346,2,0)-VLOOKUP(BP$1,városok!$A$2:$C$346,2,0))^2+(VLOOKUP($A178,városok!$A$2:$C$346,3,0)-VLOOKUP(BP$1,városok!$A$2:$C$346,3,0))^2)/1000,0)</f>
        <v>210</v>
      </c>
      <c r="BQ178">
        <f ca="1">ROUND(SQRT((VLOOKUP($A178,városok!$A$2:$C$346,2,0)-VLOOKUP(BQ$1,városok!$A$2:$C$346,2,0))^2+(VLOOKUP($A178,városok!$A$2:$C$346,3,0)-VLOOKUP(BQ$1,városok!$A$2:$C$346,3,0))^2)/1000,0)</f>
        <v>222</v>
      </c>
      <c r="BR178">
        <f ca="1">ROUND(SQRT((VLOOKUP($A178,városok!$A$2:$C$346,2,0)-VLOOKUP(BR$1,városok!$A$2:$C$346,2,0))^2+(VLOOKUP($A178,városok!$A$2:$C$346,3,0)-VLOOKUP(BR$1,városok!$A$2:$C$346,3,0))^2)/1000,0)</f>
        <v>281</v>
      </c>
      <c r="BS178">
        <f ca="1">ROUND(SQRT((VLOOKUP($A178,városok!$A$2:$C$346,2,0)-VLOOKUP(BS$1,városok!$A$2:$C$346,2,0))^2+(VLOOKUP($A178,városok!$A$2:$C$346,3,0)-VLOOKUP(BS$1,városok!$A$2:$C$346,3,0))^2)/1000,0)</f>
        <v>314</v>
      </c>
      <c r="BT178">
        <f ca="1">ROUND(SQRT((VLOOKUP($A178,városok!$A$2:$C$346,2,0)-VLOOKUP(BT$1,városok!$A$2:$C$346,2,0))^2+(VLOOKUP($A178,városok!$A$2:$C$346,3,0)-VLOOKUP(BT$1,városok!$A$2:$C$346,3,0))^2)/1000,0)</f>
        <v>309</v>
      </c>
    </row>
    <row r="179" spans="1:72" x14ac:dyDescent="0.2">
      <c r="A179" t="str">
        <f>városok!A179</f>
        <v>Törökszentmiklós</v>
      </c>
      <c r="B179">
        <f ca="1">ROUND(SQRT((VLOOKUP($A179,városok!$A$2:$C$346,2,0)-VLOOKUP(B$1,városok!$A$2:$C$346,2,0))^2+(VLOOKUP($A179,városok!$A$2:$C$346,3,0)-VLOOKUP(B$1,városok!$A$2:$C$346,3,0))^2)/1000,0)</f>
        <v>157</v>
      </c>
      <c r="C179">
        <f ca="1">ROUND(SQRT((VLOOKUP($A179,városok!$A$2:$C$346,2,0)-VLOOKUP(C$1,városok!$A$2:$C$346,2,0))^2+(VLOOKUP($A179,városok!$A$2:$C$346,3,0)-VLOOKUP(C$1,városok!$A$2:$C$346,3,0))^2)/1000,0)</f>
        <v>131</v>
      </c>
      <c r="D179">
        <f ca="1">ROUND(SQRT((VLOOKUP($A179,városok!$A$2:$C$346,2,0)-VLOOKUP(D$1,városok!$A$2:$C$346,2,0))^2+(VLOOKUP($A179,városok!$A$2:$C$346,3,0)-VLOOKUP(D$1,városok!$A$2:$C$346,3,0))^2)/1000,0)</f>
        <v>63</v>
      </c>
      <c r="E179">
        <f ca="1">ROUND(SQRT((VLOOKUP($A179,városok!$A$2:$C$346,2,0)-VLOOKUP(E$1,városok!$A$2:$C$346,2,0))^2+(VLOOKUP($A179,városok!$A$2:$C$346,3,0)-VLOOKUP(E$1,városok!$A$2:$C$346,3,0))^2)/1000,0)</f>
        <v>198</v>
      </c>
      <c r="F179">
        <f ca="1">ROUND(SQRT((VLOOKUP($A179,városok!$A$2:$C$346,2,0)-VLOOKUP(F$1,városok!$A$2:$C$346,2,0))^2+(VLOOKUP($A179,városok!$A$2:$C$346,3,0)-VLOOKUP(F$1,városok!$A$2:$C$346,3,0))^2)/1000,0)</f>
        <v>187</v>
      </c>
      <c r="G179">
        <f ca="1">ROUND(SQRT((VLOOKUP($A179,városok!$A$2:$C$346,2,0)-VLOOKUP(G$1,városok!$A$2:$C$346,2,0))^2+(VLOOKUP($A179,városok!$A$2:$C$346,3,0)-VLOOKUP(G$1,városok!$A$2:$C$346,3,0))^2)/1000,0)</f>
        <v>206</v>
      </c>
      <c r="H179">
        <f ca="1">ROUND(SQRT((VLOOKUP($A179,városok!$A$2:$C$346,2,0)-VLOOKUP(H$1,városok!$A$2:$C$346,2,0))^2+(VLOOKUP($A179,városok!$A$2:$C$346,3,0)-VLOOKUP(H$1,városok!$A$2:$C$346,3,0))^2)/1000,0)</f>
        <v>237</v>
      </c>
      <c r="I179">
        <f ca="1">ROUND(SQRT((VLOOKUP($A179,városok!$A$2:$C$346,2,0)-VLOOKUP(I$1,városok!$A$2:$C$346,2,0))^2+(VLOOKUP($A179,városok!$A$2:$C$346,3,0)-VLOOKUP(I$1,városok!$A$2:$C$346,3,0))^2)/1000,0)</f>
        <v>76</v>
      </c>
      <c r="J179">
        <f ca="1">ROUND(SQRT((VLOOKUP($A179,városok!$A$2:$C$346,2,0)-VLOOKUP(J$1,városok!$A$2:$C$346,2,0))^2+(VLOOKUP($A179,városok!$A$2:$C$346,3,0)-VLOOKUP(J$1,városok!$A$2:$C$346,3,0))^2)/1000,0)</f>
        <v>89</v>
      </c>
      <c r="K179">
        <f ca="1">ROUND(SQRT((VLOOKUP($A179,városok!$A$2:$C$346,2,0)-VLOOKUP(K$1,városok!$A$2:$C$346,2,0))^2+(VLOOKUP($A179,városok!$A$2:$C$346,3,0)-VLOOKUP(K$1,városok!$A$2:$C$346,3,0))^2)/1000,0)</f>
        <v>71</v>
      </c>
      <c r="L179">
        <f ca="1">ROUND(SQRT((VLOOKUP($A179,városok!$A$2:$C$346,2,0)-VLOOKUP(L$1,városok!$A$2:$C$346,2,0))^2+(VLOOKUP($A179,városok!$A$2:$C$346,3,0)-VLOOKUP(L$1,városok!$A$2:$C$346,3,0))^2)/1000,0)</f>
        <v>121</v>
      </c>
      <c r="M179">
        <f ca="1">ROUND(SQRT((VLOOKUP($A179,városok!$A$2:$C$346,2,0)-VLOOKUP(M$1,városok!$A$2:$C$346,2,0))^2+(VLOOKUP($A179,városok!$A$2:$C$346,3,0)-VLOOKUP(M$1,városok!$A$2:$C$346,3,0))^2)/1000,0)</f>
        <v>107</v>
      </c>
      <c r="N179">
        <f ca="1">ROUND(SQRT((VLOOKUP($A179,városok!$A$2:$C$346,2,0)-VLOOKUP(N$1,városok!$A$2:$C$346,2,0))^2+(VLOOKUP($A179,városok!$A$2:$C$346,3,0)-VLOOKUP(N$1,városok!$A$2:$C$346,3,0))^2)/1000,0)</f>
        <v>116</v>
      </c>
      <c r="O179">
        <f ca="1">ROUND(SQRT((VLOOKUP($A179,városok!$A$2:$C$346,2,0)-VLOOKUP(O$1,városok!$A$2:$C$346,2,0))^2+(VLOOKUP($A179,városok!$A$2:$C$346,3,0)-VLOOKUP(O$1,városok!$A$2:$C$346,3,0))^2)/1000,0)</f>
        <v>164</v>
      </c>
      <c r="P179">
        <f ca="1">ROUND(SQRT((VLOOKUP($A179,városok!$A$2:$C$346,2,0)-VLOOKUP(P$1,városok!$A$2:$C$346,2,0))^2+(VLOOKUP($A179,városok!$A$2:$C$346,3,0)-VLOOKUP(P$1,városok!$A$2:$C$346,3,0))^2)/1000,0)</f>
        <v>164</v>
      </c>
      <c r="Q179">
        <f ca="1">ROUND(SQRT((VLOOKUP($A179,városok!$A$2:$C$346,2,0)-VLOOKUP(Q$1,városok!$A$2:$C$346,2,0))^2+(VLOOKUP($A179,városok!$A$2:$C$346,3,0)-VLOOKUP(Q$1,városok!$A$2:$C$346,3,0))^2)/1000,0)</f>
        <v>85</v>
      </c>
      <c r="R179">
        <f ca="1">ROUND(SQRT((VLOOKUP($A179,városok!$A$2:$C$346,2,0)-VLOOKUP(R$1,városok!$A$2:$C$346,2,0))^2+(VLOOKUP($A179,városok!$A$2:$C$346,3,0)-VLOOKUP(R$1,városok!$A$2:$C$346,3,0))^2)/1000,0)</f>
        <v>107</v>
      </c>
      <c r="S179">
        <f ca="1">ROUND(SQRT((VLOOKUP($A179,városok!$A$2:$C$346,2,0)-VLOOKUP(S$1,városok!$A$2:$C$346,2,0))^2+(VLOOKUP($A179,városok!$A$2:$C$346,3,0)-VLOOKUP(S$1,városok!$A$2:$C$346,3,0))^2)/1000,0)</f>
        <v>106</v>
      </c>
      <c r="T179">
        <f ca="1">ROUND(SQRT((VLOOKUP($A179,városok!$A$2:$C$346,2,0)-VLOOKUP(T$1,városok!$A$2:$C$346,2,0))^2+(VLOOKUP($A179,városok!$A$2:$C$346,3,0)-VLOOKUP(T$1,városok!$A$2:$C$346,3,0))^2)/1000,0)</f>
        <v>139</v>
      </c>
      <c r="U179">
        <f ca="1">ROUND(SQRT((VLOOKUP($A179,városok!$A$2:$C$346,2,0)-VLOOKUP(U$1,városok!$A$2:$C$346,2,0))^2+(VLOOKUP($A179,városok!$A$2:$C$346,3,0)-VLOOKUP(U$1,városok!$A$2:$C$346,3,0))^2)/1000,0)</f>
        <v>115</v>
      </c>
      <c r="V179">
        <f ca="1">ROUND(SQRT((VLOOKUP($A179,városok!$A$2:$C$346,2,0)-VLOOKUP(V$1,városok!$A$2:$C$346,2,0))^2+(VLOOKUP($A179,városok!$A$2:$C$346,3,0)-VLOOKUP(V$1,városok!$A$2:$C$346,3,0))^2)/1000,0)</f>
        <v>161</v>
      </c>
      <c r="W179">
        <f ca="1">ROUND(SQRT((VLOOKUP($A179,városok!$A$2:$C$346,2,0)-VLOOKUP(W$1,városok!$A$2:$C$346,2,0))^2+(VLOOKUP($A179,városok!$A$2:$C$346,3,0)-VLOOKUP(W$1,városok!$A$2:$C$346,3,0))^2)/1000,0)</f>
        <v>140</v>
      </c>
      <c r="X179">
        <f ca="1">ROUND(SQRT((VLOOKUP($A179,városok!$A$2:$C$346,2,0)-VLOOKUP(X$1,városok!$A$2:$C$346,2,0))^2+(VLOOKUP($A179,városok!$A$2:$C$346,3,0)-VLOOKUP(X$1,városok!$A$2:$C$346,3,0))^2)/1000,0)</f>
        <v>159</v>
      </c>
      <c r="Y179">
        <f ca="1">ROUND(SQRT((VLOOKUP($A179,városok!$A$2:$C$346,2,0)-VLOOKUP(Y$1,városok!$A$2:$C$346,2,0))^2+(VLOOKUP($A179,városok!$A$2:$C$346,3,0)-VLOOKUP(Y$1,városok!$A$2:$C$346,3,0))^2)/1000,0)</f>
        <v>217</v>
      </c>
      <c r="Z179">
        <f ca="1">ROUND(SQRT((VLOOKUP($A179,városok!$A$2:$C$346,2,0)-VLOOKUP(Z$1,városok!$A$2:$C$346,2,0))^2+(VLOOKUP($A179,városok!$A$2:$C$346,3,0)-VLOOKUP(Z$1,városok!$A$2:$C$346,3,0))^2)/1000,0)</f>
        <v>236</v>
      </c>
      <c r="AA179">
        <f ca="1">ROUND(SQRT((VLOOKUP($A179,városok!$A$2:$C$346,2,0)-VLOOKUP(AA$1,városok!$A$2:$C$346,2,0))^2+(VLOOKUP($A179,városok!$A$2:$C$346,3,0)-VLOOKUP(AA$1,városok!$A$2:$C$346,3,0))^2)/1000,0)</f>
        <v>294</v>
      </c>
      <c r="AB179">
        <f ca="1">ROUND(SQRT((VLOOKUP($A179,városok!$A$2:$C$346,2,0)-VLOOKUP(AB$1,városok!$A$2:$C$346,2,0))^2+(VLOOKUP($A179,városok!$A$2:$C$346,3,0)-VLOOKUP(AB$1,városok!$A$2:$C$346,3,0))^2)/1000,0)</f>
        <v>100</v>
      </c>
      <c r="AC179">
        <f ca="1">ROUND(SQRT((VLOOKUP($A179,városok!$A$2:$C$346,2,0)-VLOOKUP(AC$1,városok!$A$2:$C$346,2,0))^2+(VLOOKUP($A179,városok!$A$2:$C$346,3,0)-VLOOKUP(AC$1,városok!$A$2:$C$346,3,0))^2)/1000,0)</f>
        <v>80</v>
      </c>
      <c r="AD179">
        <f ca="1">ROUND(SQRT((VLOOKUP($A179,városok!$A$2:$C$346,2,0)-VLOOKUP(AD$1,városok!$A$2:$C$346,2,0))^2+(VLOOKUP($A179,városok!$A$2:$C$346,3,0)-VLOOKUP(AD$1,városok!$A$2:$C$346,3,0))^2)/1000,0)</f>
        <v>63</v>
      </c>
      <c r="AE179">
        <f ca="1">ROUND(SQRT((VLOOKUP($A179,városok!$A$2:$C$346,2,0)-VLOOKUP(AE$1,városok!$A$2:$C$346,2,0))^2+(VLOOKUP($A179,városok!$A$2:$C$346,3,0)-VLOOKUP(AE$1,városok!$A$2:$C$346,3,0))^2)/1000,0)</f>
        <v>58</v>
      </c>
      <c r="AF179">
        <f ca="1">ROUND(SQRT((VLOOKUP($A179,városok!$A$2:$C$346,2,0)-VLOOKUP(AF$1,városok!$A$2:$C$346,2,0))^2+(VLOOKUP($A179,városok!$A$2:$C$346,3,0)-VLOOKUP(AF$1,városok!$A$2:$C$346,3,0))^2)/1000,0)</f>
        <v>80</v>
      </c>
      <c r="AG179">
        <f ca="1">ROUND(SQRT((VLOOKUP($A179,városok!$A$2:$C$346,2,0)-VLOOKUP(AG$1,városok!$A$2:$C$346,2,0))^2+(VLOOKUP($A179,városok!$A$2:$C$346,3,0)-VLOOKUP(AG$1,városok!$A$2:$C$346,3,0))^2)/1000,0)</f>
        <v>76</v>
      </c>
      <c r="AH179">
        <f ca="1">ROUND(SQRT((VLOOKUP($A179,városok!$A$2:$C$346,2,0)-VLOOKUP(AH$1,városok!$A$2:$C$346,2,0))^2+(VLOOKUP($A179,városok!$A$2:$C$346,3,0)-VLOOKUP(AH$1,városok!$A$2:$C$346,3,0))^2)/1000,0)</f>
        <v>78</v>
      </c>
      <c r="AI179">
        <f ca="1">ROUND(SQRT((VLOOKUP($A179,városok!$A$2:$C$346,2,0)-VLOOKUP(AI$1,városok!$A$2:$C$346,2,0))^2+(VLOOKUP($A179,városok!$A$2:$C$346,3,0)-VLOOKUP(AI$1,városok!$A$2:$C$346,3,0))^2)/1000,0)</f>
        <v>96</v>
      </c>
      <c r="AJ179">
        <f ca="1">ROUND(SQRT((VLOOKUP($A179,városok!$A$2:$C$346,2,0)-VLOOKUP(AJ$1,városok!$A$2:$C$346,2,0))^2+(VLOOKUP($A179,városok!$A$2:$C$346,3,0)-VLOOKUP(AJ$1,városok!$A$2:$C$346,3,0))^2)/1000,0)</f>
        <v>61</v>
      </c>
      <c r="AK179">
        <f ca="1">ROUND(SQRT((VLOOKUP($A179,városok!$A$2:$C$346,2,0)-VLOOKUP(AK$1,városok!$A$2:$C$346,2,0))^2+(VLOOKUP($A179,városok!$A$2:$C$346,3,0)-VLOOKUP(AK$1,városok!$A$2:$C$346,3,0))^2)/1000,0)</f>
        <v>44</v>
      </c>
      <c r="AL179">
        <f ca="1">ROUND(SQRT((VLOOKUP($A179,városok!$A$2:$C$346,2,0)-VLOOKUP(AL$1,városok!$A$2:$C$346,2,0))^2+(VLOOKUP($A179,városok!$A$2:$C$346,3,0)-VLOOKUP(AL$1,városok!$A$2:$C$346,3,0))^2)/1000,0)</f>
        <v>26</v>
      </c>
      <c r="AM179">
        <f ca="1">ROUND(SQRT((VLOOKUP($A179,városok!$A$2:$C$346,2,0)-VLOOKUP(AM$1,városok!$A$2:$C$346,2,0))^2+(VLOOKUP($A179,városok!$A$2:$C$346,3,0)-VLOOKUP(AM$1,városok!$A$2:$C$346,3,0))^2)/1000,0)</f>
        <v>17</v>
      </c>
      <c r="AN179">
        <f ca="1">ROUND(SQRT((VLOOKUP($A179,városok!$A$2:$C$346,2,0)-VLOOKUP(AN$1,városok!$A$2:$C$346,2,0))^2+(VLOOKUP($A179,városok!$A$2:$C$346,3,0)-VLOOKUP(AN$1,városok!$A$2:$C$346,3,0))^2)/1000,0)</f>
        <v>143</v>
      </c>
      <c r="AO179">
        <f ca="1">ROUND(SQRT((VLOOKUP($A179,városok!$A$2:$C$346,2,0)-VLOOKUP(AO$1,városok!$A$2:$C$346,2,0))^2+(VLOOKUP($A179,városok!$A$2:$C$346,3,0)-VLOOKUP(AO$1,városok!$A$2:$C$346,3,0))^2)/1000,0)</f>
        <v>184</v>
      </c>
      <c r="AP179">
        <f ca="1">ROUND(SQRT((VLOOKUP($A179,városok!$A$2:$C$346,2,0)-VLOOKUP(AP$1,városok!$A$2:$C$346,2,0))^2+(VLOOKUP($A179,városok!$A$2:$C$346,3,0)-VLOOKUP(AP$1,városok!$A$2:$C$346,3,0))^2)/1000,0)</f>
        <v>165</v>
      </c>
      <c r="AQ179">
        <f ca="1">ROUND(SQRT((VLOOKUP($A179,városok!$A$2:$C$346,2,0)-VLOOKUP(AQ$1,városok!$A$2:$C$346,2,0))^2+(VLOOKUP($A179,városok!$A$2:$C$346,3,0)-VLOOKUP(AQ$1,városok!$A$2:$C$346,3,0))^2)/1000,0)</f>
        <v>157</v>
      </c>
      <c r="AR179">
        <f ca="1">ROUND(SQRT((VLOOKUP($A179,városok!$A$2:$C$346,2,0)-VLOOKUP(AR$1,városok!$A$2:$C$346,2,0))^2+(VLOOKUP($A179,városok!$A$2:$C$346,3,0)-VLOOKUP(AR$1,városok!$A$2:$C$346,3,0))^2)/1000,0)</f>
        <v>98</v>
      </c>
      <c r="AS179">
        <f ca="1">ROUND(SQRT((VLOOKUP($A179,városok!$A$2:$C$346,2,0)-VLOOKUP(AS$1,városok!$A$2:$C$346,2,0))^2+(VLOOKUP($A179,városok!$A$2:$C$346,3,0)-VLOOKUP(AS$1,városok!$A$2:$C$346,3,0))^2)/1000,0)</f>
        <v>113</v>
      </c>
      <c r="AT179">
        <f ca="1">ROUND(SQRT((VLOOKUP($A179,városok!$A$2:$C$346,2,0)-VLOOKUP(AT$1,városok!$A$2:$C$346,2,0))^2+(VLOOKUP($A179,városok!$A$2:$C$346,3,0)-VLOOKUP(AT$1,városok!$A$2:$C$346,3,0))^2)/1000,0)</f>
        <v>125</v>
      </c>
      <c r="AU179">
        <f ca="1">ROUND(SQRT((VLOOKUP($A179,városok!$A$2:$C$346,2,0)-VLOOKUP(AU$1,városok!$A$2:$C$346,2,0))^2+(VLOOKUP($A179,városok!$A$2:$C$346,3,0)-VLOOKUP(AU$1,városok!$A$2:$C$346,3,0))^2)/1000,0)</f>
        <v>114</v>
      </c>
      <c r="AV179">
        <f ca="1">ROUND(SQRT((VLOOKUP($A179,városok!$A$2:$C$346,2,0)-VLOOKUP(AV$1,városok!$A$2:$C$346,2,0))^2+(VLOOKUP($A179,városok!$A$2:$C$346,3,0)-VLOOKUP(AV$1,városok!$A$2:$C$346,3,0))^2)/1000,0)</f>
        <v>114</v>
      </c>
      <c r="AW179">
        <f ca="1">ROUND(SQRT((VLOOKUP($A179,városok!$A$2:$C$346,2,0)-VLOOKUP(AW$1,városok!$A$2:$C$346,2,0))^2+(VLOOKUP($A179,városok!$A$2:$C$346,3,0)-VLOOKUP(AW$1,városok!$A$2:$C$346,3,0))^2)/1000,0)</f>
        <v>116</v>
      </c>
      <c r="AX179">
        <f ca="1">ROUND(SQRT((VLOOKUP($A179,városok!$A$2:$C$346,2,0)-VLOOKUP(AX$1,városok!$A$2:$C$346,2,0))^2+(VLOOKUP($A179,városok!$A$2:$C$346,3,0)-VLOOKUP(AX$1,városok!$A$2:$C$346,3,0))^2)/1000,0)</f>
        <v>51</v>
      </c>
      <c r="AY179">
        <f ca="1">ROUND(SQRT((VLOOKUP($A179,városok!$A$2:$C$346,2,0)-VLOOKUP(AY$1,városok!$A$2:$C$346,2,0))^2+(VLOOKUP($A179,városok!$A$2:$C$346,3,0)-VLOOKUP(AY$1,városok!$A$2:$C$346,3,0))^2)/1000,0)</f>
        <v>116</v>
      </c>
      <c r="AZ179">
        <f ca="1">ROUND(SQRT((VLOOKUP($A179,városok!$A$2:$C$346,2,0)-VLOOKUP(AZ$1,városok!$A$2:$C$346,2,0))^2+(VLOOKUP($A179,városok!$A$2:$C$346,3,0)-VLOOKUP(AZ$1,városok!$A$2:$C$346,3,0))^2)/1000,0)</f>
        <v>128</v>
      </c>
      <c r="BA179">
        <f ca="1">ROUND(SQRT((VLOOKUP($A179,városok!$A$2:$C$346,2,0)-VLOOKUP(BA$1,városok!$A$2:$C$346,2,0))^2+(VLOOKUP($A179,városok!$A$2:$C$346,3,0)-VLOOKUP(BA$1,városok!$A$2:$C$346,3,0))^2)/1000,0)</f>
        <v>211</v>
      </c>
      <c r="BB179">
        <f ca="1">ROUND(SQRT((VLOOKUP($A179,városok!$A$2:$C$346,2,0)-VLOOKUP(BB$1,városok!$A$2:$C$346,2,0))^2+(VLOOKUP($A179,városok!$A$2:$C$346,3,0)-VLOOKUP(BB$1,városok!$A$2:$C$346,3,0))^2)/1000,0)</f>
        <v>202</v>
      </c>
      <c r="BC179">
        <f ca="1">ROUND(SQRT((VLOOKUP($A179,városok!$A$2:$C$346,2,0)-VLOOKUP(BC$1,városok!$A$2:$C$346,2,0))^2+(VLOOKUP($A179,városok!$A$2:$C$346,3,0)-VLOOKUP(BC$1,városok!$A$2:$C$346,3,0))^2)/1000,0)</f>
        <v>220</v>
      </c>
      <c r="BD179">
        <f ca="1">ROUND(SQRT((VLOOKUP($A179,városok!$A$2:$C$346,2,0)-VLOOKUP(BD$1,városok!$A$2:$C$346,2,0))^2+(VLOOKUP($A179,városok!$A$2:$C$346,3,0)-VLOOKUP(BD$1,városok!$A$2:$C$346,3,0))^2)/1000,0)</f>
        <v>181</v>
      </c>
      <c r="BE179">
        <f ca="1">ROUND(SQRT((VLOOKUP($A179,városok!$A$2:$C$346,2,0)-VLOOKUP(BE$1,városok!$A$2:$C$346,2,0))^2+(VLOOKUP($A179,városok!$A$2:$C$346,3,0)-VLOOKUP(BE$1,városok!$A$2:$C$346,3,0))^2)/1000,0)</f>
        <v>185</v>
      </c>
      <c r="BF179">
        <f ca="1">ROUND(SQRT((VLOOKUP($A179,városok!$A$2:$C$346,2,0)-VLOOKUP(BF$1,városok!$A$2:$C$346,2,0))^2+(VLOOKUP($A179,városok!$A$2:$C$346,3,0)-VLOOKUP(BF$1,városok!$A$2:$C$346,3,0))^2)/1000,0)</f>
        <v>170</v>
      </c>
      <c r="BG179">
        <f ca="1">ROUND(SQRT((VLOOKUP($A179,városok!$A$2:$C$346,2,0)-VLOOKUP(BG$1,városok!$A$2:$C$346,2,0))^2+(VLOOKUP($A179,városok!$A$2:$C$346,3,0)-VLOOKUP(BG$1,városok!$A$2:$C$346,3,0))^2)/1000,0)</f>
        <v>131</v>
      </c>
      <c r="BH179">
        <f ca="1">ROUND(SQRT((VLOOKUP($A179,városok!$A$2:$C$346,2,0)-VLOOKUP(BH$1,városok!$A$2:$C$346,2,0))^2+(VLOOKUP($A179,városok!$A$2:$C$346,3,0)-VLOOKUP(BH$1,városok!$A$2:$C$346,3,0))^2)/1000,0)</f>
        <v>131</v>
      </c>
      <c r="BI179">
        <f ca="1">ROUND(SQRT((VLOOKUP($A179,városok!$A$2:$C$346,2,0)-VLOOKUP(BI$1,városok!$A$2:$C$346,2,0))^2+(VLOOKUP($A179,városok!$A$2:$C$346,3,0)-VLOOKUP(BI$1,városok!$A$2:$C$346,3,0))^2)/1000,0)</f>
        <v>162</v>
      </c>
      <c r="BJ179">
        <f ca="1">ROUND(SQRT((VLOOKUP($A179,városok!$A$2:$C$346,2,0)-VLOOKUP(BJ$1,városok!$A$2:$C$346,2,0))^2+(VLOOKUP($A179,városok!$A$2:$C$346,3,0)-VLOOKUP(BJ$1,városok!$A$2:$C$346,3,0))^2)/1000,0)</f>
        <v>180</v>
      </c>
      <c r="BK179">
        <f ca="1">ROUND(SQRT((VLOOKUP($A179,városok!$A$2:$C$346,2,0)-VLOOKUP(BK$1,városok!$A$2:$C$346,2,0))^2+(VLOOKUP($A179,városok!$A$2:$C$346,3,0)-VLOOKUP(BK$1,városok!$A$2:$C$346,3,0))^2)/1000,0)</f>
        <v>160</v>
      </c>
      <c r="BL179">
        <f ca="1">ROUND(SQRT((VLOOKUP($A179,városok!$A$2:$C$346,2,0)-VLOOKUP(BL$1,városok!$A$2:$C$346,2,0))^2+(VLOOKUP($A179,városok!$A$2:$C$346,3,0)-VLOOKUP(BL$1,városok!$A$2:$C$346,3,0))^2)/1000,0)</f>
        <v>290</v>
      </c>
      <c r="BM179">
        <f ca="1">ROUND(SQRT((VLOOKUP($A179,városok!$A$2:$C$346,2,0)-VLOOKUP(BM$1,városok!$A$2:$C$346,2,0))^2+(VLOOKUP($A179,városok!$A$2:$C$346,3,0)-VLOOKUP(BM$1,városok!$A$2:$C$346,3,0))^2)/1000,0)</f>
        <v>264</v>
      </c>
      <c r="BN179">
        <f ca="1">ROUND(SQRT((VLOOKUP($A179,városok!$A$2:$C$346,2,0)-VLOOKUP(BN$1,városok!$A$2:$C$346,2,0))^2+(VLOOKUP($A179,városok!$A$2:$C$346,3,0)-VLOOKUP(BN$1,városok!$A$2:$C$346,3,0))^2)/1000,0)</f>
        <v>287</v>
      </c>
      <c r="BO179">
        <f ca="1">ROUND(SQRT((VLOOKUP($A179,városok!$A$2:$C$346,2,0)-VLOOKUP(BO$1,városok!$A$2:$C$346,2,0))^2+(VLOOKUP($A179,városok!$A$2:$C$346,3,0)-VLOOKUP(BO$1,városok!$A$2:$C$346,3,0))^2)/1000,0)</f>
        <v>183</v>
      </c>
      <c r="BP179">
        <f ca="1">ROUND(SQRT((VLOOKUP($A179,városok!$A$2:$C$346,2,0)-VLOOKUP(BP$1,városok!$A$2:$C$346,2,0))^2+(VLOOKUP($A179,városok!$A$2:$C$346,3,0)-VLOOKUP(BP$1,városok!$A$2:$C$346,3,0))^2)/1000,0)</f>
        <v>176</v>
      </c>
      <c r="BQ179">
        <f ca="1">ROUND(SQRT((VLOOKUP($A179,városok!$A$2:$C$346,2,0)-VLOOKUP(BQ$1,városok!$A$2:$C$346,2,0))^2+(VLOOKUP($A179,városok!$A$2:$C$346,3,0)-VLOOKUP(BQ$1,városok!$A$2:$C$346,3,0))^2)/1000,0)</f>
        <v>190</v>
      </c>
      <c r="BR179">
        <f ca="1">ROUND(SQRT((VLOOKUP($A179,városok!$A$2:$C$346,2,0)-VLOOKUP(BR$1,városok!$A$2:$C$346,2,0))^2+(VLOOKUP($A179,városok!$A$2:$C$346,3,0)-VLOOKUP(BR$1,városok!$A$2:$C$346,3,0))^2)/1000,0)</f>
        <v>245</v>
      </c>
      <c r="BS179">
        <f ca="1">ROUND(SQRT((VLOOKUP($A179,városok!$A$2:$C$346,2,0)-VLOOKUP(BS$1,városok!$A$2:$C$346,2,0))^2+(VLOOKUP($A179,városok!$A$2:$C$346,3,0)-VLOOKUP(BS$1,városok!$A$2:$C$346,3,0))^2)/1000,0)</f>
        <v>273</v>
      </c>
      <c r="BT179">
        <f ca="1">ROUND(SQRT((VLOOKUP($A179,városok!$A$2:$C$346,2,0)-VLOOKUP(BT$1,városok!$A$2:$C$346,2,0))^2+(VLOOKUP($A179,városok!$A$2:$C$346,3,0)-VLOOKUP(BT$1,városok!$A$2:$C$346,3,0))^2)/1000,0)</f>
        <v>274</v>
      </c>
    </row>
    <row r="180" spans="1:72" x14ac:dyDescent="0.2">
      <c r="A180" t="str">
        <f>városok!A180</f>
        <v>Túrkeve</v>
      </c>
      <c r="B180">
        <f ca="1">ROUND(SQRT((VLOOKUP($A180,városok!$A$2:$C$346,2,0)-VLOOKUP(B$1,városok!$A$2:$C$346,2,0))^2+(VLOOKUP($A180,városok!$A$2:$C$346,3,0)-VLOOKUP(B$1,városok!$A$2:$C$346,3,0))^2)/1000,0)</f>
        <v>171</v>
      </c>
      <c r="C180">
        <f ca="1">ROUND(SQRT((VLOOKUP($A180,városok!$A$2:$C$346,2,0)-VLOOKUP(C$1,városok!$A$2:$C$346,2,0))^2+(VLOOKUP($A180,városok!$A$2:$C$346,3,0)-VLOOKUP(C$1,városok!$A$2:$C$346,3,0))^2)/1000,0)</f>
        <v>151</v>
      </c>
      <c r="D180">
        <f ca="1">ROUND(SQRT((VLOOKUP($A180,városok!$A$2:$C$346,2,0)-VLOOKUP(D$1,városok!$A$2:$C$346,2,0))^2+(VLOOKUP($A180,városok!$A$2:$C$346,3,0)-VLOOKUP(D$1,városok!$A$2:$C$346,3,0))^2)/1000,0)</f>
        <v>85</v>
      </c>
      <c r="E180">
        <f ca="1">ROUND(SQRT((VLOOKUP($A180,városok!$A$2:$C$346,2,0)-VLOOKUP(E$1,városok!$A$2:$C$346,2,0))^2+(VLOOKUP($A180,városok!$A$2:$C$346,3,0)-VLOOKUP(E$1,városok!$A$2:$C$346,3,0))^2)/1000,0)</f>
        <v>217</v>
      </c>
      <c r="F180">
        <f ca="1">ROUND(SQRT((VLOOKUP($A180,városok!$A$2:$C$346,2,0)-VLOOKUP(F$1,városok!$A$2:$C$346,2,0))^2+(VLOOKUP($A180,városok!$A$2:$C$346,3,0)-VLOOKUP(F$1,városok!$A$2:$C$346,3,0))^2)/1000,0)</f>
        <v>201</v>
      </c>
      <c r="G180">
        <f ca="1">ROUND(SQRT((VLOOKUP($A180,városok!$A$2:$C$346,2,0)-VLOOKUP(G$1,városok!$A$2:$C$346,2,0))^2+(VLOOKUP($A180,városok!$A$2:$C$346,3,0)-VLOOKUP(G$1,városok!$A$2:$C$346,3,0))^2)/1000,0)</f>
        <v>224</v>
      </c>
      <c r="H180">
        <f ca="1">ROUND(SQRT((VLOOKUP($A180,városok!$A$2:$C$346,2,0)-VLOOKUP(H$1,városok!$A$2:$C$346,2,0))^2+(VLOOKUP($A180,városok!$A$2:$C$346,3,0)-VLOOKUP(H$1,városok!$A$2:$C$346,3,0))^2)/1000,0)</f>
        <v>256</v>
      </c>
      <c r="I180">
        <f ca="1">ROUND(SQRT((VLOOKUP($A180,városok!$A$2:$C$346,2,0)-VLOOKUP(I$1,városok!$A$2:$C$346,2,0))^2+(VLOOKUP($A180,városok!$A$2:$C$346,3,0)-VLOOKUP(I$1,városok!$A$2:$C$346,3,0))^2)/1000,0)</f>
        <v>49</v>
      </c>
      <c r="J180">
        <f ca="1">ROUND(SQRT((VLOOKUP($A180,városok!$A$2:$C$346,2,0)-VLOOKUP(J$1,városok!$A$2:$C$346,2,0))^2+(VLOOKUP($A180,városok!$A$2:$C$346,3,0)-VLOOKUP(J$1,városok!$A$2:$C$346,3,0))^2)/1000,0)</f>
        <v>60</v>
      </c>
      <c r="K180">
        <f ca="1">ROUND(SQRT((VLOOKUP($A180,városok!$A$2:$C$346,2,0)-VLOOKUP(K$1,városok!$A$2:$C$346,2,0))^2+(VLOOKUP($A180,városok!$A$2:$C$346,3,0)-VLOOKUP(K$1,városok!$A$2:$C$346,3,0))^2)/1000,0)</f>
        <v>57</v>
      </c>
      <c r="L180">
        <f ca="1">ROUND(SQRT((VLOOKUP($A180,városok!$A$2:$C$346,2,0)-VLOOKUP(L$1,városok!$A$2:$C$346,2,0))^2+(VLOOKUP($A180,városok!$A$2:$C$346,3,0)-VLOOKUP(L$1,városok!$A$2:$C$346,3,0))^2)/1000,0)</f>
        <v>132</v>
      </c>
      <c r="M180">
        <f ca="1">ROUND(SQRT((VLOOKUP($A180,városok!$A$2:$C$346,2,0)-VLOOKUP(M$1,városok!$A$2:$C$346,2,0))^2+(VLOOKUP($A180,városok!$A$2:$C$346,3,0)-VLOOKUP(M$1,városok!$A$2:$C$346,3,0))^2)/1000,0)</f>
        <v>115</v>
      </c>
      <c r="N180">
        <f ca="1">ROUND(SQRT((VLOOKUP($A180,városok!$A$2:$C$346,2,0)-VLOOKUP(N$1,városok!$A$2:$C$346,2,0))^2+(VLOOKUP($A180,városok!$A$2:$C$346,3,0)-VLOOKUP(N$1,városok!$A$2:$C$346,3,0))^2)/1000,0)</f>
        <v>133</v>
      </c>
      <c r="O180">
        <f ca="1">ROUND(SQRT((VLOOKUP($A180,városok!$A$2:$C$346,2,0)-VLOOKUP(O$1,városok!$A$2:$C$346,2,0))^2+(VLOOKUP($A180,városok!$A$2:$C$346,3,0)-VLOOKUP(O$1,városok!$A$2:$C$346,3,0))^2)/1000,0)</f>
        <v>161</v>
      </c>
      <c r="P180">
        <f ca="1">ROUND(SQRT((VLOOKUP($A180,városok!$A$2:$C$346,2,0)-VLOOKUP(P$1,városok!$A$2:$C$346,2,0))^2+(VLOOKUP($A180,városok!$A$2:$C$346,3,0)-VLOOKUP(P$1,városok!$A$2:$C$346,3,0))^2)/1000,0)</f>
        <v>161</v>
      </c>
      <c r="Q180">
        <f ca="1">ROUND(SQRT((VLOOKUP($A180,városok!$A$2:$C$346,2,0)-VLOOKUP(Q$1,városok!$A$2:$C$346,2,0))^2+(VLOOKUP($A180,városok!$A$2:$C$346,3,0)-VLOOKUP(Q$1,városok!$A$2:$C$346,3,0))^2)/1000,0)</f>
        <v>81</v>
      </c>
      <c r="R180">
        <f ca="1">ROUND(SQRT((VLOOKUP($A180,városok!$A$2:$C$346,2,0)-VLOOKUP(R$1,városok!$A$2:$C$346,2,0))^2+(VLOOKUP($A180,városok!$A$2:$C$346,3,0)-VLOOKUP(R$1,városok!$A$2:$C$346,3,0))^2)/1000,0)</f>
        <v>98</v>
      </c>
      <c r="S180">
        <f ca="1">ROUND(SQRT((VLOOKUP($A180,városok!$A$2:$C$346,2,0)-VLOOKUP(S$1,városok!$A$2:$C$346,2,0))^2+(VLOOKUP($A180,városok!$A$2:$C$346,3,0)-VLOOKUP(S$1,városok!$A$2:$C$346,3,0))^2)/1000,0)</f>
        <v>103</v>
      </c>
      <c r="T180">
        <f ca="1">ROUND(SQRT((VLOOKUP($A180,városok!$A$2:$C$346,2,0)-VLOOKUP(T$1,városok!$A$2:$C$346,2,0))^2+(VLOOKUP($A180,városok!$A$2:$C$346,3,0)-VLOOKUP(T$1,városok!$A$2:$C$346,3,0))^2)/1000,0)</f>
        <v>169</v>
      </c>
      <c r="U180">
        <f ca="1">ROUND(SQRT((VLOOKUP($A180,városok!$A$2:$C$346,2,0)-VLOOKUP(U$1,városok!$A$2:$C$346,2,0))^2+(VLOOKUP($A180,városok!$A$2:$C$346,3,0)-VLOOKUP(U$1,városok!$A$2:$C$346,3,0))^2)/1000,0)</f>
        <v>141</v>
      </c>
      <c r="V180">
        <f ca="1">ROUND(SQRT((VLOOKUP($A180,városok!$A$2:$C$346,2,0)-VLOOKUP(V$1,városok!$A$2:$C$346,2,0))^2+(VLOOKUP($A180,városok!$A$2:$C$346,3,0)-VLOOKUP(V$1,városok!$A$2:$C$346,3,0))^2)/1000,0)</f>
        <v>189</v>
      </c>
      <c r="W180">
        <f ca="1">ROUND(SQRT((VLOOKUP($A180,városok!$A$2:$C$346,2,0)-VLOOKUP(W$1,városok!$A$2:$C$346,2,0))^2+(VLOOKUP($A180,városok!$A$2:$C$346,3,0)-VLOOKUP(W$1,városok!$A$2:$C$346,3,0))^2)/1000,0)</f>
        <v>166</v>
      </c>
      <c r="X180">
        <f ca="1">ROUND(SQRT((VLOOKUP($A180,városok!$A$2:$C$346,2,0)-VLOOKUP(X$1,városok!$A$2:$C$346,2,0))^2+(VLOOKUP($A180,városok!$A$2:$C$346,3,0)-VLOOKUP(X$1,városok!$A$2:$C$346,3,0))^2)/1000,0)</f>
        <v>188</v>
      </c>
      <c r="Y180">
        <f ca="1">ROUND(SQRT((VLOOKUP($A180,városok!$A$2:$C$346,2,0)-VLOOKUP(Y$1,városok!$A$2:$C$346,2,0))^2+(VLOOKUP($A180,városok!$A$2:$C$346,3,0)-VLOOKUP(Y$1,városok!$A$2:$C$346,3,0))^2)/1000,0)</f>
        <v>248</v>
      </c>
      <c r="Z180">
        <f ca="1">ROUND(SQRT((VLOOKUP($A180,városok!$A$2:$C$346,2,0)-VLOOKUP(Z$1,városok!$A$2:$C$346,2,0))^2+(VLOOKUP($A180,városok!$A$2:$C$346,3,0)-VLOOKUP(Z$1,városok!$A$2:$C$346,3,0))^2)/1000,0)</f>
        <v>267</v>
      </c>
      <c r="AA180">
        <f ca="1">ROUND(SQRT((VLOOKUP($A180,városok!$A$2:$C$346,2,0)-VLOOKUP(AA$1,városok!$A$2:$C$346,2,0))^2+(VLOOKUP($A180,városok!$A$2:$C$346,3,0)-VLOOKUP(AA$1,városok!$A$2:$C$346,3,0))^2)/1000,0)</f>
        <v>325</v>
      </c>
      <c r="AB180">
        <f ca="1">ROUND(SQRT((VLOOKUP($A180,városok!$A$2:$C$346,2,0)-VLOOKUP(AB$1,városok!$A$2:$C$346,2,0))^2+(VLOOKUP($A180,városok!$A$2:$C$346,3,0)-VLOOKUP(AB$1,városok!$A$2:$C$346,3,0))^2)/1000,0)</f>
        <v>82</v>
      </c>
      <c r="AC180">
        <f ca="1">ROUND(SQRT((VLOOKUP($A180,városok!$A$2:$C$346,2,0)-VLOOKUP(AC$1,városok!$A$2:$C$346,2,0))^2+(VLOOKUP($A180,városok!$A$2:$C$346,3,0)-VLOOKUP(AC$1,városok!$A$2:$C$346,3,0))^2)/1000,0)</f>
        <v>62</v>
      </c>
      <c r="AD180">
        <f ca="1">ROUND(SQRT((VLOOKUP($A180,városok!$A$2:$C$346,2,0)-VLOOKUP(AD$1,városok!$A$2:$C$346,2,0))^2+(VLOOKUP($A180,városok!$A$2:$C$346,3,0)-VLOOKUP(AD$1,városok!$A$2:$C$346,3,0))^2)/1000,0)</f>
        <v>49</v>
      </c>
      <c r="AE180">
        <f ca="1">ROUND(SQRT((VLOOKUP($A180,városok!$A$2:$C$346,2,0)-VLOOKUP(AE$1,városok!$A$2:$C$346,2,0))^2+(VLOOKUP($A180,városok!$A$2:$C$346,3,0)-VLOOKUP(AE$1,városok!$A$2:$C$346,3,0))^2)/1000,0)</f>
        <v>37</v>
      </c>
      <c r="AF180">
        <f ca="1">ROUND(SQRT((VLOOKUP($A180,városok!$A$2:$C$346,2,0)-VLOOKUP(AF$1,városok!$A$2:$C$346,2,0))^2+(VLOOKUP($A180,városok!$A$2:$C$346,3,0)-VLOOKUP(AF$1,városok!$A$2:$C$346,3,0))^2)/1000,0)</f>
        <v>97</v>
      </c>
      <c r="AG180">
        <f ca="1">ROUND(SQRT((VLOOKUP($A180,városok!$A$2:$C$346,2,0)-VLOOKUP(AG$1,városok!$A$2:$C$346,2,0))^2+(VLOOKUP($A180,városok!$A$2:$C$346,3,0)-VLOOKUP(AG$1,városok!$A$2:$C$346,3,0))^2)/1000,0)</f>
        <v>102</v>
      </c>
      <c r="AH180">
        <f ca="1">ROUND(SQRT((VLOOKUP($A180,városok!$A$2:$C$346,2,0)-VLOOKUP(AH$1,városok!$A$2:$C$346,2,0))^2+(VLOOKUP($A180,városok!$A$2:$C$346,3,0)-VLOOKUP(AH$1,városok!$A$2:$C$346,3,0))^2)/1000,0)</f>
        <v>107</v>
      </c>
      <c r="AI180">
        <f ca="1">ROUND(SQRT((VLOOKUP($A180,városok!$A$2:$C$346,2,0)-VLOOKUP(AI$1,városok!$A$2:$C$346,2,0))^2+(VLOOKUP($A180,városok!$A$2:$C$346,3,0)-VLOOKUP(AI$1,városok!$A$2:$C$346,3,0))^2)/1000,0)</f>
        <v>118</v>
      </c>
      <c r="AJ180">
        <f ca="1">ROUND(SQRT((VLOOKUP($A180,városok!$A$2:$C$346,2,0)-VLOOKUP(AJ$1,városok!$A$2:$C$346,2,0))^2+(VLOOKUP($A180,városok!$A$2:$C$346,3,0)-VLOOKUP(AJ$1,városok!$A$2:$C$346,3,0))^2)/1000,0)</f>
        <v>88</v>
      </c>
      <c r="AK180">
        <f ca="1">ROUND(SQRT((VLOOKUP($A180,városok!$A$2:$C$346,2,0)-VLOOKUP(AK$1,városok!$A$2:$C$346,2,0))^2+(VLOOKUP($A180,városok!$A$2:$C$346,3,0)-VLOOKUP(AK$1,városok!$A$2:$C$346,3,0))^2)/1000,0)</f>
        <v>27</v>
      </c>
      <c r="AL180">
        <f ca="1">ROUND(SQRT((VLOOKUP($A180,városok!$A$2:$C$346,2,0)-VLOOKUP(AL$1,városok!$A$2:$C$346,2,0))^2+(VLOOKUP($A180,városok!$A$2:$C$346,3,0)-VLOOKUP(AL$1,városok!$A$2:$C$346,3,0))^2)/1000,0)</f>
        <v>35</v>
      </c>
      <c r="AM180">
        <f ca="1">ROUND(SQRT((VLOOKUP($A180,városok!$A$2:$C$346,2,0)-VLOOKUP(AM$1,városok!$A$2:$C$346,2,0))^2+(VLOOKUP($A180,városok!$A$2:$C$346,3,0)-VLOOKUP(AM$1,városok!$A$2:$C$346,3,0))^2)/1000,0)</f>
        <v>47</v>
      </c>
      <c r="AN180">
        <f ca="1">ROUND(SQRT((VLOOKUP($A180,városok!$A$2:$C$346,2,0)-VLOOKUP(AN$1,városok!$A$2:$C$346,2,0))^2+(VLOOKUP($A180,városok!$A$2:$C$346,3,0)-VLOOKUP(AN$1,városok!$A$2:$C$346,3,0))^2)/1000,0)</f>
        <v>174</v>
      </c>
      <c r="AO180">
        <f ca="1">ROUND(SQRT((VLOOKUP($A180,városok!$A$2:$C$346,2,0)-VLOOKUP(AO$1,városok!$A$2:$C$346,2,0))^2+(VLOOKUP($A180,városok!$A$2:$C$346,3,0)-VLOOKUP(AO$1,városok!$A$2:$C$346,3,0))^2)/1000,0)</f>
        <v>215</v>
      </c>
      <c r="AP180">
        <f ca="1">ROUND(SQRT((VLOOKUP($A180,városok!$A$2:$C$346,2,0)-VLOOKUP(AP$1,városok!$A$2:$C$346,2,0))^2+(VLOOKUP($A180,városok!$A$2:$C$346,3,0)-VLOOKUP(AP$1,városok!$A$2:$C$346,3,0))^2)/1000,0)</f>
        <v>196</v>
      </c>
      <c r="AQ180">
        <f ca="1">ROUND(SQRT((VLOOKUP($A180,városok!$A$2:$C$346,2,0)-VLOOKUP(AQ$1,városok!$A$2:$C$346,2,0))^2+(VLOOKUP($A180,városok!$A$2:$C$346,3,0)-VLOOKUP(AQ$1,városok!$A$2:$C$346,3,0))^2)/1000,0)</f>
        <v>188</v>
      </c>
      <c r="AR180">
        <f ca="1">ROUND(SQRT((VLOOKUP($A180,városok!$A$2:$C$346,2,0)-VLOOKUP(AR$1,városok!$A$2:$C$346,2,0))^2+(VLOOKUP($A180,városok!$A$2:$C$346,3,0)-VLOOKUP(AR$1,városok!$A$2:$C$346,3,0))^2)/1000,0)</f>
        <v>125</v>
      </c>
      <c r="AS180">
        <f ca="1">ROUND(SQRT((VLOOKUP($A180,városok!$A$2:$C$346,2,0)-VLOOKUP(AS$1,városok!$A$2:$C$346,2,0))^2+(VLOOKUP($A180,városok!$A$2:$C$346,3,0)-VLOOKUP(AS$1,városok!$A$2:$C$346,3,0))^2)/1000,0)</f>
        <v>137</v>
      </c>
      <c r="AT180">
        <f ca="1">ROUND(SQRT((VLOOKUP($A180,városok!$A$2:$C$346,2,0)-VLOOKUP(AT$1,városok!$A$2:$C$346,2,0))^2+(VLOOKUP($A180,városok!$A$2:$C$346,3,0)-VLOOKUP(AT$1,városok!$A$2:$C$346,3,0))^2)/1000,0)</f>
        <v>156</v>
      </c>
      <c r="AU180">
        <f ca="1">ROUND(SQRT((VLOOKUP($A180,városok!$A$2:$C$346,2,0)-VLOOKUP(AU$1,városok!$A$2:$C$346,2,0))^2+(VLOOKUP($A180,városok!$A$2:$C$346,3,0)-VLOOKUP(AU$1,városok!$A$2:$C$346,3,0))^2)/1000,0)</f>
        <v>145</v>
      </c>
      <c r="AV180">
        <f ca="1">ROUND(SQRT((VLOOKUP($A180,városok!$A$2:$C$346,2,0)-VLOOKUP(AV$1,városok!$A$2:$C$346,2,0))^2+(VLOOKUP($A180,városok!$A$2:$C$346,3,0)-VLOOKUP(AV$1,városok!$A$2:$C$346,3,0))^2)/1000,0)</f>
        <v>144</v>
      </c>
      <c r="AW180">
        <f ca="1">ROUND(SQRT((VLOOKUP($A180,városok!$A$2:$C$346,2,0)-VLOOKUP(AW$1,városok!$A$2:$C$346,2,0))^2+(VLOOKUP($A180,városok!$A$2:$C$346,3,0)-VLOOKUP(AW$1,városok!$A$2:$C$346,3,0))^2)/1000,0)</f>
        <v>147</v>
      </c>
      <c r="AX180">
        <f ca="1">ROUND(SQRT((VLOOKUP($A180,városok!$A$2:$C$346,2,0)-VLOOKUP(AX$1,városok!$A$2:$C$346,2,0))^2+(VLOOKUP($A180,városok!$A$2:$C$346,3,0)-VLOOKUP(AX$1,városok!$A$2:$C$346,3,0))^2)/1000,0)</f>
        <v>77</v>
      </c>
      <c r="AY180">
        <f ca="1">ROUND(SQRT((VLOOKUP($A180,városok!$A$2:$C$346,2,0)-VLOOKUP(AY$1,városok!$A$2:$C$346,2,0))^2+(VLOOKUP($A180,városok!$A$2:$C$346,3,0)-VLOOKUP(AY$1,városok!$A$2:$C$346,3,0))^2)/1000,0)</f>
        <v>147</v>
      </c>
      <c r="AZ180">
        <f ca="1">ROUND(SQRT((VLOOKUP($A180,városok!$A$2:$C$346,2,0)-VLOOKUP(AZ$1,városok!$A$2:$C$346,2,0))^2+(VLOOKUP($A180,városok!$A$2:$C$346,3,0)-VLOOKUP(AZ$1,városok!$A$2:$C$346,3,0))^2)/1000,0)</f>
        <v>159</v>
      </c>
      <c r="BA180">
        <f ca="1">ROUND(SQRT((VLOOKUP($A180,városok!$A$2:$C$346,2,0)-VLOOKUP(BA$1,városok!$A$2:$C$346,2,0))^2+(VLOOKUP($A180,városok!$A$2:$C$346,3,0)-VLOOKUP(BA$1,városok!$A$2:$C$346,3,0))^2)/1000,0)</f>
        <v>237</v>
      </c>
      <c r="BB180">
        <f ca="1">ROUND(SQRT((VLOOKUP($A180,városok!$A$2:$C$346,2,0)-VLOOKUP(BB$1,városok!$A$2:$C$346,2,0))^2+(VLOOKUP($A180,városok!$A$2:$C$346,3,0)-VLOOKUP(BB$1,városok!$A$2:$C$346,3,0))^2)/1000,0)</f>
        <v>225</v>
      </c>
      <c r="BC180">
        <f ca="1">ROUND(SQRT((VLOOKUP($A180,városok!$A$2:$C$346,2,0)-VLOOKUP(BC$1,városok!$A$2:$C$346,2,0))^2+(VLOOKUP($A180,városok!$A$2:$C$346,3,0)-VLOOKUP(BC$1,városok!$A$2:$C$346,3,0))^2)/1000,0)</f>
        <v>242</v>
      </c>
      <c r="BD180">
        <f ca="1">ROUND(SQRT((VLOOKUP($A180,városok!$A$2:$C$346,2,0)-VLOOKUP(BD$1,városok!$A$2:$C$346,2,0))^2+(VLOOKUP($A180,városok!$A$2:$C$346,3,0)-VLOOKUP(BD$1,városok!$A$2:$C$346,3,0))^2)/1000,0)</f>
        <v>208</v>
      </c>
      <c r="BE180">
        <f ca="1">ROUND(SQRT((VLOOKUP($A180,városok!$A$2:$C$346,2,0)-VLOOKUP(BE$1,városok!$A$2:$C$346,2,0))^2+(VLOOKUP($A180,városok!$A$2:$C$346,3,0)-VLOOKUP(BE$1,városok!$A$2:$C$346,3,0))^2)/1000,0)</f>
        <v>165</v>
      </c>
      <c r="BF180">
        <f ca="1">ROUND(SQRT((VLOOKUP($A180,városok!$A$2:$C$346,2,0)-VLOOKUP(BF$1,városok!$A$2:$C$346,2,0))^2+(VLOOKUP($A180,városok!$A$2:$C$346,3,0)-VLOOKUP(BF$1,városok!$A$2:$C$346,3,0))^2)/1000,0)</f>
        <v>160</v>
      </c>
      <c r="BG180">
        <f ca="1">ROUND(SQRT((VLOOKUP($A180,városok!$A$2:$C$346,2,0)-VLOOKUP(BG$1,városok!$A$2:$C$346,2,0))^2+(VLOOKUP($A180,városok!$A$2:$C$346,3,0)-VLOOKUP(BG$1,városok!$A$2:$C$346,3,0))^2)/1000,0)</f>
        <v>128</v>
      </c>
      <c r="BH180">
        <f ca="1">ROUND(SQRT((VLOOKUP($A180,városok!$A$2:$C$346,2,0)-VLOOKUP(BH$1,városok!$A$2:$C$346,2,0))^2+(VLOOKUP($A180,városok!$A$2:$C$346,3,0)-VLOOKUP(BH$1,városok!$A$2:$C$346,3,0))^2)/1000,0)</f>
        <v>128</v>
      </c>
      <c r="BI180">
        <f ca="1">ROUND(SQRT((VLOOKUP($A180,városok!$A$2:$C$346,2,0)-VLOOKUP(BI$1,városok!$A$2:$C$346,2,0))^2+(VLOOKUP($A180,városok!$A$2:$C$346,3,0)-VLOOKUP(BI$1,városok!$A$2:$C$346,3,0))^2)/1000,0)</f>
        <v>182</v>
      </c>
      <c r="BJ180">
        <f ca="1">ROUND(SQRT((VLOOKUP($A180,városok!$A$2:$C$346,2,0)-VLOOKUP(BJ$1,városok!$A$2:$C$346,2,0))^2+(VLOOKUP($A180,városok!$A$2:$C$346,3,0)-VLOOKUP(BJ$1,városok!$A$2:$C$346,3,0))^2)/1000,0)</f>
        <v>199</v>
      </c>
      <c r="BK180">
        <f ca="1">ROUND(SQRT((VLOOKUP($A180,városok!$A$2:$C$346,2,0)-VLOOKUP(BK$1,városok!$A$2:$C$346,2,0))^2+(VLOOKUP($A180,városok!$A$2:$C$346,3,0)-VLOOKUP(BK$1,városok!$A$2:$C$346,3,0))^2)/1000,0)</f>
        <v>178</v>
      </c>
      <c r="BL180">
        <f ca="1">ROUND(SQRT((VLOOKUP($A180,városok!$A$2:$C$346,2,0)-VLOOKUP(BL$1,városok!$A$2:$C$346,2,0))^2+(VLOOKUP($A180,városok!$A$2:$C$346,3,0)-VLOOKUP(BL$1,városok!$A$2:$C$346,3,0))^2)/1000,0)</f>
        <v>318</v>
      </c>
      <c r="BM180">
        <f ca="1">ROUND(SQRT((VLOOKUP($A180,városok!$A$2:$C$346,2,0)-VLOOKUP(BM$1,városok!$A$2:$C$346,2,0))^2+(VLOOKUP($A180,városok!$A$2:$C$346,3,0)-VLOOKUP(BM$1,városok!$A$2:$C$346,3,0))^2)/1000,0)</f>
        <v>293</v>
      </c>
      <c r="BN180">
        <f ca="1">ROUND(SQRT((VLOOKUP($A180,városok!$A$2:$C$346,2,0)-VLOOKUP(BN$1,városok!$A$2:$C$346,2,0))^2+(VLOOKUP($A180,városok!$A$2:$C$346,3,0)-VLOOKUP(BN$1,városok!$A$2:$C$346,3,0))^2)/1000,0)</f>
        <v>316</v>
      </c>
      <c r="BO180">
        <f ca="1">ROUND(SQRT((VLOOKUP($A180,városok!$A$2:$C$346,2,0)-VLOOKUP(BO$1,városok!$A$2:$C$346,2,0))^2+(VLOOKUP($A180,városok!$A$2:$C$346,3,0)-VLOOKUP(BO$1,városok!$A$2:$C$346,3,0))^2)/1000,0)</f>
        <v>211</v>
      </c>
      <c r="BP180">
        <f ca="1">ROUND(SQRT((VLOOKUP($A180,városok!$A$2:$C$346,2,0)-VLOOKUP(BP$1,városok!$A$2:$C$346,2,0))^2+(VLOOKUP($A180,városok!$A$2:$C$346,3,0)-VLOOKUP(BP$1,városok!$A$2:$C$346,3,0))^2)/1000,0)</f>
        <v>204</v>
      </c>
      <c r="BQ180">
        <f ca="1">ROUND(SQRT((VLOOKUP($A180,városok!$A$2:$C$346,2,0)-VLOOKUP(BQ$1,városok!$A$2:$C$346,2,0))^2+(VLOOKUP($A180,városok!$A$2:$C$346,3,0)-VLOOKUP(BQ$1,városok!$A$2:$C$346,3,0))^2)/1000,0)</f>
        <v>218</v>
      </c>
      <c r="BR180">
        <f ca="1">ROUND(SQRT((VLOOKUP($A180,városok!$A$2:$C$346,2,0)-VLOOKUP(BR$1,városok!$A$2:$C$346,2,0))^2+(VLOOKUP($A180,városok!$A$2:$C$346,3,0)-VLOOKUP(BR$1,városok!$A$2:$C$346,3,0))^2)/1000,0)</f>
        <v>271</v>
      </c>
      <c r="BS180">
        <f ca="1">ROUND(SQRT((VLOOKUP($A180,városok!$A$2:$C$346,2,0)-VLOOKUP(BS$1,városok!$A$2:$C$346,2,0))^2+(VLOOKUP($A180,városok!$A$2:$C$346,3,0)-VLOOKUP(BS$1,városok!$A$2:$C$346,3,0))^2)/1000,0)</f>
        <v>298</v>
      </c>
      <c r="BT180">
        <f ca="1">ROUND(SQRT((VLOOKUP($A180,városok!$A$2:$C$346,2,0)-VLOOKUP(BT$1,városok!$A$2:$C$346,2,0))^2+(VLOOKUP($A180,városok!$A$2:$C$346,3,0)-VLOOKUP(BT$1,városok!$A$2:$C$346,3,0))^2)/1000,0)</f>
        <v>302</v>
      </c>
    </row>
    <row r="181" spans="1:72" x14ac:dyDescent="0.2">
      <c r="A181" t="str">
        <f>városok!A181</f>
        <v>Újszász</v>
      </c>
      <c r="B181">
        <f ca="1">ROUND(SQRT((VLOOKUP($A181,városok!$A$2:$C$346,2,0)-VLOOKUP(B$1,városok!$A$2:$C$346,2,0))^2+(VLOOKUP($A181,városok!$A$2:$C$346,3,0)-VLOOKUP(B$1,városok!$A$2:$C$346,3,0))^2)/1000,0)</f>
        <v>150</v>
      </c>
      <c r="C181">
        <f ca="1">ROUND(SQRT((VLOOKUP($A181,városok!$A$2:$C$346,2,0)-VLOOKUP(C$1,városok!$A$2:$C$346,2,0))^2+(VLOOKUP($A181,városok!$A$2:$C$346,3,0)-VLOOKUP(C$1,városok!$A$2:$C$346,3,0))^2)/1000,0)</f>
        <v>119</v>
      </c>
      <c r="D181">
        <f ca="1">ROUND(SQRT((VLOOKUP($A181,városok!$A$2:$C$346,2,0)-VLOOKUP(D$1,városok!$A$2:$C$346,2,0))^2+(VLOOKUP($A181,városok!$A$2:$C$346,3,0)-VLOOKUP(D$1,városok!$A$2:$C$346,3,0))^2)/1000,0)</f>
        <v>52</v>
      </c>
      <c r="E181">
        <f ca="1">ROUND(SQRT((VLOOKUP($A181,városok!$A$2:$C$346,2,0)-VLOOKUP(E$1,városok!$A$2:$C$346,2,0))^2+(VLOOKUP($A181,városok!$A$2:$C$346,3,0)-VLOOKUP(E$1,városok!$A$2:$C$346,3,0))^2)/1000,0)</f>
        <v>185</v>
      </c>
      <c r="F181">
        <f ca="1">ROUND(SQRT((VLOOKUP($A181,városok!$A$2:$C$346,2,0)-VLOOKUP(F$1,városok!$A$2:$C$346,2,0))^2+(VLOOKUP($A181,városok!$A$2:$C$346,3,0)-VLOOKUP(F$1,városok!$A$2:$C$346,3,0))^2)/1000,0)</f>
        <v>180</v>
      </c>
      <c r="G181">
        <f ca="1">ROUND(SQRT((VLOOKUP($A181,városok!$A$2:$C$346,2,0)-VLOOKUP(G$1,városok!$A$2:$C$346,2,0))^2+(VLOOKUP($A181,városok!$A$2:$C$346,3,0)-VLOOKUP(G$1,városok!$A$2:$C$346,3,0))^2)/1000,0)</f>
        <v>195</v>
      </c>
      <c r="H181">
        <f ca="1">ROUND(SQRT((VLOOKUP($A181,városok!$A$2:$C$346,2,0)-VLOOKUP(H$1,városok!$A$2:$C$346,2,0))^2+(VLOOKUP($A181,városok!$A$2:$C$346,3,0)-VLOOKUP(H$1,városok!$A$2:$C$346,3,0))^2)/1000,0)</f>
        <v>223</v>
      </c>
      <c r="I181">
        <f ca="1">ROUND(SQRT((VLOOKUP($A181,városok!$A$2:$C$346,2,0)-VLOOKUP(I$1,városok!$A$2:$C$346,2,0))^2+(VLOOKUP($A181,városok!$A$2:$C$346,3,0)-VLOOKUP(I$1,városok!$A$2:$C$346,3,0))^2)/1000,0)</f>
        <v>103</v>
      </c>
      <c r="J181">
        <f ca="1">ROUND(SQRT((VLOOKUP($A181,városok!$A$2:$C$346,2,0)-VLOOKUP(J$1,városok!$A$2:$C$346,2,0))^2+(VLOOKUP($A181,városok!$A$2:$C$346,3,0)-VLOOKUP(J$1,városok!$A$2:$C$346,3,0))^2)/1000,0)</f>
        <v>116</v>
      </c>
      <c r="K181">
        <f ca="1">ROUND(SQRT((VLOOKUP($A181,városok!$A$2:$C$346,2,0)-VLOOKUP(K$1,városok!$A$2:$C$346,2,0))^2+(VLOOKUP($A181,városok!$A$2:$C$346,3,0)-VLOOKUP(K$1,városok!$A$2:$C$346,3,0))^2)/1000,0)</f>
        <v>93</v>
      </c>
      <c r="L181">
        <f ca="1">ROUND(SQRT((VLOOKUP($A181,városok!$A$2:$C$346,2,0)-VLOOKUP(L$1,városok!$A$2:$C$346,2,0))^2+(VLOOKUP($A181,városok!$A$2:$C$346,3,0)-VLOOKUP(L$1,városok!$A$2:$C$346,3,0))^2)/1000,0)</f>
        <v>115</v>
      </c>
      <c r="M181">
        <f ca="1">ROUND(SQRT((VLOOKUP($A181,városok!$A$2:$C$346,2,0)-VLOOKUP(M$1,városok!$A$2:$C$346,2,0))^2+(VLOOKUP($A181,városok!$A$2:$C$346,3,0)-VLOOKUP(M$1,városok!$A$2:$C$346,3,0))^2)/1000,0)</f>
        <v>105</v>
      </c>
      <c r="N181">
        <f ca="1">ROUND(SQRT((VLOOKUP($A181,városok!$A$2:$C$346,2,0)-VLOOKUP(N$1,városok!$A$2:$C$346,2,0))^2+(VLOOKUP($A181,városok!$A$2:$C$346,3,0)-VLOOKUP(N$1,városok!$A$2:$C$346,3,0))^2)/1000,0)</f>
        <v>104</v>
      </c>
      <c r="O181">
        <f ca="1">ROUND(SQRT((VLOOKUP($A181,városok!$A$2:$C$346,2,0)-VLOOKUP(O$1,városok!$A$2:$C$346,2,0))^2+(VLOOKUP($A181,városok!$A$2:$C$346,3,0)-VLOOKUP(O$1,városok!$A$2:$C$346,3,0))^2)/1000,0)</f>
        <v>170</v>
      </c>
      <c r="P181">
        <f ca="1">ROUND(SQRT((VLOOKUP($A181,városok!$A$2:$C$346,2,0)-VLOOKUP(P$1,városok!$A$2:$C$346,2,0))^2+(VLOOKUP($A181,városok!$A$2:$C$346,3,0)-VLOOKUP(P$1,városok!$A$2:$C$346,3,0))^2)/1000,0)</f>
        <v>170</v>
      </c>
      <c r="Q181">
        <f ca="1">ROUND(SQRT((VLOOKUP($A181,városok!$A$2:$C$346,2,0)-VLOOKUP(Q$1,városok!$A$2:$C$346,2,0))^2+(VLOOKUP($A181,városok!$A$2:$C$346,3,0)-VLOOKUP(Q$1,városok!$A$2:$C$346,3,0))^2)/1000,0)</f>
        <v>99</v>
      </c>
      <c r="R181">
        <f ca="1">ROUND(SQRT((VLOOKUP($A181,városok!$A$2:$C$346,2,0)-VLOOKUP(R$1,városok!$A$2:$C$346,2,0))^2+(VLOOKUP($A181,városok!$A$2:$C$346,3,0)-VLOOKUP(R$1,városok!$A$2:$C$346,3,0))^2)/1000,0)</f>
        <v>124</v>
      </c>
      <c r="S181">
        <f ca="1">ROUND(SQRT((VLOOKUP($A181,városok!$A$2:$C$346,2,0)-VLOOKUP(S$1,városok!$A$2:$C$346,2,0))^2+(VLOOKUP($A181,városok!$A$2:$C$346,3,0)-VLOOKUP(S$1,városok!$A$2:$C$346,3,0))^2)/1000,0)</f>
        <v>117</v>
      </c>
      <c r="T181">
        <f ca="1">ROUND(SQRT((VLOOKUP($A181,városok!$A$2:$C$346,2,0)-VLOOKUP(T$1,városok!$A$2:$C$346,2,0))^2+(VLOOKUP($A181,városok!$A$2:$C$346,3,0)-VLOOKUP(T$1,városok!$A$2:$C$346,3,0))^2)/1000,0)</f>
        <v>111</v>
      </c>
      <c r="U181">
        <f ca="1">ROUND(SQRT((VLOOKUP($A181,városok!$A$2:$C$346,2,0)-VLOOKUP(U$1,városok!$A$2:$C$346,2,0))^2+(VLOOKUP($A181,városok!$A$2:$C$346,3,0)-VLOOKUP(U$1,városok!$A$2:$C$346,3,0))^2)/1000,0)</f>
        <v>94</v>
      </c>
      <c r="V181">
        <f ca="1">ROUND(SQRT((VLOOKUP($A181,városok!$A$2:$C$346,2,0)-VLOOKUP(V$1,városok!$A$2:$C$346,2,0))^2+(VLOOKUP($A181,városok!$A$2:$C$346,3,0)-VLOOKUP(V$1,városok!$A$2:$C$346,3,0))^2)/1000,0)</f>
        <v>137</v>
      </c>
      <c r="W181">
        <f ca="1">ROUND(SQRT((VLOOKUP($A181,városok!$A$2:$C$346,2,0)-VLOOKUP(W$1,városok!$A$2:$C$346,2,0))^2+(VLOOKUP($A181,városok!$A$2:$C$346,3,0)-VLOOKUP(W$1,városok!$A$2:$C$346,3,0))^2)/1000,0)</f>
        <v>119</v>
      </c>
      <c r="X181">
        <f ca="1">ROUND(SQRT((VLOOKUP($A181,városok!$A$2:$C$346,2,0)-VLOOKUP(X$1,városok!$A$2:$C$346,2,0))^2+(VLOOKUP($A181,városok!$A$2:$C$346,3,0)-VLOOKUP(X$1,városok!$A$2:$C$346,3,0))^2)/1000,0)</f>
        <v>132</v>
      </c>
      <c r="Y181">
        <f ca="1">ROUND(SQRT((VLOOKUP($A181,városok!$A$2:$C$346,2,0)-VLOOKUP(Y$1,városok!$A$2:$C$346,2,0))^2+(VLOOKUP($A181,városok!$A$2:$C$346,3,0)-VLOOKUP(Y$1,városok!$A$2:$C$346,3,0))^2)/1000,0)</f>
        <v>189</v>
      </c>
      <c r="Z181">
        <f ca="1">ROUND(SQRT((VLOOKUP($A181,városok!$A$2:$C$346,2,0)-VLOOKUP(Z$1,városok!$A$2:$C$346,2,0))^2+(VLOOKUP($A181,városok!$A$2:$C$346,3,0)-VLOOKUP(Z$1,városok!$A$2:$C$346,3,0))^2)/1000,0)</f>
        <v>208</v>
      </c>
      <c r="AA181">
        <f ca="1">ROUND(SQRT((VLOOKUP($A181,városok!$A$2:$C$346,2,0)-VLOOKUP(AA$1,városok!$A$2:$C$346,2,0))^2+(VLOOKUP($A181,városok!$A$2:$C$346,3,0)-VLOOKUP(AA$1,városok!$A$2:$C$346,3,0))^2)/1000,0)</f>
        <v>267</v>
      </c>
      <c r="AB181">
        <f ca="1">ROUND(SQRT((VLOOKUP($A181,városok!$A$2:$C$346,2,0)-VLOOKUP(AB$1,városok!$A$2:$C$346,2,0))^2+(VLOOKUP($A181,városok!$A$2:$C$346,3,0)-VLOOKUP(AB$1,városok!$A$2:$C$346,3,0))^2)/1000,0)</f>
        <v>120</v>
      </c>
      <c r="AC181">
        <f ca="1">ROUND(SQRT((VLOOKUP($A181,városok!$A$2:$C$346,2,0)-VLOOKUP(AC$1,városok!$A$2:$C$346,2,0))^2+(VLOOKUP($A181,városok!$A$2:$C$346,3,0)-VLOOKUP(AC$1,városok!$A$2:$C$346,3,0))^2)/1000,0)</f>
        <v>101</v>
      </c>
      <c r="AD181">
        <f ca="1">ROUND(SQRT((VLOOKUP($A181,városok!$A$2:$C$346,2,0)-VLOOKUP(AD$1,városok!$A$2:$C$346,2,0))^2+(VLOOKUP($A181,városok!$A$2:$C$346,3,0)-VLOOKUP(AD$1,városok!$A$2:$C$346,3,0))^2)/1000,0)</f>
        <v>83</v>
      </c>
      <c r="AE181">
        <f ca="1">ROUND(SQRT((VLOOKUP($A181,városok!$A$2:$C$346,2,0)-VLOOKUP(AE$1,városok!$A$2:$C$346,2,0))^2+(VLOOKUP($A181,városok!$A$2:$C$346,3,0)-VLOOKUP(AE$1,városok!$A$2:$C$346,3,0))^2)/1000,0)</f>
        <v>83</v>
      </c>
      <c r="AF181">
        <f ca="1">ROUND(SQRT((VLOOKUP($A181,városok!$A$2:$C$346,2,0)-VLOOKUP(AF$1,városok!$A$2:$C$346,2,0))^2+(VLOOKUP($A181,városok!$A$2:$C$346,3,0)-VLOOKUP(AF$1,városok!$A$2:$C$346,3,0))^2)/1000,0)</f>
        <v>71</v>
      </c>
      <c r="AG181">
        <f ca="1">ROUND(SQRT((VLOOKUP($A181,városok!$A$2:$C$346,2,0)-VLOOKUP(AG$1,városok!$A$2:$C$346,2,0))^2+(VLOOKUP($A181,városok!$A$2:$C$346,3,0)-VLOOKUP(AG$1,városok!$A$2:$C$346,3,0))^2)/1000,0)</f>
        <v>55</v>
      </c>
      <c r="AH181">
        <f ca="1">ROUND(SQRT((VLOOKUP($A181,városok!$A$2:$C$346,2,0)-VLOOKUP(AH$1,városok!$A$2:$C$346,2,0))^2+(VLOOKUP($A181,városok!$A$2:$C$346,3,0)-VLOOKUP(AH$1,városok!$A$2:$C$346,3,0))^2)/1000,0)</f>
        <v>51</v>
      </c>
      <c r="AI181">
        <f ca="1">ROUND(SQRT((VLOOKUP($A181,városok!$A$2:$C$346,2,0)-VLOOKUP(AI$1,városok!$A$2:$C$346,2,0))^2+(VLOOKUP($A181,városok!$A$2:$C$346,3,0)-VLOOKUP(AI$1,városok!$A$2:$C$346,3,0))^2)/1000,0)</f>
        <v>81</v>
      </c>
      <c r="AJ181">
        <f ca="1">ROUND(SQRT((VLOOKUP($A181,városok!$A$2:$C$346,2,0)-VLOOKUP(AJ$1,városok!$A$2:$C$346,2,0))^2+(VLOOKUP($A181,városok!$A$2:$C$346,3,0)-VLOOKUP(AJ$1,városok!$A$2:$C$346,3,0))^2)/1000,0)</f>
        <v>39</v>
      </c>
      <c r="AK181">
        <f ca="1">ROUND(SQRT((VLOOKUP($A181,városok!$A$2:$C$346,2,0)-VLOOKUP(AK$1,városok!$A$2:$C$346,2,0))^2+(VLOOKUP($A181,városok!$A$2:$C$346,3,0)-VLOOKUP(AK$1,városok!$A$2:$C$346,3,0))^2)/1000,0)</f>
        <v>68</v>
      </c>
      <c r="AL181">
        <f ca="1">ROUND(SQRT((VLOOKUP($A181,városok!$A$2:$C$346,2,0)-VLOOKUP(AL$1,városok!$A$2:$C$346,2,0))^2+(VLOOKUP($A181,városok!$A$2:$C$346,3,0)-VLOOKUP(AL$1,városok!$A$2:$C$346,3,0))^2)/1000,0)</f>
        <v>43</v>
      </c>
      <c r="AM181">
        <f ca="1">ROUND(SQRT((VLOOKUP($A181,városok!$A$2:$C$346,2,0)-VLOOKUP(AM$1,városok!$A$2:$C$346,2,0))^2+(VLOOKUP($A181,városok!$A$2:$C$346,3,0)-VLOOKUP(AM$1,városok!$A$2:$C$346,3,0))^2)/1000,0)</f>
        <v>15</v>
      </c>
      <c r="AN181">
        <f ca="1">ROUND(SQRT((VLOOKUP($A181,városok!$A$2:$C$346,2,0)-VLOOKUP(AN$1,városok!$A$2:$C$346,2,0))^2+(VLOOKUP($A181,városok!$A$2:$C$346,3,0)-VLOOKUP(AN$1,városok!$A$2:$C$346,3,0))^2)/1000,0)</f>
        <v>114</v>
      </c>
      <c r="AO181">
        <f ca="1">ROUND(SQRT((VLOOKUP($A181,városok!$A$2:$C$346,2,0)-VLOOKUP(AO$1,városok!$A$2:$C$346,2,0))^2+(VLOOKUP($A181,városok!$A$2:$C$346,3,0)-VLOOKUP(AO$1,városok!$A$2:$C$346,3,0))^2)/1000,0)</f>
        <v>155</v>
      </c>
      <c r="AP181">
        <f ca="1">ROUND(SQRT((VLOOKUP($A181,városok!$A$2:$C$346,2,0)-VLOOKUP(AP$1,városok!$A$2:$C$346,2,0))^2+(VLOOKUP($A181,városok!$A$2:$C$346,3,0)-VLOOKUP(AP$1,városok!$A$2:$C$346,3,0))^2)/1000,0)</f>
        <v>137</v>
      </c>
      <c r="AQ181">
        <f ca="1">ROUND(SQRT((VLOOKUP($A181,városok!$A$2:$C$346,2,0)-VLOOKUP(AQ$1,városok!$A$2:$C$346,2,0))^2+(VLOOKUP($A181,városok!$A$2:$C$346,3,0)-VLOOKUP(AQ$1,városok!$A$2:$C$346,3,0))^2)/1000,0)</f>
        <v>129</v>
      </c>
      <c r="AR181">
        <f ca="1">ROUND(SQRT((VLOOKUP($A181,városok!$A$2:$C$346,2,0)-VLOOKUP(AR$1,városok!$A$2:$C$346,2,0))^2+(VLOOKUP($A181,városok!$A$2:$C$346,3,0)-VLOOKUP(AR$1,városok!$A$2:$C$346,3,0))^2)/1000,0)</f>
        <v>75</v>
      </c>
      <c r="AS181">
        <f ca="1">ROUND(SQRT((VLOOKUP($A181,városok!$A$2:$C$346,2,0)-VLOOKUP(AS$1,városok!$A$2:$C$346,2,0))^2+(VLOOKUP($A181,városok!$A$2:$C$346,3,0)-VLOOKUP(AS$1,városok!$A$2:$C$346,3,0))^2)/1000,0)</f>
        <v>93</v>
      </c>
      <c r="AT181">
        <f ca="1">ROUND(SQRT((VLOOKUP($A181,városok!$A$2:$C$346,2,0)-VLOOKUP(AT$1,városok!$A$2:$C$346,2,0))^2+(VLOOKUP($A181,városok!$A$2:$C$346,3,0)-VLOOKUP(AT$1,városok!$A$2:$C$346,3,0))^2)/1000,0)</f>
        <v>97</v>
      </c>
      <c r="AU181">
        <f ca="1">ROUND(SQRT((VLOOKUP($A181,városok!$A$2:$C$346,2,0)-VLOOKUP(AU$1,városok!$A$2:$C$346,2,0))^2+(VLOOKUP($A181,városok!$A$2:$C$346,3,0)-VLOOKUP(AU$1,városok!$A$2:$C$346,3,0))^2)/1000,0)</f>
        <v>86</v>
      </c>
      <c r="AV181">
        <f ca="1">ROUND(SQRT((VLOOKUP($A181,városok!$A$2:$C$346,2,0)-VLOOKUP(AV$1,városok!$A$2:$C$346,2,0))^2+(VLOOKUP($A181,városok!$A$2:$C$346,3,0)-VLOOKUP(AV$1,városok!$A$2:$C$346,3,0))^2)/1000,0)</f>
        <v>86</v>
      </c>
      <c r="AW181">
        <f ca="1">ROUND(SQRT((VLOOKUP($A181,városok!$A$2:$C$346,2,0)-VLOOKUP(AW$1,városok!$A$2:$C$346,2,0))^2+(VLOOKUP($A181,városok!$A$2:$C$346,3,0)-VLOOKUP(AW$1,városok!$A$2:$C$346,3,0))^2)/1000,0)</f>
        <v>89</v>
      </c>
      <c r="AX181">
        <f ca="1">ROUND(SQRT((VLOOKUP($A181,városok!$A$2:$C$346,2,0)-VLOOKUP(AX$1,városok!$A$2:$C$346,2,0))^2+(VLOOKUP($A181,városok!$A$2:$C$346,3,0)-VLOOKUP(AX$1,városok!$A$2:$C$346,3,0))^2)/1000,0)</f>
        <v>37</v>
      </c>
      <c r="AY181">
        <f ca="1">ROUND(SQRT((VLOOKUP($A181,városok!$A$2:$C$346,2,0)-VLOOKUP(AY$1,városok!$A$2:$C$346,2,0))^2+(VLOOKUP($A181,városok!$A$2:$C$346,3,0)-VLOOKUP(AY$1,városok!$A$2:$C$346,3,0))^2)/1000,0)</f>
        <v>88</v>
      </c>
      <c r="AZ181">
        <f ca="1">ROUND(SQRT((VLOOKUP($A181,városok!$A$2:$C$346,2,0)-VLOOKUP(AZ$1,városok!$A$2:$C$346,2,0))^2+(VLOOKUP($A181,városok!$A$2:$C$346,3,0)-VLOOKUP(AZ$1,városok!$A$2:$C$346,3,0))^2)/1000,0)</f>
        <v>100</v>
      </c>
      <c r="BA181">
        <f ca="1">ROUND(SQRT((VLOOKUP($A181,városok!$A$2:$C$346,2,0)-VLOOKUP(BA$1,városok!$A$2:$C$346,2,0))^2+(VLOOKUP($A181,városok!$A$2:$C$346,3,0)-VLOOKUP(BA$1,városok!$A$2:$C$346,3,0))^2)/1000,0)</f>
        <v>189</v>
      </c>
      <c r="BB181">
        <f ca="1">ROUND(SQRT((VLOOKUP($A181,városok!$A$2:$C$346,2,0)-VLOOKUP(BB$1,városok!$A$2:$C$346,2,0))^2+(VLOOKUP($A181,városok!$A$2:$C$346,3,0)-VLOOKUP(BB$1,városok!$A$2:$C$346,3,0))^2)/1000,0)</f>
        <v>183</v>
      </c>
      <c r="BC181">
        <f ca="1">ROUND(SQRT((VLOOKUP($A181,városok!$A$2:$C$346,2,0)-VLOOKUP(BC$1,városok!$A$2:$C$346,2,0))^2+(VLOOKUP($A181,városok!$A$2:$C$346,3,0)-VLOOKUP(BC$1,városok!$A$2:$C$346,3,0))^2)/1000,0)</f>
        <v>203</v>
      </c>
      <c r="BD181">
        <f ca="1">ROUND(SQRT((VLOOKUP($A181,városok!$A$2:$C$346,2,0)-VLOOKUP(BD$1,városok!$A$2:$C$346,2,0))^2+(VLOOKUP($A181,városok!$A$2:$C$346,3,0)-VLOOKUP(BD$1,városok!$A$2:$C$346,3,0))^2)/1000,0)</f>
        <v>158</v>
      </c>
      <c r="BE181">
        <f ca="1">ROUND(SQRT((VLOOKUP($A181,városok!$A$2:$C$346,2,0)-VLOOKUP(BE$1,városok!$A$2:$C$346,2,0))^2+(VLOOKUP($A181,városok!$A$2:$C$346,3,0)-VLOOKUP(BE$1,városok!$A$2:$C$346,3,0))^2)/1000,0)</f>
        <v>204</v>
      </c>
      <c r="BF181">
        <f ca="1">ROUND(SQRT((VLOOKUP($A181,városok!$A$2:$C$346,2,0)-VLOOKUP(BF$1,városok!$A$2:$C$346,2,0))^2+(VLOOKUP($A181,városok!$A$2:$C$346,3,0)-VLOOKUP(BF$1,városok!$A$2:$C$346,3,0))^2)/1000,0)</f>
        <v>182</v>
      </c>
      <c r="BG181">
        <f ca="1">ROUND(SQRT((VLOOKUP($A181,városok!$A$2:$C$346,2,0)-VLOOKUP(BG$1,városok!$A$2:$C$346,2,0))^2+(VLOOKUP($A181,városok!$A$2:$C$346,3,0)-VLOOKUP(BG$1,városok!$A$2:$C$346,3,0))^2)/1000,0)</f>
        <v>139</v>
      </c>
      <c r="BH181">
        <f ca="1">ROUND(SQRT((VLOOKUP($A181,városok!$A$2:$C$346,2,0)-VLOOKUP(BH$1,városok!$A$2:$C$346,2,0))^2+(VLOOKUP($A181,városok!$A$2:$C$346,3,0)-VLOOKUP(BH$1,városok!$A$2:$C$346,3,0))^2)/1000,0)</f>
        <v>139</v>
      </c>
      <c r="BI181">
        <f ca="1">ROUND(SQRT((VLOOKUP($A181,városok!$A$2:$C$346,2,0)-VLOOKUP(BI$1,városok!$A$2:$C$346,2,0))^2+(VLOOKUP($A181,városok!$A$2:$C$346,3,0)-VLOOKUP(BI$1,városok!$A$2:$C$346,3,0))^2)/1000,0)</f>
        <v>149</v>
      </c>
      <c r="BJ181">
        <f ca="1">ROUND(SQRT((VLOOKUP($A181,városok!$A$2:$C$346,2,0)-VLOOKUP(BJ$1,városok!$A$2:$C$346,2,0))^2+(VLOOKUP($A181,városok!$A$2:$C$346,3,0)-VLOOKUP(BJ$1,városok!$A$2:$C$346,3,0))^2)/1000,0)</f>
        <v>167</v>
      </c>
      <c r="BK181">
        <f ca="1">ROUND(SQRT((VLOOKUP($A181,városok!$A$2:$C$346,2,0)-VLOOKUP(BK$1,városok!$A$2:$C$346,2,0))^2+(VLOOKUP($A181,városok!$A$2:$C$346,3,0)-VLOOKUP(BK$1,városok!$A$2:$C$346,3,0))^2)/1000,0)</f>
        <v>148</v>
      </c>
      <c r="BL181">
        <f ca="1">ROUND(SQRT((VLOOKUP($A181,városok!$A$2:$C$346,2,0)-VLOOKUP(BL$1,városok!$A$2:$C$346,2,0))^2+(VLOOKUP($A181,városok!$A$2:$C$346,3,0)-VLOOKUP(BL$1,városok!$A$2:$C$346,3,0))^2)/1000,0)</f>
        <v>265</v>
      </c>
      <c r="BM181">
        <f ca="1">ROUND(SQRT((VLOOKUP($A181,városok!$A$2:$C$346,2,0)-VLOOKUP(BM$1,városok!$A$2:$C$346,2,0))^2+(VLOOKUP($A181,városok!$A$2:$C$346,3,0)-VLOOKUP(BM$1,városok!$A$2:$C$346,3,0))^2)/1000,0)</f>
        <v>238</v>
      </c>
      <c r="BN181">
        <f ca="1">ROUND(SQRT((VLOOKUP($A181,városok!$A$2:$C$346,2,0)-VLOOKUP(BN$1,városok!$A$2:$C$346,2,0))^2+(VLOOKUP($A181,városok!$A$2:$C$346,3,0)-VLOOKUP(BN$1,városok!$A$2:$C$346,3,0))^2)/1000,0)</f>
        <v>261</v>
      </c>
      <c r="BO181">
        <f ca="1">ROUND(SQRT((VLOOKUP($A181,városok!$A$2:$C$346,2,0)-VLOOKUP(BO$1,városok!$A$2:$C$346,2,0))^2+(VLOOKUP($A181,városok!$A$2:$C$346,3,0)-VLOOKUP(BO$1,városok!$A$2:$C$346,3,0))^2)/1000,0)</f>
        <v>159</v>
      </c>
      <c r="BP181">
        <f ca="1">ROUND(SQRT((VLOOKUP($A181,városok!$A$2:$C$346,2,0)-VLOOKUP(BP$1,városok!$A$2:$C$346,2,0))^2+(VLOOKUP($A181,városok!$A$2:$C$346,3,0)-VLOOKUP(BP$1,városok!$A$2:$C$346,3,0))^2)/1000,0)</f>
        <v>152</v>
      </c>
      <c r="BQ181">
        <f ca="1">ROUND(SQRT((VLOOKUP($A181,városok!$A$2:$C$346,2,0)-VLOOKUP(BQ$1,városok!$A$2:$C$346,2,0))^2+(VLOOKUP($A181,városok!$A$2:$C$346,3,0)-VLOOKUP(BQ$1,városok!$A$2:$C$346,3,0))^2)/1000,0)</f>
        <v>165</v>
      </c>
      <c r="BR181">
        <f ca="1">ROUND(SQRT((VLOOKUP($A181,városok!$A$2:$C$346,2,0)-VLOOKUP(BR$1,városok!$A$2:$C$346,2,0))^2+(VLOOKUP($A181,városok!$A$2:$C$346,3,0)-VLOOKUP(BR$1,városok!$A$2:$C$346,3,0))^2)/1000,0)</f>
        <v>222</v>
      </c>
      <c r="BS181">
        <f ca="1">ROUND(SQRT((VLOOKUP($A181,városok!$A$2:$C$346,2,0)-VLOOKUP(BS$1,városok!$A$2:$C$346,2,0))^2+(VLOOKUP($A181,városok!$A$2:$C$346,3,0)-VLOOKUP(BS$1,városok!$A$2:$C$346,3,0))^2)/1000,0)</f>
        <v>253</v>
      </c>
      <c r="BT181">
        <f ca="1">ROUND(SQRT((VLOOKUP($A181,városok!$A$2:$C$346,2,0)-VLOOKUP(BT$1,városok!$A$2:$C$346,2,0))^2+(VLOOKUP($A181,városok!$A$2:$C$346,3,0)-VLOOKUP(BT$1,városok!$A$2:$C$346,3,0))^2)/1000,0)</f>
        <v>251</v>
      </c>
    </row>
    <row r="182" spans="1:72" x14ac:dyDescent="0.2">
      <c r="A182" t="str">
        <f>városok!A182</f>
        <v>Ács</v>
      </c>
      <c r="B182">
        <f ca="1">ROUND(SQRT((VLOOKUP($A182,városok!$A$2:$C$346,2,0)-VLOOKUP(B$1,városok!$A$2:$C$346,2,0))^2+(VLOOKUP($A182,városok!$A$2:$C$346,3,0)-VLOOKUP(B$1,városok!$A$2:$C$346,3,0))^2)/1000,0)</f>
        <v>184</v>
      </c>
      <c r="C182">
        <f ca="1">ROUND(SQRT((VLOOKUP($A182,városok!$A$2:$C$346,2,0)-VLOOKUP(C$1,városok!$A$2:$C$346,2,0))^2+(VLOOKUP($A182,városok!$A$2:$C$346,3,0)-VLOOKUP(C$1,városok!$A$2:$C$346,3,0))^2)/1000,0)</f>
        <v>151</v>
      </c>
      <c r="D182">
        <f ca="1">ROUND(SQRT((VLOOKUP($A182,városok!$A$2:$C$346,2,0)-VLOOKUP(D$1,városok!$A$2:$C$346,2,0))^2+(VLOOKUP($A182,városok!$A$2:$C$346,3,0)-VLOOKUP(D$1,városok!$A$2:$C$346,3,0))^2)/1000,0)</f>
        <v>155</v>
      </c>
      <c r="E182">
        <f ca="1">ROUND(SQRT((VLOOKUP($A182,városok!$A$2:$C$346,2,0)-VLOOKUP(E$1,városok!$A$2:$C$346,2,0))^2+(VLOOKUP($A182,városok!$A$2:$C$346,3,0)-VLOOKUP(E$1,városok!$A$2:$C$346,3,0))^2)/1000,0)</f>
        <v>170</v>
      </c>
      <c r="F182">
        <f ca="1">ROUND(SQRT((VLOOKUP($A182,városok!$A$2:$C$346,2,0)-VLOOKUP(F$1,városok!$A$2:$C$346,2,0))^2+(VLOOKUP($A182,városok!$A$2:$C$346,3,0)-VLOOKUP(F$1,városok!$A$2:$C$346,3,0))^2)/1000,0)</f>
        <v>198</v>
      </c>
      <c r="G182">
        <f ca="1">ROUND(SQRT((VLOOKUP($A182,városok!$A$2:$C$346,2,0)-VLOOKUP(G$1,városok!$A$2:$C$346,2,0))^2+(VLOOKUP($A182,városok!$A$2:$C$346,3,0)-VLOOKUP(G$1,városok!$A$2:$C$346,3,0))^2)/1000,0)</f>
        <v>183</v>
      </c>
      <c r="H182">
        <f ca="1">ROUND(SQRT((VLOOKUP($A182,városok!$A$2:$C$346,2,0)-VLOOKUP(H$1,városok!$A$2:$C$346,2,0))^2+(VLOOKUP($A182,városok!$A$2:$C$346,3,0)-VLOOKUP(H$1,városok!$A$2:$C$346,3,0))^2)/1000,0)</f>
        <v>186</v>
      </c>
      <c r="I182">
        <f ca="1">ROUND(SQRT((VLOOKUP($A182,városok!$A$2:$C$346,2,0)-VLOOKUP(I$1,városok!$A$2:$C$346,2,0))^2+(VLOOKUP($A182,városok!$A$2:$C$346,3,0)-VLOOKUP(I$1,városok!$A$2:$C$346,3,0))^2)/1000,0)</f>
        <v>259</v>
      </c>
      <c r="J182">
        <f ca="1">ROUND(SQRT((VLOOKUP($A182,városok!$A$2:$C$346,2,0)-VLOOKUP(J$1,városok!$A$2:$C$346,2,0))^2+(VLOOKUP($A182,városok!$A$2:$C$346,3,0)-VLOOKUP(J$1,városok!$A$2:$C$346,3,0))^2)/1000,0)</f>
        <v>274</v>
      </c>
      <c r="K182">
        <f ca="1">ROUND(SQRT((VLOOKUP($A182,városok!$A$2:$C$346,2,0)-VLOOKUP(K$1,városok!$A$2:$C$346,2,0))^2+(VLOOKUP($A182,városok!$A$2:$C$346,3,0)-VLOOKUP(K$1,városok!$A$2:$C$346,3,0))^2)/1000,0)</f>
        <v>238</v>
      </c>
      <c r="L182">
        <f ca="1">ROUND(SQRT((VLOOKUP($A182,városok!$A$2:$C$346,2,0)-VLOOKUP(L$1,városok!$A$2:$C$346,2,0))^2+(VLOOKUP($A182,városok!$A$2:$C$346,3,0)-VLOOKUP(L$1,városok!$A$2:$C$346,3,0))^2)/1000,0)</f>
        <v>204</v>
      </c>
      <c r="M182">
        <f ca="1">ROUND(SQRT((VLOOKUP($A182,városok!$A$2:$C$346,2,0)-VLOOKUP(M$1,városok!$A$2:$C$346,2,0))^2+(VLOOKUP($A182,városok!$A$2:$C$346,3,0)-VLOOKUP(M$1,városok!$A$2:$C$346,3,0))^2)/1000,0)</f>
        <v>212</v>
      </c>
      <c r="N182">
        <f ca="1">ROUND(SQRT((VLOOKUP($A182,városok!$A$2:$C$346,2,0)-VLOOKUP(N$1,városok!$A$2:$C$346,2,0))^2+(VLOOKUP($A182,városok!$A$2:$C$346,3,0)-VLOOKUP(N$1,városok!$A$2:$C$346,3,0))^2)/1000,0)</f>
        <v>179</v>
      </c>
      <c r="O182">
        <f ca="1">ROUND(SQRT((VLOOKUP($A182,városok!$A$2:$C$346,2,0)-VLOOKUP(O$1,városok!$A$2:$C$346,2,0))^2+(VLOOKUP($A182,városok!$A$2:$C$346,3,0)-VLOOKUP(O$1,városok!$A$2:$C$346,3,0))^2)/1000,0)</f>
        <v>281</v>
      </c>
      <c r="P182">
        <f ca="1">ROUND(SQRT((VLOOKUP($A182,városok!$A$2:$C$346,2,0)-VLOOKUP(P$1,városok!$A$2:$C$346,2,0))^2+(VLOOKUP($A182,városok!$A$2:$C$346,3,0)-VLOOKUP(P$1,városok!$A$2:$C$346,3,0))^2)/1000,0)</f>
        <v>281</v>
      </c>
      <c r="Q182">
        <f ca="1">ROUND(SQRT((VLOOKUP($A182,városok!$A$2:$C$346,2,0)-VLOOKUP(Q$1,városok!$A$2:$C$346,2,0))^2+(VLOOKUP($A182,városok!$A$2:$C$346,3,0)-VLOOKUP(Q$1,városok!$A$2:$C$346,3,0))^2)/1000,0)</f>
        <v>227</v>
      </c>
      <c r="R182">
        <f ca="1">ROUND(SQRT((VLOOKUP($A182,városok!$A$2:$C$346,2,0)-VLOOKUP(R$1,városok!$A$2:$C$346,2,0))^2+(VLOOKUP($A182,városok!$A$2:$C$346,3,0)-VLOOKUP(R$1,városok!$A$2:$C$346,3,0))^2)/1000,0)</f>
        <v>250</v>
      </c>
      <c r="S182">
        <f ca="1">ROUND(SQRT((VLOOKUP($A182,városok!$A$2:$C$346,2,0)-VLOOKUP(S$1,városok!$A$2:$C$346,2,0))^2+(VLOOKUP($A182,városok!$A$2:$C$346,3,0)-VLOOKUP(S$1,városok!$A$2:$C$346,3,0))^2)/1000,0)</f>
        <v>231</v>
      </c>
      <c r="T182">
        <f ca="1">ROUND(SQRT((VLOOKUP($A182,városok!$A$2:$C$346,2,0)-VLOOKUP(T$1,városok!$A$2:$C$346,2,0))^2+(VLOOKUP($A182,városok!$A$2:$C$346,3,0)-VLOOKUP(T$1,városok!$A$2:$C$346,3,0))^2)/1000,0)</f>
        <v>53</v>
      </c>
      <c r="U182">
        <f ca="1">ROUND(SQRT((VLOOKUP($A182,városok!$A$2:$C$346,2,0)-VLOOKUP(U$1,városok!$A$2:$C$346,2,0))^2+(VLOOKUP($A182,városok!$A$2:$C$346,3,0)-VLOOKUP(U$1,városok!$A$2:$C$346,3,0))^2)/1000,0)</f>
        <v>108</v>
      </c>
      <c r="V182">
        <f ca="1">ROUND(SQRT((VLOOKUP($A182,városok!$A$2:$C$346,2,0)-VLOOKUP(V$1,városok!$A$2:$C$346,2,0))^2+(VLOOKUP($A182,városok!$A$2:$C$346,3,0)-VLOOKUP(V$1,városok!$A$2:$C$346,3,0))^2)/1000,0)</f>
        <v>76</v>
      </c>
      <c r="W182">
        <f ca="1">ROUND(SQRT((VLOOKUP($A182,városok!$A$2:$C$346,2,0)-VLOOKUP(W$1,városok!$A$2:$C$346,2,0))^2+(VLOOKUP($A182,városok!$A$2:$C$346,3,0)-VLOOKUP(W$1,városok!$A$2:$C$346,3,0))^2)/1000,0)</f>
        <v>103</v>
      </c>
      <c r="X182">
        <f ca="1">ROUND(SQRT((VLOOKUP($A182,városok!$A$2:$C$346,2,0)-VLOOKUP(X$1,városok!$A$2:$C$346,2,0))^2+(VLOOKUP($A182,városok!$A$2:$C$346,3,0)-VLOOKUP(X$1,városok!$A$2:$C$346,3,0))^2)/1000,0)</f>
        <v>52</v>
      </c>
      <c r="Y182">
        <f ca="1">ROUND(SQRT((VLOOKUP($A182,városok!$A$2:$C$346,2,0)-VLOOKUP(Y$1,városok!$A$2:$C$346,2,0))^2+(VLOOKUP($A182,városok!$A$2:$C$346,3,0)-VLOOKUP(Y$1,városok!$A$2:$C$346,3,0))^2)/1000,0)</f>
        <v>29</v>
      </c>
      <c r="Z182">
        <f ca="1">ROUND(SQRT((VLOOKUP($A182,városok!$A$2:$C$346,2,0)-VLOOKUP(Z$1,városok!$A$2:$C$346,2,0))^2+(VLOOKUP($A182,városok!$A$2:$C$346,3,0)-VLOOKUP(Z$1,városok!$A$2:$C$346,3,0))^2)/1000,0)</f>
        <v>47</v>
      </c>
      <c r="AA182">
        <f ca="1">ROUND(SQRT((VLOOKUP($A182,városok!$A$2:$C$346,2,0)-VLOOKUP(AA$1,városok!$A$2:$C$346,2,0))^2+(VLOOKUP($A182,városok!$A$2:$C$346,3,0)-VLOOKUP(AA$1,városok!$A$2:$C$346,3,0))^2)/1000,0)</f>
        <v>108</v>
      </c>
      <c r="AB182">
        <f ca="1">ROUND(SQRT((VLOOKUP($A182,városok!$A$2:$C$346,2,0)-VLOOKUP(AB$1,városok!$A$2:$C$346,2,0))^2+(VLOOKUP($A182,városok!$A$2:$C$346,3,0)-VLOOKUP(AB$1,városok!$A$2:$C$346,3,0))^2)/1000,0)</f>
        <v>273</v>
      </c>
      <c r="AC182">
        <f ca="1">ROUND(SQRT((VLOOKUP($A182,városok!$A$2:$C$346,2,0)-VLOOKUP(AC$1,városok!$A$2:$C$346,2,0))^2+(VLOOKUP($A182,városok!$A$2:$C$346,3,0)-VLOOKUP(AC$1,városok!$A$2:$C$346,3,0))^2)/1000,0)</f>
        <v>256</v>
      </c>
      <c r="AD182">
        <f ca="1">ROUND(SQRT((VLOOKUP($A182,városok!$A$2:$C$346,2,0)-VLOOKUP(AD$1,városok!$A$2:$C$346,2,0))^2+(VLOOKUP($A182,városok!$A$2:$C$346,3,0)-VLOOKUP(AD$1,városok!$A$2:$C$346,3,0))^2)/1000,0)</f>
        <v>239</v>
      </c>
      <c r="AE182">
        <f ca="1">ROUND(SQRT((VLOOKUP($A182,városok!$A$2:$C$346,2,0)-VLOOKUP(AE$1,városok!$A$2:$C$346,2,0))^2+(VLOOKUP($A182,városok!$A$2:$C$346,3,0)-VLOOKUP(AE$1,városok!$A$2:$C$346,3,0))^2)/1000,0)</f>
        <v>242</v>
      </c>
      <c r="AF182">
        <f ca="1">ROUND(SQRT((VLOOKUP($A182,városok!$A$2:$C$346,2,0)-VLOOKUP(AF$1,városok!$A$2:$C$346,2,0))^2+(VLOOKUP($A182,városok!$A$2:$C$346,3,0)-VLOOKUP(AF$1,városok!$A$2:$C$346,3,0))^2)/1000,0)</f>
        <v>178</v>
      </c>
      <c r="AG182">
        <f ca="1">ROUND(SQRT((VLOOKUP($A182,városok!$A$2:$C$346,2,0)-VLOOKUP(AG$1,városok!$A$2:$C$346,2,0))^2+(VLOOKUP($A182,városok!$A$2:$C$346,3,0)-VLOOKUP(AG$1,városok!$A$2:$C$346,3,0))^2)/1000,0)</f>
        <v>143</v>
      </c>
      <c r="AH182">
        <f ca="1">ROUND(SQRT((VLOOKUP($A182,városok!$A$2:$C$346,2,0)-VLOOKUP(AH$1,városok!$A$2:$C$346,2,0))^2+(VLOOKUP($A182,városok!$A$2:$C$346,3,0)-VLOOKUP(AH$1,városok!$A$2:$C$346,3,0))^2)/1000,0)</f>
        <v>125</v>
      </c>
      <c r="AI182">
        <f ca="1">ROUND(SQRT((VLOOKUP($A182,városok!$A$2:$C$346,2,0)-VLOOKUP(AI$1,városok!$A$2:$C$346,2,0))^2+(VLOOKUP($A182,városok!$A$2:$C$346,3,0)-VLOOKUP(AI$1,városok!$A$2:$C$346,3,0))^2)/1000,0)</f>
        <v>159</v>
      </c>
      <c r="AJ182">
        <f ca="1">ROUND(SQRT((VLOOKUP($A182,városok!$A$2:$C$346,2,0)-VLOOKUP(AJ$1,városok!$A$2:$C$346,2,0))^2+(VLOOKUP($A182,városok!$A$2:$C$346,3,0)-VLOOKUP(AJ$1,városok!$A$2:$C$346,3,0))^2)/1000,0)</f>
        <v>147</v>
      </c>
      <c r="AK182">
        <f ca="1">ROUND(SQRT((VLOOKUP($A182,városok!$A$2:$C$346,2,0)-VLOOKUP(AK$1,városok!$A$2:$C$346,2,0))^2+(VLOOKUP($A182,városok!$A$2:$C$346,3,0)-VLOOKUP(AK$1,városok!$A$2:$C$346,3,0))^2)/1000,0)</f>
        <v>228</v>
      </c>
      <c r="AL182">
        <f ca="1">ROUND(SQRT((VLOOKUP($A182,városok!$A$2:$C$346,2,0)-VLOOKUP(AL$1,városok!$A$2:$C$346,2,0))^2+(VLOOKUP($A182,városok!$A$2:$C$346,3,0)-VLOOKUP(AL$1,városok!$A$2:$C$346,3,0))^2)/1000,0)</f>
        <v>200</v>
      </c>
      <c r="AM182">
        <f ca="1">ROUND(SQRT((VLOOKUP($A182,városok!$A$2:$C$346,2,0)-VLOOKUP(AM$1,városok!$A$2:$C$346,2,0))^2+(VLOOKUP($A182,városok!$A$2:$C$346,3,0)-VLOOKUP(AM$1,városok!$A$2:$C$346,3,0))^2)/1000,0)</f>
        <v>174</v>
      </c>
      <c r="AN182">
        <f ca="1">ROUND(SQRT((VLOOKUP($A182,városok!$A$2:$C$346,2,0)-VLOOKUP(AN$1,városok!$A$2:$C$346,2,0))^2+(VLOOKUP($A182,városok!$A$2:$C$346,3,0)-VLOOKUP(AN$1,városok!$A$2:$C$346,3,0))^2)/1000,0)</f>
        <v>55</v>
      </c>
      <c r="AO182">
        <f ca="1">ROUND(SQRT((VLOOKUP($A182,városok!$A$2:$C$346,2,0)-VLOOKUP(AO$1,városok!$A$2:$C$346,2,0))^2+(VLOOKUP($A182,városok!$A$2:$C$346,3,0)-VLOOKUP(AO$1,városok!$A$2:$C$346,3,0))^2)/1000,0)</f>
        <v>8</v>
      </c>
      <c r="AP182">
        <f ca="1">ROUND(SQRT((VLOOKUP($A182,városok!$A$2:$C$346,2,0)-VLOOKUP(AP$1,városok!$A$2:$C$346,2,0))^2+(VLOOKUP($A182,városok!$A$2:$C$346,3,0)-VLOOKUP(AP$1,városok!$A$2:$C$346,3,0))^2)/1000,0)</f>
        <v>25</v>
      </c>
      <c r="AQ182">
        <f ca="1">ROUND(SQRT((VLOOKUP($A182,városok!$A$2:$C$346,2,0)-VLOOKUP(AQ$1,városok!$A$2:$C$346,2,0))^2+(VLOOKUP($A182,városok!$A$2:$C$346,3,0)-VLOOKUP(AQ$1,városok!$A$2:$C$346,3,0))^2)/1000,0)</f>
        <v>34</v>
      </c>
      <c r="AR182">
        <f ca="1">ROUND(SQRT((VLOOKUP($A182,városok!$A$2:$C$346,2,0)-VLOOKUP(AR$1,városok!$A$2:$C$346,2,0))^2+(VLOOKUP($A182,városok!$A$2:$C$346,3,0)-VLOOKUP(AR$1,városok!$A$2:$C$346,3,0))^2)/1000,0)</f>
        <v>128</v>
      </c>
      <c r="AS182">
        <f ca="1">ROUND(SQRT((VLOOKUP($A182,városok!$A$2:$C$346,2,0)-VLOOKUP(AS$1,városok!$A$2:$C$346,2,0))^2+(VLOOKUP($A182,városok!$A$2:$C$346,3,0)-VLOOKUP(AS$1,városok!$A$2:$C$346,3,0))^2)/1000,0)</f>
        <v>141</v>
      </c>
      <c r="AT182">
        <f ca="1">ROUND(SQRT((VLOOKUP($A182,városok!$A$2:$C$346,2,0)-VLOOKUP(AT$1,városok!$A$2:$C$346,2,0))^2+(VLOOKUP($A182,városok!$A$2:$C$346,3,0)-VLOOKUP(AT$1,városok!$A$2:$C$346,3,0))^2)/1000,0)</f>
        <v>66</v>
      </c>
      <c r="AU182">
        <f ca="1">ROUND(SQRT((VLOOKUP($A182,városok!$A$2:$C$346,2,0)-VLOOKUP(AU$1,városok!$A$2:$C$346,2,0))^2+(VLOOKUP($A182,városok!$A$2:$C$346,3,0)-VLOOKUP(AU$1,városok!$A$2:$C$346,3,0))^2)/1000,0)</f>
        <v>77</v>
      </c>
      <c r="AV182">
        <f ca="1">ROUND(SQRT((VLOOKUP($A182,városok!$A$2:$C$346,2,0)-VLOOKUP(AV$1,városok!$A$2:$C$346,2,0))^2+(VLOOKUP($A182,városok!$A$2:$C$346,3,0)-VLOOKUP(AV$1,városok!$A$2:$C$346,3,0))^2)/1000,0)</f>
        <v>78</v>
      </c>
      <c r="AW182">
        <f ca="1">ROUND(SQRT((VLOOKUP($A182,városok!$A$2:$C$346,2,0)-VLOOKUP(AW$1,városok!$A$2:$C$346,2,0))^2+(VLOOKUP($A182,városok!$A$2:$C$346,3,0)-VLOOKUP(AW$1,városok!$A$2:$C$346,3,0))^2)/1000,0)</f>
        <v>76</v>
      </c>
      <c r="AX182">
        <f ca="1">ROUND(SQRT((VLOOKUP($A182,városok!$A$2:$C$346,2,0)-VLOOKUP(AX$1,városok!$A$2:$C$346,2,0))^2+(VLOOKUP($A182,városok!$A$2:$C$346,3,0)-VLOOKUP(AX$1,városok!$A$2:$C$346,3,0))^2)/1000,0)</f>
        <v>153</v>
      </c>
      <c r="AY182">
        <f ca="1">ROUND(SQRT((VLOOKUP($A182,városok!$A$2:$C$346,2,0)-VLOOKUP(AY$1,városok!$A$2:$C$346,2,0))^2+(VLOOKUP($A182,városok!$A$2:$C$346,3,0)-VLOOKUP(AY$1,városok!$A$2:$C$346,3,0))^2)/1000,0)</f>
        <v>79</v>
      </c>
      <c r="AZ182">
        <f ca="1">ROUND(SQRT((VLOOKUP($A182,városok!$A$2:$C$346,2,0)-VLOOKUP(AZ$1,városok!$A$2:$C$346,2,0))^2+(VLOOKUP($A182,városok!$A$2:$C$346,3,0)-VLOOKUP(AZ$1,városok!$A$2:$C$346,3,0))^2)/1000,0)</f>
        <v>72</v>
      </c>
      <c r="BA182">
        <f ca="1">ROUND(SQRT((VLOOKUP($A182,városok!$A$2:$C$346,2,0)-VLOOKUP(BA$1,városok!$A$2:$C$346,2,0))^2+(VLOOKUP($A182,városok!$A$2:$C$346,3,0)-VLOOKUP(BA$1,városok!$A$2:$C$346,3,0))^2)/1000,0)</f>
        <v>106</v>
      </c>
      <c r="BB182">
        <f ca="1">ROUND(SQRT((VLOOKUP($A182,városok!$A$2:$C$346,2,0)-VLOOKUP(BB$1,városok!$A$2:$C$346,2,0))^2+(VLOOKUP($A182,városok!$A$2:$C$346,3,0)-VLOOKUP(BB$1,városok!$A$2:$C$346,3,0))^2)/1000,0)</f>
        <v>131</v>
      </c>
      <c r="BC182">
        <f ca="1">ROUND(SQRT((VLOOKUP($A182,városok!$A$2:$C$346,2,0)-VLOOKUP(BC$1,városok!$A$2:$C$346,2,0))^2+(VLOOKUP($A182,városok!$A$2:$C$346,3,0)-VLOOKUP(BC$1,városok!$A$2:$C$346,3,0))^2)/1000,0)</f>
        <v>152</v>
      </c>
      <c r="BD182">
        <f ca="1">ROUND(SQRT((VLOOKUP($A182,városok!$A$2:$C$346,2,0)-VLOOKUP(BD$1,városok!$A$2:$C$346,2,0))^2+(VLOOKUP($A182,városok!$A$2:$C$346,3,0)-VLOOKUP(BD$1,városok!$A$2:$C$346,3,0))^2)/1000,0)</f>
        <v>90</v>
      </c>
      <c r="BE182">
        <f ca="1">ROUND(SQRT((VLOOKUP($A182,városok!$A$2:$C$346,2,0)-VLOOKUP(BE$1,városok!$A$2:$C$346,2,0))^2+(VLOOKUP($A182,városok!$A$2:$C$346,3,0)-VLOOKUP(BE$1,városok!$A$2:$C$346,3,0))^2)/1000,0)</f>
        <v>349</v>
      </c>
      <c r="BF182">
        <f ca="1">ROUND(SQRT((VLOOKUP($A182,városok!$A$2:$C$346,2,0)-VLOOKUP(BF$1,városok!$A$2:$C$346,2,0))^2+(VLOOKUP($A182,városok!$A$2:$C$346,3,0)-VLOOKUP(BF$1,városok!$A$2:$C$346,3,0))^2)/1000,0)</f>
        <v>308</v>
      </c>
      <c r="BG182">
        <f ca="1">ROUND(SQRT((VLOOKUP($A182,városok!$A$2:$C$346,2,0)-VLOOKUP(BG$1,városok!$A$2:$C$346,2,0))^2+(VLOOKUP($A182,városok!$A$2:$C$346,3,0)-VLOOKUP(BG$1,városok!$A$2:$C$346,3,0))^2)/1000,0)</f>
        <v>262</v>
      </c>
      <c r="BH182">
        <f ca="1">ROUND(SQRT((VLOOKUP($A182,városok!$A$2:$C$346,2,0)-VLOOKUP(BH$1,városok!$A$2:$C$346,2,0))^2+(VLOOKUP($A182,városok!$A$2:$C$346,3,0)-VLOOKUP(BH$1,városok!$A$2:$C$346,3,0))^2)/1000,0)</f>
        <v>262</v>
      </c>
      <c r="BI182">
        <f ca="1">ROUND(SQRT((VLOOKUP($A182,városok!$A$2:$C$346,2,0)-VLOOKUP(BI$1,városok!$A$2:$C$346,2,0))^2+(VLOOKUP($A182,városok!$A$2:$C$346,3,0)-VLOOKUP(BI$1,városok!$A$2:$C$346,3,0))^2)/1000,0)</f>
        <v>153</v>
      </c>
      <c r="BJ182">
        <f ca="1">ROUND(SQRT((VLOOKUP($A182,városok!$A$2:$C$346,2,0)-VLOOKUP(BJ$1,városok!$A$2:$C$346,2,0))^2+(VLOOKUP($A182,városok!$A$2:$C$346,3,0)-VLOOKUP(BJ$1,városok!$A$2:$C$346,3,0))^2)/1000,0)</f>
        <v>163</v>
      </c>
      <c r="BK182">
        <f ca="1">ROUND(SQRT((VLOOKUP($A182,városok!$A$2:$C$346,2,0)-VLOOKUP(BK$1,városok!$A$2:$C$346,2,0))^2+(VLOOKUP($A182,városok!$A$2:$C$346,3,0)-VLOOKUP(BK$1,városok!$A$2:$C$346,3,0))^2)/1000,0)</f>
        <v>160</v>
      </c>
      <c r="BL182">
        <f ca="1">ROUND(SQRT((VLOOKUP($A182,városok!$A$2:$C$346,2,0)-VLOOKUP(BL$1,városok!$A$2:$C$346,2,0))^2+(VLOOKUP($A182,városok!$A$2:$C$346,3,0)-VLOOKUP(BL$1,városok!$A$2:$C$346,3,0))^2)/1000,0)</f>
        <v>132</v>
      </c>
      <c r="BM182">
        <f ca="1">ROUND(SQRT((VLOOKUP($A182,városok!$A$2:$C$346,2,0)-VLOOKUP(BM$1,városok!$A$2:$C$346,2,0))^2+(VLOOKUP($A182,városok!$A$2:$C$346,3,0)-VLOOKUP(BM$1,városok!$A$2:$C$346,3,0))^2)/1000,0)</f>
        <v>96</v>
      </c>
      <c r="BN182">
        <f ca="1">ROUND(SQRT((VLOOKUP($A182,városok!$A$2:$C$346,2,0)-VLOOKUP(BN$1,városok!$A$2:$C$346,2,0))^2+(VLOOKUP($A182,városok!$A$2:$C$346,3,0)-VLOOKUP(BN$1,városok!$A$2:$C$346,3,0))^2)/1000,0)</f>
        <v>118</v>
      </c>
      <c r="BO182">
        <f ca="1">ROUND(SQRT((VLOOKUP($A182,városok!$A$2:$C$346,2,0)-VLOOKUP(BO$1,városok!$A$2:$C$346,2,0))^2+(VLOOKUP($A182,városok!$A$2:$C$346,3,0)-VLOOKUP(BO$1,városok!$A$2:$C$346,3,0))^2)/1000,0)</f>
        <v>76</v>
      </c>
      <c r="BP182">
        <f ca="1">ROUND(SQRT((VLOOKUP($A182,városok!$A$2:$C$346,2,0)-VLOOKUP(BP$1,városok!$A$2:$C$346,2,0))^2+(VLOOKUP($A182,városok!$A$2:$C$346,3,0)-VLOOKUP(BP$1,városok!$A$2:$C$346,3,0))^2)/1000,0)</f>
        <v>76</v>
      </c>
      <c r="BQ182">
        <f ca="1">ROUND(SQRT((VLOOKUP($A182,városok!$A$2:$C$346,2,0)-VLOOKUP(BQ$1,városok!$A$2:$C$346,2,0))^2+(VLOOKUP($A182,városok!$A$2:$C$346,3,0)-VLOOKUP(BQ$1,városok!$A$2:$C$346,3,0))^2)/1000,0)</f>
        <v>70</v>
      </c>
      <c r="BR182">
        <f ca="1">ROUND(SQRT((VLOOKUP($A182,városok!$A$2:$C$346,2,0)-VLOOKUP(BR$1,városok!$A$2:$C$346,2,0))^2+(VLOOKUP($A182,városok!$A$2:$C$346,3,0)-VLOOKUP(BR$1,városok!$A$2:$C$346,3,0))^2)/1000,0)</f>
        <v>120</v>
      </c>
      <c r="BS182">
        <f ca="1">ROUND(SQRT((VLOOKUP($A182,városok!$A$2:$C$346,2,0)-VLOOKUP(BS$1,városok!$A$2:$C$346,2,0))^2+(VLOOKUP($A182,városok!$A$2:$C$346,3,0)-VLOOKUP(BS$1,városok!$A$2:$C$346,3,0))^2)/1000,0)</f>
        <v>161</v>
      </c>
      <c r="BT182">
        <f ca="1">ROUND(SQRT((VLOOKUP($A182,városok!$A$2:$C$346,2,0)-VLOOKUP(BT$1,városok!$A$2:$C$346,2,0))^2+(VLOOKUP($A182,városok!$A$2:$C$346,3,0)-VLOOKUP(BT$1,városok!$A$2:$C$346,3,0))^2)/1000,0)</f>
        <v>132</v>
      </c>
    </row>
    <row r="183" spans="1:72" x14ac:dyDescent="0.2">
      <c r="A183" t="str">
        <f>városok!A183</f>
        <v>Bábolna</v>
      </c>
      <c r="B183">
        <f ca="1">ROUND(SQRT((VLOOKUP($A183,városok!$A$2:$C$346,2,0)-VLOOKUP(B$1,városok!$A$2:$C$346,2,0))^2+(VLOOKUP($A183,városok!$A$2:$C$346,3,0)-VLOOKUP(B$1,városok!$A$2:$C$346,3,0))^2)/1000,0)</f>
        <v>179</v>
      </c>
      <c r="C183">
        <f ca="1">ROUND(SQRT((VLOOKUP($A183,városok!$A$2:$C$346,2,0)-VLOOKUP(C$1,városok!$A$2:$C$346,2,0))^2+(VLOOKUP($A183,városok!$A$2:$C$346,3,0)-VLOOKUP(C$1,városok!$A$2:$C$346,3,0))^2)/1000,0)</f>
        <v>145</v>
      </c>
      <c r="D183">
        <f ca="1">ROUND(SQRT((VLOOKUP($A183,városok!$A$2:$C$346,2,0)-VLOOKUP(D$1,városok!$A$2:$C$346,2,0))^2+(VLOOKUP($A183,városok!$A$2:$C$346,3,0)-VLOOKUP(D$1,városok!$A$2:$C$346,3,0))^2)/1000,0)</f>
        <v>153</v>
      </c>
      <c r="E183">
        <f ca="1">ROUND(SQRT((VLOOKUP($A183,városok!$A$2:$C$346,2,0)-VLOOKUP(E$1,városok!$A$2:$C$346,2,0))^2+(VLOOKUP($A183,városok!$A$2:$C$346,3,0)-VLOOKUP(E$1,városok!$A$2:$C$346,3,0))^2)/1000,0)</f>
        <v>163</v>
      </c>
      <c r="F183">
        <f ca="1">ROUND(SQRT((VLOOKUP($A183,városok!$A$2:$C$346,2,0)-VLOOKUP(F$1,városok!$A$2:$C$346,2,0))^2+(VLOOKUP($A183,városok!$A$2:$C$346,3,0)-VLOOKUP(F$1,városok!$A$2:$C$346,3,0))^2)/1000,0)</f>
        <v>192</v>
      </c>
      <c r="G183">
        <f ca="1">ROUND(SQRT((VLOOKUP($A183,városok!$A$2:$C$346,2,0)-VLOOKUP(G$1,városok!$A$2:$C$346,2,0))^2+(VLOOKUP($A183,városok!$A$2:$C$346,3,0)-VLOOKUP(G$1,városok!$A$2:$C$346,3,0))^2)/1000,0)</f>
        <v>175</v>
      </c>
      <c r="H183">
        <f ca="1">ROUND(SQRT((VLOOKUP($A183,városok!$A$2:$C$346,2,0)-VLOOKUP(H$1,városok!$A$2:$C$346,2,0))^2+(VLOOKUP($A183,városok!$A$2:$C$346,3,0)-VLOOKUP(H$1,városok!$A$2:$C$346,3,0))^2)/1000,0)</f>
        <v>178</v>
      </c>
      <c r="I183">
        <f ca="1">ROUND(SQRT((VLOOKUP($A183,városok!$A$2:$C$346,2,0)-VLOOKUP(I$1,városok!$A$2:$C$346,2,0))^2+(VLOOKUP($A183,városok!$A$2:$C$346,3,0)-VLOOKUP(I$1,városok!$A$2:$C$346,3,0))^2)/1000,0)</f>
        <v>259</v>
      </c>
      <c r="J183">
        <f ca="1">ROUND(SQRT((VLOOKUP($A183,városok!$A$2:$C$346,2,0)-VLOOKUP(J$1,városok!$A$2:$C$346,2,0))^2+(VLOOKUP($A183,városok!$A$2:$C$346,3,0)-VLOOKUP(J$1,városok!$A$2:$C$346,3,0))^2)/1000,0)</f>
        <v>273</v>
      </c>
      <c r="K183">
        <f ca="1">ROUND(SQRT((VLOOKUP($A183,városok!$A$2:$C$346,2,0)-VLOOKUP(K$1,városok!$A$2:$C$346,2,0))^2+(VLOOKUP($A183,városok!$A$2:$C$346,3,0)-VLOOKUP(K$1,városok!$A$2:$C$346,3,0))^2)/1000,0)</f>
        <v>237</v>
      </c>
      <c r="L183">
        <f ca="1">ROUND(SQRT((VLOOKUP($A183,városok!$A$2:$C$346,2,0)-VLOOKUP(L$1,városok!$A$2:$C$346,2,0))^2+(VLOOKUP($A183,városok!$A$2:$C$346,3,0)-VLOOKUP(L$1,városok!$A$2:$C$346,3,0))^2)/1000,0)</f>
        <v>209</v>
      </c>
      <c r="M183">
        <f ca="1">ROUND(SQRT((VLOOKUP($A183,városok!$A$2:$C$346,2,0)-VLOOKUP(M$1,városok!$A$2:$C$346,2,0))^2+(VLOOKUP($A183,városok!$A$2:$C$346,3,0)-VLOOKUP(M$1,városok!$A$2:$C$346,3,0))^2)/1000,0)</f>
        <v>217</v>
      </c>
      <c r="N183">
        <f ca="1">ROUND(SQRT((VLOOKUP($A183,városok!$A$2:$C$346,2,0)-VLOOKUP(N$1,városok!$A$2:$C$346,2,0))^2+(VLOOKUP($A183,városok!$A$2:$C$346,3,0)-VLOOKUP(N$1,városok!$A$2:$C$346,3,0))^2)/1000,0)</f>
        <v>184</v>
      </c>
      <c r="O183">
        <f ca="1">ROUND(SQRT((VLOOKUP($A183,városok!$A$2:$C$346,2,0)-VLOOKUP(O$1,városok!$A$2:$C$346,2,0))^2+(VLOOKUP($A183,városok!$A$2:$C$346,3,0)-VLOOKUP(O$1,városok!$A$2:$C$346,3,0))^2)/1000,0)</f>
        <v>286</v>
      </c>
      <c r="P183">
        <f ca="1">ROUND(SQRT((VLOOKUP($A183,városok!$A$2:$C$346,2,0)-VLOOKUP(P$1,városok!$A$2:$C$346,2,0))^2+(VLOOKUP($A183,városok!$A$2:$C$346,3,0)-VLOOKUP(P$1,városok!$A$2:$C$346,3,0))^2)/1000,0)</f>
        <v>286</v>
      </c>
      <c r="Q183">
        <f ca="1">ROUND(SQRT((VLOOKUP($A183,városok!$A$2:$C$346,2,0)-VLOOKUP(Q$1,városok!$A$2:$C$346,2,0))^2+(VLOOKUP($A183,városok!$A$2:$C$346,3,0)-VLOOKUP(Q$1,városok!$A$2:$C$346,3,0))^2)/1000,0)</f>
        <v>224</v>
      </c>
      <c r="R183">
        <f ca="1">ROUND(SQRT((VLOOKUP($A183,városok!$A$2:$C$346,2,0)-VLOOKUP(R$1,városok!$A$2:$C$346,2,0))^2+(VLOOKUP($A183,városok!$A$2:$C$346,3,0)-VLOOKUP(R$1,városok!$A$2:$C$346,3,0))^2)/1000,0)</f>
        <v>247</v>
      </c>
      <c r="S183">
        <f ca="1">ROUND(SQRT((VLOOKUP($A183,városok!$A$2:$C$346,2,0)-VLOOKUP(S$1,városok!$A$2:$C$346,2,0))^2+(VLOOKUP($A183,városok!$A$2:$C$346,3,0)-VLOOKUP(S$1,városok!$A$2:$C$346,3,0))^2)/1000,0)</f>
        <v>227</v>
      </c>
      <c r="T183">
        <f ca="1">ROUND(SQRT((VLOOKUP($A183,városok!$A$2:$C$346,2,0)-VLOOKUP(T$1,városok!$A$2:$C$346,2,0))^2+(VLOOKUP($A183,városok!$A$2:$C$346,3,0)-VLOOKUP(T$1,városok!$A$2:$C$346,3,0))^2)/1000,0)</f>
        <v>52</v>
      </c>
      <c r="U183">
        <f ca="1">ROUND(SQRT((VLOOKUP($A183,városok!$A$2:$C$346,2,0)-VLOOKUP(U$1,városok!$A$2:$C$346,2,0))^2+(VLOOKUP($A183,városok!$A$2:$C$346,3,0)-VLOOKUP(U$1,városok!$A$2:$C$346,3,0))^2)/1000,0)</f>
        <v>104</v>
      </c>
      <c r="V183">
        <f ca="1">ROUND(SQRT((VLOOKUP($A183,városok!$A$2:$C$346,2,0)-VLOOKUP(V$1,városok!$A$2:$C$346,2,0))^2+(VLOOKUP($A183,városok!$A$2:$C$346,3,0)-VLOOKUP(V$1,városok!$A$2:$C$346,3,0))^2)/1000,0)</f>
        <v>69</v>
      </c>
      <c r="W183">
        <f ca="1">ROUND(SQRT((VLOOKUP($A183,városok!$A$2:$C$346,2,0)-VLOOKUP(W$1,városok!$A$2:$C$346,2,0))^2+(VLOOKUP($A183,városok!$A$2:$C$346,3,0)-VLOOKUP(W$1,városok!$A$2:$C$346,3,0))^2)/1000,0)</f>
        <v>97</v>
      </c>
      <c r="X183">
        <f ca="1">ROUND(SQRT((VLOOKUP($A183,városok!$A$2:$C$346,2,0)-VLOOKUP(X$1,városok!$A$2:$C$346,2,0))^2+(VLOOKUP($A183,városok!$A$2:$C$346,3,0)-VLOOKUP(X$1,városok!$A$2:$C$346,3,0))^2)/1000,0)</f>
        <v>47</v>
      </c>
      <c r="Y183">
        <f ca="1">ROUND(SQRT((VLOOKUP($A183,városok!$A$2:$C$346,2,0)-VLOOKUP(Y$1,városok!$A$2:$C$346,2,0))^2+(VLOOKUP($A183,városok!$A$2:$C$346,3,0)-VLOOKUP(Y$1,városok!$A$2:$C$346,3,0))^2)/1000,0)</f>
        <v>26</v>
      </c>
      <c r="Z183">
        <f ca="1">ROUND(SQRT((VLOOKUP($A183,városok!$A$2:$C$346,2,0)-VLOOKUP(Z$1,városok!$A$2:$C$346,2,0))^2+(VLOOKUP($A183,városok!$A$2:$C$346,3,0)-VLOOKUP(Z$1,városok!$A$2:$C$346,3,0))^2)/1000,0)</f>
        <v>46</v>
      </c>
      <c r="AA183">
        <f ca="1">ROUND(SQRT((VLOOKUP($A183,városok!$A$2:$C$346,2,0)-VLOOKUP(AA$1,városok!$A$2:$C$346,2,0))^2+(VLOOKUP($A183,városok!$A$2:$C$346,3,0)-VLOOKUP(AA$1,városok!$A$2:$C$346,3,0))^2)/1000,0)</f>
        <v>105</v>
      </c>
      <c r="AB183">
        <f ca="1">ROUND(SQRT((VLOOKUP($A183,városok!$A$2:$C$346,2,0)-VLOOKUP(AB$1,városok!$A$2:$C$346,2,0))^2+(VLOOKUP($A183,városok!$A$2:$C$346,3,0)-VLOOKUP(AB$1,városok!$A$2:$C$346,3,0))^2)/1000,0)</f>
        <v>275</v>
      </c>
      <c r="AC183">
        <f ca="1">ROUND(SQRT((VLOOKUP($A183,városok!$A$2:$C$346,2,0)-VLOOKUP(AC$1,városok!$A$2:$C$346,2,0))^2+(VLOOKUP($A183,városok!$A$2:$C$346,3,0)-VLOOKUP(AC$1,városok!$A$2:$C$346,3,0))^2)/1000,0)</f>
        <v>258</v>
      </c>
      <c r="AD183">
        <f ca="1">ROUND(SQRT((VLOOKUP($A183,városok!$A$2:$C$346,2,0)-VLOOKUP(AD$1,városok!$A$2:$C$346,2,0))^2+(VLOOKUP($A183,városok!$A$2:$C$346,3,0)-VLOOKUP(AD$1,városok!$A$2:$C$346,3,0))^2)/1000,0)</f>
        <v>241</v>
      </c>
      <c r="AE183">
        <f ca="1">ROUND(SQRT((VLOOKUP($A183,városok!$A$2:$C$346,2,0)-VLOOKUP(AE$1,városok!$A$2:$C$346,2,0))^2+(VLOOKUP($A183,városok!$A$2:$C$346,3,0)-VLOOKUP(AE$1,városok!$A$2:$C$346,3,0))^2)/1000,0)</f>
        <v>244</v>
      </c>
      <c r="AF183">
        <f ca="1">ROUND(SQRT((VLOOKUP($A183,városok!$A$2:$C$346,2,0)-VLOOKUP(AF$1,városok!$A$2:$C$346,2,0))^2+(VLOOKUP($A183,városok!$A$2:$C$346,3,0)-VLOOKUP(AF$1,városok!$A$2:$C$346,3,0))^2)/1000,0)</f>
        <v>182</v>
      </c>
      <c r="AG183">
        <f ca="1">ROUND(SQRT((VLOOKUP($A183,városok!$A$2:$C$346,2,0)-VLOOKUP(AG$1,városok!$A$2:$C$346,2,0))^2+(VLOOKUP($A183,városok!$A$2:$C$346,3,0)-VLOOKUP(AG$1,városok!$A$2:$C$346,3,0))^2)/1000,0)</f>
        <v>147</v>
      </c>
      <c r="AH183">
        <f ca="1">ROUND(SQRT((VLOOKUP($A183,városok!$A$2:$C$346,2,0)-VLOOKUP(AH$1,városok!$A$2:$C$346,2,0))^2+(VLOOKUP($A183,városok!$A$2:$C$346,3,0)-VLOOKUP(AH$1,városok!$A$2:$C$346,3,0))^2)/1000,0)</f>
        <v>127</v>
      </c>
      <c r="AI183">
        <f ca="1">ROUND(SQRT((VLOOKUP($A183,városok!$A$2:$C$346,2,0)-VLOOKUP(AI$1,városok!$A$2:$C$346,2,0))^2+(VLOOKUP($A183,városok!$A$2:$C$346,3,0)-VLOOKUP(AI$1,városok!$A$2:$C$346,3,0))^2)/1000,0)</f>
        <v>164</v>
      </c>
      <c r="AJ183">
        <f ca="1">ROUND(SQRT((VLOOKUP($A183,városok!$A$2:$C$346,2,0)-VLOOKUP(AJ$1,városok!$A$2:$C$346,2,0))^2+(VLOOKUP($A183,városok!$A$2:$C$346,3,0)-VLOOKUP(AJ$1,városok!$A$2:$C$346,3,0))^2)/1000,0)</f>
        <v>150</v>
      </c>
      <c r="AK183">
        <f ca="1">ROUND(SQRT((VLOOKUP($A183,városok!$A$2:$C$346,2,0)-VLOOKUP(AK$1,városok!$A$2:$C$346,2,0))^2+(VLOOKUP($A183,városok!$A$2:$C$346,3,0)-VLOOKUP(AK$1,városok!$A$2:$C$346,3,0))^2)/1000,0)</f>
        <v>229</v>
      </c>
      <c r="AL183">
        <f ca="1">ROUND(SQRT((VLOOKUP($A183,városok!$A$2:$C$346,2,0)-VLOOKUP(AL$1,városok!$A$2:$C$346,2,0))^2+(VLOOKUP($A183,városok!$A$2:$C$346,3,0)-VLOOKUP(AL$1,városok!$A$2:$C$346,3,0))^2)/1000,0)</f>
        <v>202</v>
      </c>
      <c r="AM183">
        <f ca="1">ROUND(SQRT((VLOOKUP($A183,városok!$A$2:$C$346,2,0)-VLOOKUP(AM$1,városok!$A$2:$C$346,2,0))^2+(VLOOKUP($A183,városok!$A$2:$C$346,3,0)-VLOOKUP(AM$1,városok!$A$2:$C$346,3,0))^2)/1000,0)</f>
        <v>174</v>
      </c>
      <c r="AN183">
        <f ca="1">ROUND(SQRT((VLOOKUP($A183,városok!$A$2:$C$346,2,0)-VLOOKUP(AN$1,városok!$A$2:$C$346,2,0))^2+(VLOOKUP($A183,városok!$A$2:$C$346,3,0)-VLOOKUP(AN$1,városok!$A$2:$C$346,3,0))^2)/1000,0)</f>
        <v>59</v>
      </c>
      <c r="AO183">
        <f ca="1">ROUND(SQRT((VLOOKUP($A183,városok!$A$2:$C$346,2,0)-VLOOKUP(AO$1,városok!$A$2:$C$346,2,0))^2+(VLOOKUP($A183,városok!$A$2:$C$346,3,0)-VLOOKUP(AO$1,városok!$A$2:$C$346,3,0))^2)/1000,0)</f>
        <v>15</v>
      </c>
      <c r="AP183">
        <f ca="1">ROUND(SQRT((VLOOKUP($A183,városok!$A$2:$C$346,2,0)-VLOOKUP(AP$1,városok!$A$2:$C$346,2,0))^2+(VLOOKUP($A183,városok!$A$2:$C$346,3,0)-VLOOKUP(AP$1,városok!$A$2:$C$346,3,0))^2)/1000,0)</f>
        <v>26</v>
      </c>
      <c r="AQ183">
        <f ca="1">ROUND(SQRT((VLOOKUP($A183,városok!$A$2:$C$346,2,0)-VLOOKUP(AQ$1,városok!$A$2:$C$346,2,0))^2+(VLOOKUP($A183,városok!$A$2:$C$346,3,0)-VLOOKUP(AQ$1,városok!$A$2:$C$346,3,0))^2)/1000,0)</f>
        <v>33</v>
      </c>
      <c r="AR183">
        <f ca="1">ROUND(SQRT((VLOOKUP($A183,városok!$A$2:$C$346,2,0)-VLOOKUP(AR$1,városok!$A$2:$C$346,2,0))^2+(VLOOKUP($A183,városok!$A$2:$C$346,3,0)-VLOOKUP(AR$1,városok!$A$2:$C$346,3,0))^2)/1000,0)</f>
        <v>132</v>
      </c>
      <c r="AS183">
        <f ca="1">ROUND(SQRT((VLOOKUP($A183,városok!$A$2:$C$346,2,0)-VLOOKUP(AS$1,városok!$A$2:$C$346,2,0))^2+(VLOOKUP($A183,városok!$A$2:$C$346,3,0)-VLOOKUP(AS$1,városok!$A$2:$C$346,3,0))^2)/1000,0)</f>
        <v>147</v>
      </c>
      <c r="AT183">
        <f ca="1">ROUND(SQRT((VLOOKUP($A183,városok!$A$2:$C$346,2,0)-VLOOKUP(AT$1,városok!$A$2:$C$346,2,0))^2+(VLOOKUP($A183,városok!$A$2:$C$346,3,0)-VLOOKUP(AT$1,városok!$A$2:$C$346,3,0))^2)/1000,0)</f>
        <v>66</v>
      </c>
      <c r="AU183">
        <f ca="1">ROUND(SQRT((VLOOKUP($A183,városok!$A$2:$C$346,2,0)-VLOOKUP(AU$1,városok!$A$2:$C$346,2,0))^2+(VLOOKUP($A183,városok!$A$2:$C$346,3,0)-VLOOKUP(AU$1,városok!$A$2:$C$346,3,0))^2)/1000,0)</f>
        <v>77</v>
      </c>
      <c r="AV183">
        <f ca="1">ROUND(SQRT((VLOOKUP($A183,városok!$A$2:$C$346,2,0)-VLOOKUP(AV$1,városok!$A$2:$C$346,2,0))^2+(VLOOKUP($A183,városok!$A$2:$C$346,3,0)-VLOOKUP(AV$1,városok!$A$2:$C$346,3,0))^2)/1000,0)</f>
        <v>77</v>
      </c>
      <c r="AW183">
        <f ca="1">ROUND(SQRT((VLOOKUP($A183,városok!$A$2:$C$346,2,0)-VLOOKUP(AW$1,városok!$A$2:$C$346,2,0))^2+(VLOOKUP($A183,városok!$A$2:$C$346,3,0)-VLOOKUP(AW$1,városok!$A$2:$C$346,3,0))^2)/1000,0)</f>
        <v>75</v>
      </c>
      <c r="AX183">
        <f ca="1">ROUND(SQRT((VLOOKUP($A183,városok!$A$2:$C$346,2,0)-VLOOKUP(AX$1,városok!$A$2:$C$346,2,0))^2+(VLOOKUP($A183,városok!$A$2:$C$346,3,0)-VLOOKUP(AX$1,városok!$A$2:$C$346,3,0))^2)/1000,0)</f>
        <v>152</v>
      </c>
      <c r="AY183">
        <f ca="1">ROUND(SQRT((VLOOKUP($A183,városok!$A$2:$C$346,2,0)-VLOOKUP(AY$1,városok!$A$2:$C$346,2,0))^2+(VLOOKUP($A183,városok!$A$2:$C$346,3,0)-VLOOKUP(AY$1,városok!$A$2:$C$346,3,0))^2)/1000,0)</f>
        <v>81</v>
      </c>
      <c r="AZ183">
        <f ca="1">ROUND(SQRT((VLOOKUP($A183,városok!$A$2:$C$346,2,0)-VLOOKUP(AZ$1,városok!$A$2:$C$346,2,0))^2+(VLOOKUP($A183,városok!$A$2:$C$346,3,0)-VLOOKUP(AZ$1,városok!$A$2:$C$346,3,0))^2)/1000,0)</f>
        <v>76</v>
      </c>
      <c r="BA183">
        <f ca="1">ROUND(SQRT((VLOOKUP($A183,városok!$A$2:$C$346,2,0)-VLOOKUP(BA$1,városok!$A$2:$C$346,2,0))^2+(VLOOKUP($A183,városok!$A$2:$C$346,3,0)-VLOOKUP(BA$1,városok!$A$2:$C$346,3,0))^2)/1000,0)</f>
        <v>98</v>
      </c>
      <c r="BB183">
        <f ca="1">ROUND(SQRT((VLOOKUP($A183,városok!$A$2:$C$346,2,0)-VLOOKUP(BB$1,városok!$A$2:$C$346,2,0))^2+(VLOOKUP($A183,városok!$A$2:$C$346,3,0)-VLOOKUP(BB$1,városok!$A$2:$C$346,3,0))^2)/1000,0)</f>
        <v>123</v>
      </c>
      <c r="BC183">
        <f ca="1">ROUND(SQRT((VLOOKUP($A183,városok!$A$2:$C$346,2,0)-VLOOKUP(BC$1,városok!$A$2:$C$346,2,0))^2+(VLOOKUP($A183,városok!$A$2:$C$346,3,0)-VLOOKUP(BC$1,városok!$A$2:$C$346,3,0))^2)/1000,0)</f>
        <v>144</v>
      </c>
      <c r="BD183">
        <f ca="1">ROUND(SQRT((VLOOKUP($A183,városok!$A$2:$C$346,2,0)-VLOOKUP(BD$1,városok!$A$2:$C$346,2,0))^2+(VLOOKUP($A183,városok!$A$2:$C$346,3,0)-VLOOKUP(BD$1,városok!$A$2:$C$346,3,0))^2)/1000,0)</f>
        <v>82</v>
      </c>
      <c r="BE183">
        <f ca="1">ROUND(SQRT((VLOOKUP($A183,városok!$A$2:$C$346,2,0)-VLOOKUP(BE$1,városok!$A$2:$C$346,2,0))^2+(VLOOKUP($A183,városok!$A$2:$C$346,3,0)-VLOOKUP(BE$1,városok!$A$2:$C$346,3,0))^2)/1000,0)</f>
        <v>352</v>
      </c>
      <c r="BF183">
        <f ca="1">ROUND(SQRT((VLOOKUP($A183,városok!$A$2:$C$346,2,0)-VLOOKUP(BF$1,városok!$A$2:$C$346,2,0))^2+(VLOOKUP($A183,városok!$A$2:$C$346,3,0)-VLOOKUP(BF$1,városok!$A$2:$C$346,3,0))^2)/1000,0)</f>
        <v>313</v>
      </c>
      <c r="BG183">
        <f ca="1">ROUND(SQRT((VLOOKUP($A183,városok!$A$2:$C$346,2,0)-VLOOKUP(BG$1,városok!$A$2:$C$346,2,0))^2+(VLOOKUP($A183,városok!$A$2:$C$346,3,0)-VLOOKUP(BG$1,városok!$A$2:$C$346,3,0))^2)/1000,0)</f>
        <v>266</v>
      </c>
      <c r="BH183">
        <f ca="1">ROUND(SQRT((VLOOKUP($A183,városok!$A$2:$C$346,2,0)-VLOOKUP(BH$1,városok!$A$2:$C$346,2,0))^2+(VLOOKUP($A183,városok!$A$2:$C$346,3,0)-VLOOKUP(BH$1,városok!$A$2:$C$346,3,0))^2)/1000,0)</f>
        <v>266</v>
      </c>
      <c r="BI183">
        <f ca="1">ROUND(SQRT((VLOOKUP($A183,városok!$A$2:$C$346,2,0)-VLOOKUP(BI$1,városok!$A$2:$C$346,2,0))^2+(VLOOKUP($A183,városok!$A$2:$C$346,3,0)-VLOOKUP(BI$1,városok!$A$2:$C$346,3,0))^2)/1000,0)</f>
        <v>147</v>
      </c>
      <c r="BJ183">
        <f ca="1">ROUND(SQRT((VLOOKUP($A183,városok!$A$2:$C$346,2,0)-VLOOKUP(BJ$1,városok!$A$2:$C$346,2,0))^2+(VLOOKUP($A183,városok!$A$2:$C$346,3,0)-VLOOKUP(BJ$1,városok!$A$2:$C$346,3,0))^2)/1000,0)</f>
        <v>156</v>
      </c>
      <c r="BK183">
        <f ca="1">ROUND(SQRT((VLOOKUP($A183,városok!$A$2:$C$346,2,0)-VLOOKUP(BK$1,városok!$A$2:$C$346,2,0))^2+(VLOOKUP($A183,városok!$A$2:$C$346,3,0)-VLOOKUP(BK$1,városok!$A$2:$C$346,3,0))^2)/1000,0)</f>
        <v>154</v>
      </c>
      <c r="BL183">
        <f ca="1">ROUND(SQRT((VLOOKUP($A183,városok!$A$2:$C$346,2,0)-VLOOKUP(BL$1,városok!$A$2:$C$346,2,0))^2+(VLOOKUP($A183,városok!$A$2:$C$346,3,0)-VLOOKUP(BL$1,városok!$A$2:$C$346,3,0))^2)/1000,0)</f>
        <v>125</v>
      </c>
      <c r="BM183">
        <f ca="1">ROUND(SQRT((VLOOKUP($A183,városok!$A$2:$C$346,2,0)-VLOOKUP(BM$1,városok!$A$2:$C$346,2,0))^2+(VLOOKUP($A183,városok!$A$2:$C$346,3,0)-VLOOKUP(BM$1,városok!$A$2:$C$346,3,0))^2)/1000,0)</f>
        <v>90</v>
      </c>
      <c r="BN183">
        <f ca="1">ROUND(SQRT((VLOOKUP($A183,városok!$A$2:$C$346,2,0)-VLOOKUP(BN$1,városok!$A$2:$C$346,2,0))^2+(VLOOKUP($A183,városok!$A$2:$C$346,3,0)-VLOOKUP(BN$1,városok!$A$2:$C$346,3,0))^2)/1000,0)</f>
        <v>112</v>
      </c>
      <c r="BO183">
        <f ca="1">ROUND(SQRT((VLOOKUP($A183,városok!$A$2:$C$346,2,0)-VLOOKUP(BO$1,városok!$A$2:$C$346,2,0))^2+(VLOOKUP($A183,városok!$A$2:$C$346,3,0)-VLOOKUP(BO$1,városok!$A$2:$C$346,3,0))^2)/1000,0)</f>
        <v>68</v>
      </c>
      <c r="BP183">
        <f ca="1">ROUND(SQRT((VLOOKUP($A183,városok!$A$2:$C$346,2,0)-VLOOKUP(BP$1,városok!$A$2:$C$346,2,0))^2+(VLOOKUP($A183,városok!$A$2:$C$346,3,0)-VLOOKUP(BP$1,városok!$A$2:$C$346,3,0))^2)/1000,0)</f>
        <v>68</v>
      </c>
      <c r="BQ183">
        <f ca="1">ROUND(SQRT((VLOOKUP($A183,városok!$A$2:$C$346,2,0)-VLOOKUP(BQ$1,városok!$A$2:$C$346,2,0))^2+(VLOOKUP($A183,városok!$A$2:$C$346,3,0)-VLOOKUP(BQ$1,városok!$A$2:$C$346,3,0))^2)/1000,0)</f>
        <v>62</v>
      </c>
      <c r="BR183">
        <f ca="1">ROUND(SQRT((VLOOKUP($A183,városok!$A$2:$C$346,2,0)-VLOOKUP(BR$1,városok!$A$2:$C$346,2,0))^2+(VLOOKUP($A183,városok!$A$2:$C$346,3,0)-VLOOKUP(BR$1,városok!$A$2:$C$346,3,0))^2)/1000,0)</f>
        <v>112</v>
      </c>
      <c r="BS183">
        <f ca="1">ROUND(SQRT((VLOOKUP($A183,városok!$A$2:$C$346,2,0)-VLOOKUP(BS$1,városok!$A$2:$C$346,2,0))^2+(VLOOKUP($A183,városok!$A$2:$C$346,3,0)-VLOOKUP(BS$1,városok!$A$2:$C$346,3,0))^2)/1000,0)</f>
        <v>153</v>
      </c>
      <c r="BT183">
        <f ca="1">ROUND(SQRT((VLOOKUP($A183,városok!$A$2:$C$346,2,0)-VLOOKUP(BT$1,városok!$A$2:$C$346,2,0))^2+(VLOOKUP($A183,városok!$A$2:$C$346,3,0)-VLOOKUP(BT$1,városok!$A$2:$C$346,3,0))^2)/1000,0)</f>
        <v>125</v>
      </c>
    </row>
    <row r="184" spans="1:72" x14ac:dyDescent="0.2">
      <c r="A184" t="str">
        <f>városok!A184</f>
        <v>Dorog</v>
      </c>
      <c r="B184">
        <f ca="1">ROUND(SQRT((VLOOKUP($A184,városok!$A$2:$C$346,2,0)-VLOOKUP(B$1,városok!$A$2:$C$346,2,0))^2+(VLOOKUP($A184,városok!$A$2:$C$346,3,0)-VLOOKUP(B$1,városok!$A$2:$C$346,3,0))^2)/1000,0)</f>
        <v>172</v>
      </c>
      <c r="C184">
        <f ca="1">ROUND(SQRT((VLOOKUP($A184,városok!$A$2:$C$346,2,0)-VLOOKUP(C$1,városok!$A$2:$C$346,2,0))^2+(VLOOKUP($A184,városok!$A$2:$C$346,3,0)-VLOOKUP(C$1,városok!$A$2:$C$346,3,0))^2)/1000,0)</f>
        <v>135</v>
      </c>
      <c r="D184">
        <f ca="1">ROUND(SQRT((VLOOKUP($A184,városok!$A$2:$C$346,2,0)-VLOOKUP(D$1,városok!$A$2:$C$346,2,0))^2+(VLOOKUP($A184,városok!$A$2:$C$346,3,0)-VLOOKUP(D$1,városok!$A$2:$C$346,3,0))^2)/1000,0)</f>
        <v>116</v>
      </c>
      <c r="E184">
        <f ca="1">ROUND(SQRT((VLOOKUP($A184,városok!$A$2:$C$346,2,0)-VLOOKUP(E$1,városok!$A$2:$C$346,2,0))^2+(VLOOKUP($A184,városok!$A$2:$C$346,3,0)-VLOOKUP(E$1,városok!$A$2:$C$346,3,0))^2)/1000,0)</f>
        <v>175</v>
      </c>
      <c r="F184">
        <f ca="1">ROUND(SQRT((VLOOKUP($A184,városok!$A$2:$C$346,2,0)-VLOOKUP(F$1,városok!$A$2:$C$346,2,0))^2+(VLOOKUP($A184,városok!$A$2:$C$346,3,0)-VLOOKUP(F$1,városok!$A$2:$C$346,3,0))^2)/1000,0)</f>
        <v>193</v>
      </c>
      <c r="G184">
        <f ca="1">ROUND(SQRT((VLOOKUP($A184,városok!$A$2:$C$346,2,0)-VLOOKUP(G$1,városok!$A$2:$C$346,2,0))^2+(VLOOKUP($A184,városok!$A$2:$C$346,3,0)-VLOOKUP(G$1,városok!$A$2:$C$346,3,0))^2)/1000,0)</f>
        <v>187</v>
      </c>
      <c r="H184">
        <f ca="1">ROUND(SQRT((VLOOKUP($A184,városok!$A$2:$C$346,2,0)-VLOOKUP(H$1,városok!$A$2:$C$346,2,0))^2+(VLOOKUP($A184,városok!$A$2:$C$346,3,0)-VLOOKUP(H$1,városok!$A$2:$C$346,3,0))^2)/1000,0)</f>
        <v>200</v>
      </c>
      <c r="I184">
        <f ca="1">ROUND(SQRT((VLOOKUP($A184,városok!$A$2:$C$346,2,0)-VLOOKUP(I$1,városok!$A$2:$C$346,2,0))^2+(VLOOKUP($A184,városok!$A$2:$C$346,3,0)-VLOOKUP(I$1,városok!$A$2:$C$346,3,0))^2)/1000,0)</f>
        <v>213</v>
      </c>
      <c r="J184">
        <f ca="1">ROUND(SQRT((VLOOKUP($A184,városok!$A$2:$C$346,2,0)-VLOOKUP(J$1,városok!$A$2:$C$346,2,0))^2+(VLOOKUP($A184,városok!$A$2:$C$346,3,0)-VLOOKUP(J$1,városok!$A$2:$C$346,3,0))^2)/1000,0)</f>
        <v>227</v>
      </c>
      <c r="K184">
        <f ca="1">ROUND(SQRT((VLOOKUP($A184,városok!$A$2:$C$346,2,0)-VLOOKUP(K$1,városok!$A$2:$C$346,2,0))^2+(VLOOKUP($A184,városok!$A$2:$C$346,3,0)-VLOOKUP(K$1,városok!$A$2:$C$346,3,0))^2)/1000,0)</f>
        <v>196</v>
      </c>
      <c r="L184">
        <f ca="1">ROUND(SQRT((VLOOKUP($A184,városok!$A$2:$C$346,2,0)-VLOOKUP(L$1,városok!$A$2:$C$346,2,0))^2+(VLOOKUP($A184,városok!$A$2:$C$346,3,0)-VLOOKUP(L$1,városok!$A$2:$C$346,3,0))^2)/1000,0)</f>
        <v>154</v>
      </c>
      <c r="M184">
        <f ca="1">ROUND(SQRT((VLOOKUP($A184,városok!$A$2:$C$346,2,0)-VLOOKUP(M$1,városok!$A$2:$C$346,2,0))^2+(VLOOKUP($A184,városok!$A$2:$C$346,3,0)-VLOOKUP(M$1,városok!$A$2:$C$346,3,0))^2)/1000,0)</f>
        <v>160</v>
      </c>
      <c r="N184">
        <f ca="1">ROUND(SQRT((VLOOKUP($A184,városok!$A$2:$C$346,2,0)-VLOOKUP(N$1,városok!$A$2:$C$346,2,0))^2+(VLOOKUP($A184,városok!$A$2:$C$346,3,0)-VLOOKUP(N$1,városok!$A$2:$C$346,3,0))^2)/1000,0)</f>
        <v>129</v>
      </c>
      <c r="O184">
        <f ca="1">ROUND(SQRT((VLOOKUP($A184,városok!$A$2:$C$346,2,0)-VLOOKUP(O$1,városok!$A$2:$C$346,2,0))^2+(VLOOKUP($A184,városok!$A$2:$C$346,3,0)-VLOOKUP(O$1,városok!$A$2:$C$346,3,0))^2)/1000,0)</f>
        <v>230</v>
      </c>
      <c r="P184">
        <f ca="1">ROUND(SQRT((VLOOKUP($A184,városok!$A$2:$C$346,2,0)-VLOOKUP(P$1,városok!$A$2:$C$346,2,0))^2+(VLOOKUP($A184,városok!$A$2:$C$346,3,0)-VLOOKUP(P$1,városok!$A$2:$C$346,3,0))^2)/1000,0)</f>
        <v>230</v>
      </c>
      <c r="Q184">
        <f ca="1">ROUND(SQRT((VLOOKUP($A184,városok!$A$2:$C$346,2,0)-VLOOKUP(Q$1,városok!$A$2:$C$346,2,0))^2+(VLOOKUP($A184,városok!$A$2:$C$346,3,0)-VLOOKUP(Q$1,városok!$A$2:$C$346,3,0))^2)/1000,0)</f>
        <v>189</v>
      </c>
      <c r="R184">
        <f ca="1">ROUND(SQRT((VLOOKUP($A184,városok!$A$2:$C$346,2,0)-VLOOKUP(R$1,városok!$A$2:$C$346,2,0))^2+(VLOOKUP($A184,városok!$A$2:$C$346,3,0)-VLOOKUP(R$1,városok!$A$2:$C$346,3,0))^2)/1000,0)</f>
        <v>214</v>
      </c>
      <c r="S184">
        <f ca="1">ROUND(SQRT((VLOOKUP($A184,városok!$A$2:$C$346,2,0)-VLOOKUP(S$1,városok!$A$2:$C$346,2,0))^2+(VLOOKUP($A184,városok!$A$2:$C$346,3,0)-VLOOKUP(S$1,városok!$A$2:$C$346,3,0))^2)/1000,0)</f>
        <v>197</v>
      </c>
      <c r="T184">
        <f ca="1">ROUND(SQRT((VLOOKUP($A184,városok!$A$2:$C$346,2,0)-VLOOKUP(T$1,városok!$A$2:$C$346,2,0))^2+(VLOOKUP($A184,városok!$A$2:$C$346,3,0)-VLOOKUP(T$1,városok!$A$2:$C$346,3,0))^2)/1000,0)</f>
        <v>28</v>
      </c>
      <c r="U184">
        <f ca="1">ROUND(SQRT((VLOOKUP($A184,városok!$A$2:$C$346,2,0)-VLOOKUP(U$1,városok!$A$2:$C$346,2,0))^2+(VLOOKUP($A184,városok!$A$2:$C$346,3,0)-VLOOKUP(U$1,városok!$A$2:$C$346,3,0))^2)/1000,0)</f>
        <v>86</v>
      </c>
      <c r="V184">
        <f ca="1">ROUND(SQRT((VLOOKUP($A184,városok!$A$2:$C$346,2,0)-VLOOKUP(V$1,városok!$A$2:$C$346,2,0))^2+(VLOOKUP($A184,városok!$A$2:$C$346,3,0)-VLOOKUP(V$1,városok!$A$2:$C$346,3,0))^2)/1000,0)</f>
        <v>81</v>
      </c>
      <c r="W184">
        <f ca="1">ROUND(SQRT((VLOOKUP($A184,városok!$A$2:$C$346,2,0)-VLOOKUP(W$1,városok!$A$2:$C$346,2,0))^2+(VLOOKUP($A184,városok!$A$2:$C$346,3,0)-VLOOKUP(W$1,városok!$A$2:$C$346,3,0))^2)/1000,0)</f>
        <v>94</v>
      </c>
      <c r="X184">
        <f ca="1">ROUND(SQRT((VLOOKUP($A184,városok!$A$2:$C$346,2,0)-VLOOKUP(X$1,városok!$A$2:$C$346,2,0))^2+(VLOOKUP($A184,városok!$A$2:$C$346,3,0)-VLOOKUP(X$1,városok!$A$2:$C$346,3,0))^2)/1000,0)</f>
        <v>57</v>
      </c>
      <c r="Y184">
        <f ca="1">ROUND(SQRT((VLOOKUP($A184,városok!$A$2:$C$346,2,0)-VLOOKUP(Y$1,városok!$A$2:$C$346,2,0))^2+(VLOOKUP($A184,városok!$A$2:$C$346,3,0)-VLOOKUP(Y$1,városok!$A$2:$C$346,3,0))^2)/1000,0)</f>
        <v>82</v>
      </c>
      <c r="Z184">
        <f ca="1">ROUND(SQRT((VLOOKUP($A184,városok!$A$2:$C$346,2,0)-VLOOKUP(Z$1,városok!$A$2:$C$346,2,0))^2+(VLOOKUP($A184,városok!$A$2:$C$346,3,0)-VLOOKUP(Z$1,városok!$A$2:$C$346,3,0))^2)/1000,0)</f>
        <v>101</v>
      </c>
      <c r="AA184">
        <f ca="1">ROUND(SQRT((VLOOKUP($A184,városok!$A$2:$C$346,2,0)-VLOOKUP(AA$1,városok!$A$2:$C$346,2,0))^2+(VLOOKUP($A184,városok!$A$2:$C$346,3,0)-VLOOKUP(AA$1,városok!$A$2:$C$346,3,0))^2)/1000,0)</f>
        <v>161</v>
      </c>
      <c r="AB184">
        <f ca="1">ROUND(SQRT((VLOOKUP($A184,városok!$A$2:$C$346,2,0)-VLOOKUP(AB$1,városok!$A$2:$C$346,2,0))^2+(VLOOKUP($A184,városok!$A$2:$C$346,3,0)-VLOOKUP(AB$1,városok!$A$2:$C$346,3,0))^2)/1000,0)</f>
        <v>219</v>
      </c>
      <c r="AC184">
        <f ca="1">ROUND(SQRT((VLOOKUP($A184,városok!$A$2:$C$346,2,0)-VLOOKUP(AC$1,városok!$A$2:$C$346,2,0))^2+(VLOOKUP($A184,városok!$A$2:$C$346,3,0)-VLOOKUP(AC$1,városok!$A$2:$C$346,3,0))^2)/1000,0)</f>
        <v>203</v>
      </c>
      <c r="AD184">
        <f ca="1">ROUND(SQRT((VLOOKUP($A184,városok!$A$2:$C$346,2,0)-VLOOKUP(AD$1,városok!$A$2:$C$346,2,0))^2+(VLOOKUP($A184,városok!$A$2:$C$346,3,0)-VLOOKUP(AD$1,városok!$A$2:$C$346,3,0))^2)/1000,0)</f>
        <v>186</v>
      </c>
      <c r="AE184">
        <f ca="1">ROUND(SQRT((VLOOKUP($A184,városok!$A$2:$C$346,2,0)-VLOOKUP(AE$1,városok!$A$2:$C$346,2,0))^2+(VLOOKUP($A184,városok!$A$2:$C$346,3,0)-VLOOKUP(AE$1,városok!$A$2:$C$346,3,0))^2)/1000,0)</f>
        <v>190</v>
      </c>
      <c r="AF184">
        <f ca="1">ROUND(SQRT((VLOOKUP($A184,városok!$A$2:$C$346,2,0)-VLOOKUP(AF$1,városok!$A$2:$C$346,2,0))^2+(VLOOKUP($A184,városok!$A$2:$C$346,3,0)-VLOOKUP(AF$1,városok!$A$2:$C$346,3,0))^2)/1000,0)</f>
        <v>125</v>
      </c>
      <c r="AG184">
        <f ca="1">ROUND(SQRT((VLOOKUP($A184,városok!$A$2:$C$346,2,0)-VLOOKUP(AG$1,városok!$A$2:$C$346,2,0))^2+(VLOOKUP($A184,városok!$A$2:$C$346,3,0)-VLOOKUP(AG$1,városok!$A$2:$C$346,3,0))^2)/1000,0)</f>
        <v>90</v>
      </c>
      <c r="AH184">
        <f ca="1">ROUND(SQRT((VLOOKUP($A184,városok!$A$2:$C$346,2,0)-VLOOKUP(AH$1,városok!$A$2:$C$346,2,0))^2+(VLOOKUP($A184,városok!$A$2:$C$346,3,0)-VLOOKUP(AH$1,városok!$A$2:$C$346,3,0))^2)/1000,0)</f>
        <v>71</v>
      </c>
      <c r="AI184">
        <f ca="1">ROUND(SQRT((VLOOKUP($A184,városok!$A$2:$C$346,2,0)-VLOOKUP(AI$1,városok!$A$2:$C$346,2,0))^2+(VLOOKUP($A184,városok!$A$2:$C$346,3,0)-VLOOKUP(AI$1,városok!$A$2:$C$346,3,0))^2)/1000,0)</f>
        <v>107</v>
      </c>
      <c r="AJ184">
        <f ca="1">ROUND(SQRT((VLOOKUP($A184,városok!$A$2:$C$346,2,0)-VLOOKUP(AJ$1,városok!$A$2:$C$346,2,0))^2+(VLOOKUP($A184,városok!$A$2:$C$346,3,0)-VLOOKUP(AJ$1,városok!$A$2:$C$346,3,0))^2)/1000,0)</f>
        <v>94</v>
      </c>
      <c r="AK184">
        <f ca="1">ROUND(SQRT((VLOOKUP($A184,városok!$A$2:$C$346,2,0)-VLOOKUP(AK$1,városok!$A$2:$C$346,2,0))^2+(VLOOKUP($A184,városok!$A$2:$C$346,3,0)-VLOOKUP(AK$1,városok!$A$2:$C$346,3,0))^2)/1000,0)</f>
        <v>176</v>
      </c>
      <c r="AL184">
        <f ca="1">ROUND(SQRT((VLOOKUP($A184,városok!$A$2:$C$346,2,0)-VLOOKUP(AL$1,városok!$A$2:$C$346,2,0))^2+(VLOOKUP($A184,városok!$A$2:$C$346,3,0)-VLOOKUP(AL$1,városok!$A$2:$C$346,3,0))^2)/1000,0)</f>
        <v>148</v>
      </c>
      <c r="AM184">
        <f ca="1">ROUND(SQRT((VLOOKUP($A184,városok!$A$2:$C$346,2,0)-VLOOKUP(AM$1,városok!$A$2:$C$346,2,0))^2+(VLOOKUP($A184,városok!$A$2:$C$346,3,0)-VLOOKUP(AM$1,városok!$A$2:$C$346,3,0))^2)/1000,0)</f>
        <v>125</v>
      </c>
      <c r="AN184">
        <f ca="1">ROUND(SQRT((VLOOKUP($A184,városok!$A$2:$C$346,2,0)-VLOOKUP(AN$1,városok!$A$2:$C$346,2,0))^2+(VLOOKUP($A184,városok!$A$2:$C$346,3,0)-VLOOKUP(AN$1,városok!$A$2:$C$346,3,0))^2)/1000,0)</f>
        <v>7</v>
      </c>
      <c r="AO184">
        <f ca="1">ROUND(SQRT((VLOOKUP($A184,városok!$A$2:$C$346,2,0)-VLOOKUP(AO$1,városok!$A$2:$C$346,2,0))^2+(VLOOKUP($A184,városok!$A$2:$C$346,3,0)-VLOOKUP(AO$1,városok!$A$2:$C$346,3,0))^2)/1000,0)</f>
        <v>46</v>
      </c>
      <c r="AP184">
        <f ca="1">ROUND(SQRT((VLOOKUP($A184,városok!$A$2:$C$346,2,0)-VLOOKUP(AP$1,városok!$A$2:$C$346,2,0))^2+(VLOOKUP($A184,városok!$A$2:$C$346,3,0)-VLOOKUP(AP$1,városok!$A$2:$C$346,3,0))^2)/1000,0)</f>
        <v>31</v>
      </c>
      <c r="AQ184">
        <f ca="1">ROUND(SQRT((VLOOKUP($A184,városok!$A$2:$C$346,2,0)-VLOOKUP(AQ$1,városok!$A$2:$C$346,2,0))^2+(VLOOKUP($A184,városok!$A$2:$C$346,3,0)-VLOOKUP(AQ$1,városok!$A$2:$C$346,3,0))^2)/1000,0)</f>
        <v>30</v>
      </c>
      <c r="AR184">
        <f ca="1">ROUND(SQRT((VLOOKUP($A184,városok!$A$2:$C$346,2,0)-VLOOKUP(AR$1,városok!$A$2:$C$346,2,0))^2+(VLOOKUP($A184,városok!$A$2:$C$346,3,0)-VLOOKUP(AR$1,városok!$A$2:$C$346,3,0))^2)/1000,0)</f>
        <v>75</v>
      </c>
      <c r="AS184">
        <f ca="1">ROUND(SQRT((VLOOKUP($A184,városok!$A$2:$C$346,2,0)-VLOOKUP(AS$1,városok!$A$2:$C$346,2,0))^2+(VLOOKUP($A184,városok!$A$2:$C$346,3,0)-VLOOKUP(AS$1,városok!$A$2:$C$346,3,0))^2)/1000,0)</f>
        <v>91</v>
      </c>
      <c r="AT184">
        <f ca="1">ROUND(SQRT((VLOOKUP($A184,városok!$A$2:$C$346,2,0)-VLOOKUP(AT$1,városok!$A$2:$C$346,2,0))^2+(VLOOKUP($A184,városok!$A$2:$C$346,3,0)-VLOOKUP(AT$1,városok!$A$2:$C$346,3,0))^2)/1000,0)</f>
        <v>29</v>
      </c>
      <c r="AU184">
        <f ca="1">ROUND(SQRT((VLOOKUP($A184,városok!$A$2:$C$346,2,0)-VLOOKUP(AU$1,városok!$A$2:$C$346,2,0))^2+(VLOOKUP($A184,városok!$A$2:$C$346,3,0)-VLOOKUP(AU$1,városok!$A$2:$C$346,3,0))^2)/1000,0)</f>
        <v>35</v>
      </c>
      <c r="AV184">
        <f ca="1">ROUND(SQRT((VLOOKUP($A184,városok!$A$2:$C$346,2,0)-VLOOKUP(AV$1,városok!$A$2:$C$346,2,0))^2+(VLOOKUP($A184,városok!$A$2:$C$346,3,0)-VLOOKUP(AV$1,városok!$A$2:$C$346,3,0))^2)/1000,0)</f>
        <v>39</v>
      </c>
      <c r="AW184">
        <f ca="1">ROUND(SQRT((VLOOKUP($A184,városok!$A$2:$C$346,2,0)-VLOOKUP(AW$1,városok!$A$2:$C$346,2,0))^2+(VLOOKUP($A184,városok!$A$2:$C$346,3,0)-VLOOKUP(AW$1,városok!$A$2:$C$346,3,0))^2)/1000,0)</f>
        <v>39</v>
      </c>
      <c r="AX184">
        <f ca="1">ROUND(SQRT((VLOOKUP($A184,városok!$A$2:$C$346,2,0)-VLOOKUP(AX$1,városok!$A$2:$C$346,2,0))^2+(VLOOKUP($A184,városok!$A$2:$C$346,3,0)-VLOOKUP(AX$1,városok!$A$2:$C$346,3,0))^2)/1000,0)</f>
        <v>111</v>
      </c>
      <c r="AY184">
        <f ca="1">ROUND(SQRT((VLOOKUP($A184,városok!$A$2:$C$346,2,0)-VLOOKUP(AY$1,városok!$A$2:$C$346,2,0))^2+(VLOOKUP($A184,városok!$A$2:$C$346,3,0)-VLOOKUP(AY$1,városok!$A$2:$C$346,3,0))^2)/1000,0)</f>
        <v>25</v>
      </c>
      <c r="AZ184">
        <f ca="1">ROUND(SQRT((VLOOKUP($A184,városok!$A$2:$C$346,2,0)-VLOOKUP(AZ$1,városok!$A$2:$C$346,2,0))^2+(VLOOKUP($A184,városok!$A$2:$C$346,3,0)-VLOOKUP(AZ$1,városok!$A$2:$C$346,3,0))^2)/1000,0)</f>
        <v>19</v>
      </c>
      <c r="BA184">
        <f ca="1">ROUND(SQRT((VLOOKUP($A184,városok!$A$2:$C$346,2,0)-VLOOKUP(BA$1,városok!$A$2:$C$346,2,0))^2+(VLOOKUP($A184,városok!$A$2:$C$346,3,0)-VLOOKUP(BA$1,városok!$A$2:$C$346,3,0))^2)/1000,0)</f>
        <v>131</v>
      </c>
      <c r="BB184">
        <f ca="1">ROUND(SQRT((VLOOKUP($A184,városok!$A$2:$C$346,2,0)-VLOOKUP(BB$1,városok!$A$2:$C$346,2,0))^2+(VLOOKUP($A184,városok!$A$2:$C$346,3,0)-VLOOKUP(BB$1,városok!$A$2:$C$346,3,0))^2)/1000,0)</f>
        <v>145</v>
      </c>
      <c r="BC184">
        <f ca="1">ROUND(SQRT((VLOOKUP($A184,városok!$A$2:$C$346,2,0)-VLOOKUP(BC$1,városok!$A$2:$C$346,2,0))^2+(VLOOKUP($A184,városok!$A$2:$C$346,3,0)-VLOOKUP(BC$1,városok!$A$2:$C$346,3,0))^2)/1000,0)</f>
        <v>168</v>
      </c>
      <c r="BD184">
        <f ca="1">ROUND(SQRT((VLOOKUP($A184,városok!$A$2:$C$346,2,0)-VLOOKUP(BD$1,városok!$A$2:$C$346,2,0))^2+(VLOOKUP($A184,városok!$A$2:$C$346,3,0)-VLOOKUP(BD$1,városok!$A$2:$C$346,3,0))^2)/1000,0)</f>
        <v>104</v>
      </c>
      <c r="BE184">
        <f ca="1">ROUND(SQRT((VLOOKUP($A184,városok!$A$2:$C$346,2,0)-VLOOKUP(BE$1,városok!$A$2:$C$346,2,0))^2+(VLOOKUP($A184,városok!$A$2:$C$346,3,0)-VLOOKUP(BE$1,városok!$A$2:$C$346,3,0))^2)/1000,0)</f>
        <v>295</v>
      </c>
      <c r="BF184">
        <f ca="1">ROUND(SQRT((VLOOKUP($A184,városok!$A$2:$C$346,2,0)-VLOOKUP(BF$1,városok!$A$2:$C$346,2,0))^2+(VLOOKUP($A184,városok!$A$2:$C$346,3,0)-VLOOKUP(BF$1,városok!$A$2:$C$346,3,0))^2)/1000,0)</f>
        <v>256</v>
      </c>
      <c r="BG184">
        <f ca="1">ROUND(SQRT((VLOOKUP($A184,városok!$A$2:$C$346,2,0)-VLOOKUP(BG$1,városok!$A$2:$C$346,2,0))^2+(VLOOKUP($A184,városok!$A$2:$C$346,3,0)-VLOOKUP(BG$1,városok!$A$2:$C$346,3,0))^2)/1000,0)</f>
        <v>209</v>
      </c>
      <c r="BH184">
        <f ca="1">ROUND(SQRT((VLOOKUP($A184,városok!$A$2:$C$346,2,0)-VLOOKUP(BH$1,városok!$A$2:$C$346,2,0))^2+(VLOOKUP($A184,városok!$A$2:$C$346,3,0)-VLOOKUP(BH$1,városok!$A$2:$C$346,3,0))^2)/1000,0)</f>
        <v>209</v>
      </c>
      <c r="BI184">
        <f ca="1">ROUND(SQRT((VLOOKUP($A184,városok!$A$2:$C$346,2,0)-VLOOKUP(BI$1,városok!$A$2:$C$346,2,0))^2+(VLOOKUP($A184,városok!$A$2:$C$346,3,0)-VLOOKUP(BI$1,városok!$A$2:$C$346,3,0))^2)/1000,0)</f>
        <v>148</v>
      </c>
      <c r="BJ184">
        <f ca="1">ROUND(SQRT((VLOOKUP($A184,városok!$A$2:$C$346,2,0)-VLOOKUP(BJ$1,városok!$A$2:$C$346,2,0))^2+(VLOOKUP($A184,városok!$A$2:$C$346,3,0)-VLOOKUP(BJ$1,városok!$A$2:$C$346,3,0))^2)/1000,0)</f>
        <v>162</v>
      </c>
      <c r="BK184">
        <f ca="1">ROUND(SQRT((VLOOKUP($A184,városok!$A$2:$C$346,2,0)-VLOOKUP(BK$1,városok!$A$2:$C$346,2,0))^2+(VLOOKUP($A184,városok!$A$2:$C$346,3,0)-VLOOKUP(BK$1,városok!$A$2:$C$346,3,0))^2)/1000,0)</f>
        <v>153</v>
      </c>
      <c r="BL184">
        <f ca="1">ROUND(SQRT((VLOOKUP($A184,városok!$A$2:$C$346,2,0)-VLOOKUP(BL$1,városok!$A$2:$C$346,2,0))^2+(VLOOKUP($A184,városok!$A$2:$C$346,3,0)-VLOOKUP(BL$1,városok!$A$2:$C$346,3,0))^2)/1000,0)</f>
        <v>179</v>
      </c>
      <c r="BM184">
        <f ca="1">ROUND(SQRT((VLOOKUP($A184,városok!$A$2:$C$346,2,0)-VLOOKUP(BM$1,városok!$A$2:$C$346,2,0))^2+(VLOOKUP($A184,városok!$A$2:$C$346,3,0)-VLOOKUP(BM$1,városok!$A$2:$C$346,3,0))^2)/1000,0)</f>
        <v>145</v>
      </c>
      <c r="BN184">
        <f ca="1">ROUND(SQRT((VLOOKUP($A184,városok!$A$2:$C$346,2,0)-VLOOKUP(BN$1,városok!$A$2:$C$346,2,0))^2+(VLOOKUP($A184,városok!$A$2:$C$346,3,0)-VLOOKUP(BN$1,városok!$A$2:$C$346,3,0))^2)/1000,0)</f>
        <v>168</v>
      </c>
      <c r="BO184">
        <f ca="1">ROUND(SQRT((VLOOKUP($A184,városok!$A$2:$C$346,2,0)-VLOOKUP(BO$1,városok!$A$2:$C$346,2,0))^2+(VLOOKUP($A184,városok!$A$2:$C$346,3,0)-VLOOKUP(BO$1,városok!$A$2:$C$346,3,0))^2)/1000,0)</f>
        <v>95</v>
      </c>
      <c r="BP184">
        <f ca="1">ROUND(SQRT((VLOOKUP($A184,városok!$A$2:$C$346,2,0)-VLOOKUP(BP$1,városok!$A$2:$C$346,2,0))^2+(VLOOKUP($A184,városok!$A$2:$C$346,3,0)-VLOOKUP(BP$1,városok!$A$2:$C$346,3,0))^2)/1000,0)</f>
        <v>90</v>
      </c>
      <c r="BQ184">
        <f ca="1">ROUND(SQRT((VLOOKUP($A184,városok!$A$2:$C$346,2,0)-VLOOKUP(BQ$1,városok!$A$2:$C$346,2,0))^2+(VLOOKUP($A184,városok!$A$2:$C$346,3,0)-VLOOKUP(BQ$1,városok!$A$2:$C$346,3,0))^2)/1000,0)</f>
        <v>94</v>
      </c>
      <c r="BR184">
        <f ca="1">ROUND(SQRT((VLOOKUP($A184,városok!$A$2:$C$346,2,0)-VLOOKUP(BR$1,városok!$A$2:$C$346,2,0))^2+(VLOOKUP($A184,városok!$A$2:$C$346,3,0)-VLOOKUP(BR$1,városok!$A$2:$C$346,3,0))^2)/1000,0)</f>
        <v>154</v>
      </c>
      <c r="BS184">
        <f ca="1">ROUND(SQRT((VLOOKUP($A184,városok!$A$2:$C$346,2,0)-VLOOKUP(BS$1,városok!$A$2:$C$346,2,0))^2+(VLOOKUP($A184,városok!$A$2:$C$346,3,0)-VLOOKUP(BS$1,városok!$A$2:$C$346,3,0))^2)/1000,0)</f>
        <v>194</v>
      </c>
      <c r="BT184">
        <f ca="1">ROUND(SQRT((VLOOKUP($A184,városok!$A$2:$C$346,2,0)-VLOOKUP(BT$1,városok!$A$2:$C$346,2,0))^2+(VLOOKUP($A184,városok!$A$2:$C$346,3,0)-VLOOKUP(BT$1,városok!$A$2:$C$346,3,0))^2)/1000,0)</f>
        <v>174</v>
      </c>
    </row>
    <row r="185" spans="1:72" x14ac:dyDescent="0.2">
      <c r="A185" t="str">
        <f>városok!A185</f>
        <v>Esztergom</v>
      </c>
      <c r="B185">
        <f ca="1">ROUND(SQRT((VLOOKUP($A185,városok!$A$2:$C$346,2,0)-VLOOKUP(B$1,városok!$A$2:$C$346,2,0))^2+(VLOOKUP($A185,városok!$A$2:$C$346,3,0)-VLOOKUP(B$1,városok!$A$2:$C$346,3,0))^2)/1000,0)</f>
        <v>179</v>
      </c>
      <c r="C185">
        <f ca="1">ROUND(SQRT((VLOOKUP($A185,városok!$A$2:$C$346,2,0)-VLOOKUP(C$1,városok!$A$2:$C$346,2,0))^2+(VLOOKUP($A185,városok!$A$2:$C$346,3,0)-VLOOKUP(C$1,városok!$A$2:$C$346,3,0))^2)/1000,0)</f>
        <v>141</v>
      </c>
      <c r="D185">
        <f ca="1">ROUND(SQRT((VLOOKUP($A185,városok!$A$2:$C$346,2,0)-VLOOKUP(D$1,városok!$A$2:$C$346,2,0))^2+(VLOOKUP($A185,városok!$A$2:$C$346,3,0)-VLOOKUP(D$1,városok!$A$2:$C$346,3,0))^2)/1000,0)</f>
        <v>121</v>
      </c>
      <c r="E185">
        <f ca="1">ROUND(SQRT((VLOOKUP($A185,városok!$A$2:$C$346,2,0)-VLOOKUP(E$1,városok!$A$2:$C$346,2,0))^2+(VLOOKUP($A185,városok!$A$2:$C$346,3,0)-VLOOKUP(E$1,városok!$A$2:$C$346,3,0))^2)/1000,0)</f>
        <v>182</v>
      </c>
      <c r="F185">
        <f ca="1">ROUND(SQRT((VLOOKUP($A185,városok!$A$2:$C$346,2,0)-VLOOKUP(F$1,városok!$A$2:$C$346,2,0))^2+(VLOOKUP($A185,városok!$A$2:$C$346,3,0)-VLOOKUP(F$1,városok!$A$2:$C$346,3,0))^2)/1000,0)</f>
        <v>200</v>
      </c>
      <c r="G185">
        <f ca="1">ROUND(SQRT((VLOOKUP($A185,városok!$A$2:$C$346,2,0)-VLOOKUP(G$1,városok!$A$2:$C$346,2,0))^2+(VLOOKUP($A185,városok!$A$2:$C$346,3,0)-VLOOKUP(G$1,városok!$A$2:$C$346,3,0))^2)/1000,0)</f>
        <v>194</v>
      </c>
      <c r="H185">
        <f ca="1">ROUND(SQRT((VLOOKUP($A185,városok!$A$2:$C$346,2,0)-VLOOKUP(H$1,városok!$A$2:$C$346,2,0))^2+(VLOOKUP($A185,városok!$A$2:$C$346,3,0)-VLOOKUP(H$1,városok!$A$2:$C$346,3,0))^2)/1000,0)</f>
        <v>207</v>
      </c>
      <c r="I185">
        <f ca="1">ROUND(SQRT((VLOOKUP($A185,városok!$A$2:$C$346,2,0)-VLOOKUP(I$1,városok!$A$2:$C$346,2,0))^2+(VLOOKUP($A185,városok!$A$2:$C$346,3,0)-VLOOKUP(I$1,városok!$A$2:$C$346,3,0))^2)/1000,0)</f>
        <v>216</v>
      </c>
      <c r="J185">
        <f ca="1">ROUND(SQRT((VLOOKUP($A185,városok!$A$2:$C$346,2,0)-VLOOKUP(J$1,városok!$A$2:$C$346,2,0))^2+(VLOOKUP($A185,városok!$A$2:$C$346,3,0)-VLOOKUP(J$1,városok!$A$2:$C$346,3,0))^2)/1000,0)</f>
        <v>230</v>
      </c>
      <c r="K185">
        <f ca="1">ROUND(SQRT((VLOOKUP($A185,városok!$A$2:$C$346,2,0)-VLOOKUP(K$1,városok!$A$2:$C$346,2,0))^2+(VLOOKUP($A185,városok!$A$2:$C$346,3,0)-VLOOKUP(K$1,városok!$A$2:$C$346,3,0))^2)/1000,0)</f>
        <v>200</v>
      </c>
      <c r="L185">
        <f ca="1">ROUND(SQRT((VLOOKUP($A185,városok!$A$2:$C$346,2,0)-VLOOKUP(L$1,városok!$A$2:$C$346,2,0))^2+(VLOOKUP($A185,városok!$A$2:$C$346,3,0)-VLOOKUP(L$1,városok!$A$2:$C$346,3,0))^2)/1000,0)</f>
        <v>150</v>
      </c>
      <c r="M185">
        <f ca="1">ROUND(SQRT((VLOOKUP($A185,városok!$A$2:$C$346,2,0)-VLOOKUP(M$1,városok!$A$2:$C$346,2,0))^2+(VLOOKUP($A185,városok!$A$2:$C$346,3,0)-VLOOKUP(M$1,városok!$A$2:$C$346,3,0))^2)/1000,0)</f>
        <v>157</v>
      </c>
      <c r="N185">
        <f ca="1">ROUND(SQRT((VLOOKUP($A185,városok!$A$2:$C$346,2,0)-VLOOKUP(N$1,városok!$A$2:$C$346,2,0))^2+(VLOOKUP($A185,városok!$A$2:$C$346,3,0)-VLOOKUP(N$1,városok!$A$2:$C$346,3,0))^2)/1000,0)</f>
        <v>125</v>
      </c>
      <c r="O185">
        <f ca="1">ROUND(SQRT((VLOOKUP($A185,városok!$A$2:$C$346,2,0)-VLOOKUP(O$1,városok!$A$2:$C$346,2,0))^2+(VLOOKUP($A185,városok!$A$2:$C$346,3,0)-VLOOKUP(O$1,városok!$A$2:$C$346,3,0))^2)/1000,0)</f>
        <v>227</v>
      </c>
      <c r="P185">
        <f ca="1">ROUND(SQRT((VLOOKUP($A185,városok!$A$2:$C$346,2,0)-VLOOKUP(P$1,városok!$A$2:$C$346,2,0))^2+(VLOOKUP($A185,városok!$A$2:$C$346,3,0)-VLOOKUP(P$1,városok!$A$2:$C$346,3,0))^2)/1000,0)</f>
        <v>227</v>
      </c>
      <c r="Q185">
        <f ca="1">ROUND(SQRT((VLOOKUP($A185,városok!$A$2:$C$346,2,0)-VLOOKUP(Q$1,városok!$A$2:$C$346,2,0))^2+(VLOOKUP($A185,városok!$A$2:$C$346,3,0)-VLOOKUP(Q$1,városok!$A$2:$C$346,3,0))^2)/1000,0)</f>
        <v>194</v>
      </c>
      <c r="R185">
        <f ca="1">ROUND(SQRT((VLOOKUP($A185,városok!$A$2:$C$346,2,0)-VLOOKUP(R$1,városok!$A$2:$C$346,2,0))^2+(VLOOKUP($A185,városok!$A$2:$C$346,3,0)-VLOOKUP(R$1,városok!$A$2:$C$346,3,0))^2)/1000,0)</f>
        <v>219</v>
      </c>
      <c r="S185">
        <f ca="1">ROUND(SQRT((VLOOKUP($A185,városok!$A$2:$C$346,2,0)-VLOOKUP(S$1,városok!$A$2:$C$346,2,0))^2+(VLOOKUP($A185,városok!$A$2:$C$346,3,0)-VLOOKUP(S$1,városok!$A$2:$C$346,3,0))^2)/1000,0)</f>
        <v>202</v>
      </c>
      <c r="T185">
        <f ca="1">ROUND(SQRT((VLOOKUP($A185,városok!$A$2:$C$346,2,0)-VLOOKUP(T$1,városok!$A$2:$C$346,2,0))^2+(VLOOKUP($A185,városok!$A$2:$C$346,3,0)-VLOOKUP(T$1,városok!$A$2:$C$346,3,0))^2)/1000,0)</f>
        <v>34</v>
      </c>
      <c r="U185">
        <f ca="1">ROUND(SQRT((VLOOKUP($A185,városok!$A$2:$C$346,2,0)-VLOOKUP(U$1,városok!$A$2:$C$346,2,0))^2+(VLOOKUP($A185,városok!$A$2:$C$346,3,0)-VLOOKUP(U$1,városok!$A$2:$C$346,3,0))^2)/1000,0)</f>
        <v>93</v>
      </c>
      <c r="V185">
        <f ca="1">ROUND(SQRT((VLOOKUP($A185,városok!$A$2:$C$346,2,0)-VLOOKUP(V$1,városok!$A$2:$C$346,2,0))^2+(VLOOKUP($A185,városok!$A$2:$C$346,3,0)-VLOOKUP(V$1,városok!$A$2:$C$346,3,0))^2)/1000,0)</f>
        <v>88</v>
      </c>
      <c r="W185">
        <f ca="1">ROUND(SQRT((VLOOKUP($A185,városok!$A$2:$C$346,2,0)-VLOOKUP(W$1,városok!$A$2:$C$346,2,0))^2+(VLOOKUP($A185,városok!$A$2:$C$346,3,0)-VLOOKUP(W$1,városok!$A$2:$C$346,3,0))^2)/1000,0)</f>
        <v>101</v>
      </c>
      <c r="X185">
        <f ca="1">ROUND(SQRT((VLOOKUP($A185,városok!$A$2:$C$346,2,0)-VLOOKUP(X$1,városok!$A$2:$C$346,2,0))^2+(VLOOKUP($A185,városok!$A$2:$C$346,3,0)-VLOOKUP(X$1,városok!$A$2:$C$346,3,0))^2)/1000,0)</f>
        <v>64</v>
      </c>
      <c r="Y185">
        <f ca="1">ROUND(SQRT((VLOOKUP($A185,városok!$A$2:$C$346,2,0)-VLOOKUP(Y$1,városok!$A$2:$C$346,2,0))^2+(VLOOKUP($A185,városok!$A$2:$C$346,3,0)-VLOOKUP(Y$1,városok!$A$2:$C$346,3,0))^2)/1000,0)</f>
        <v>84</v>
      </c>
      <c r="Z185">
        <f ca="1">ROUND(SQRT((VLOOKUP($A185,városok!$A$2:$C$346,2,0)-VLOOKUP(Z$1,városok!$A$2:$C$346,2,0))^2+(VLOOKUP($A185,városok!$A$2:$C$346,3,0)-VLOOKUP(Z$1,városok!$A$2:$C$346,3,0))^2)/1000,0)</f>
        <v>102</v>
      </c>
      <c r="AA185">
        <f ca="1">ROUND(SQRT((VLOOKUP($A185,városok!$A$2:$C$346,2,0)-VLOOKUP(AA$1,városok!$A$2:$C$346,2,0))^2+(VLOOKUP($A185,városok!$A$2:$C$346,3,0)-VLOOKUP(AA$1,városok!$A$2:$C$346,3,0))^2)/1000,0)</f>
        <v>162</v>
      </c>
      <c r="AB185">
        <f ca="1">ROUND(SQRT((VLOOKUP($A185,városok!$A$2:$C$346,2,0)-VLOOKUP(AB$1,városok!$A$2:$C$346,2,0))^2+(VLOOKUP($A185,városok!$A$2:$C$346,3,0)-VLOOKUP(AB$1,városok!$A$2:$C$346,3,0))^2)/1000,0)</f>
        <v>219</v>
      </c>
      <c r="AC185">
        <f ca="1">ROUND(SQRT((VLOOKUP($A185,városok!$A$2:$C$346,2,0)-VLOOKUP(AC$1,városok!$A$2:$C$346,2,0))^2+(VLOOKUP($A185,városok!$A$2:$C$346,3,0)-VLOOKUP(AC$1,városok!$A$2:$C$346,3,0))^2)/1000,0)</f>
        <v>203</v>
      </c>
      <c r="AD185">
        <f ca="1">ROUND(SQRT((VLOOKUP($A185,városok!$A$2:$C$346,2,0)-VLOOKUP(AD$1,városok!$A$2:$C$346,2,0))^2+(VLOOKUP($A185,városok!$A$2:$C$346,3,0)-VLOOKUP(AD$1,városok!$A$2:$C$346,3,0))^2)/1000,0)</f>
        <v>186</v>
      </c>
      <c r="AE185">
        <f ca="1">ROUND(SQRT((VLOOKUP($A185,városok!$A$2:$C$346,2,0)-VLOOKUP(AE$1,városok!$A$2:$C$346,2,0))^2+(VLOOKUP($A185,városok!$A$2:$C$346,3,0)-VLOOKUP(AE$1,városok!$A$2:$C$346,3,0))^2)/1000,0)</f>
        <v>191</v>
      </c>
      <c r="AF185">
        <f ca="1">ROUND(SQRT((VLOOKUP($A185,városok!$A$2:$C$346,2,0)-VLOOKUP(AF$1,városok!$A$2:$C$346,2,0))^2+(VLOOKUP($A185,városok!$A$2:$C$346,3,0)-VLOOKUP(AF$1,városok!$A$2:$C$346,3,0))^2)/1000,0)</f>
        <v>123</v>
      </c>
      <c r="AG185">
        <f ca="1">ROUND(SQRT((VLOOKUP($A185,városok!$A$2:$C$346,2,0)-VLOOKUP(AG$1,városok!$A$2:$C$346,2,0))^2+(VLOOKUP($A185,városok!$A$2:$C$346,3,0)-VLOOKUP(AG$1,városok!$A$2:$C$346,3,0))^2)/1000,0)</f>
        <v>89</v>
      </c>
      <c r="AH185">
        <f ca="1">ROUND(SQRT((VLOOKUP($A185,városok!$A$2:$C$346,2,0)-VLOOKUP(AH$1,városok!$A$2:$C$346,2,0))^2+(VLOOKUP($A185,városok!$A$2:$C$346,3,0)-VLOOKUP(AH$1,városok!$A$2:$C$346,3,0))^2)/1000,0)</f>
        <v>71</v>
      </c>
      <c r="AI185">
        <f ca="1">ROUND(SQRT((VLOOKUP($A185,városok!$A$2:$C$346,2,0)-VLOOKUP(AI$1,városok!$A$2:$C$346,2,0))^2+(VLOOKUP($A185,városok!$A$2:$C$346,3,0)-VLOOKUP(AI$1,városok!$A$2:$C$346,3,0))^2)/1000,0)</f>
        <v>104</v>
      </c>
      <c r="AJ185">
        <f ca="1">ROUND(SQRT((VLOOKUP($A185,városok!$A$2:$C$346,2,0)-VLOOKUP(AJ$1,városok!$A$2:$C$346,2,0))^2+(VLOOKUP($A185,városok!$A$2:$C$346,3,0)-VLOOKUP(AJ$1,városok!$A$2:$C$346,3,0))^2)/1000,0)</f>
        <v>94</v>
      </c>
      <c r="AK185">
        <f ca="1">ROUND(SQRT((VLOOKUP($A185,városok!$A$2:$C$346,2,0)-VLOOKUP(AK$1,városok!$A$2:$C$346,2,0))^2+(VLOOKUP($A185,városok!$A$2:$C$346,3,0)-VLOOKUP(AK$1,városok!$A$2:$C$346,3,0))^2)/1000,0)</f>
        <v>177</v>
      </c>
      <c r="AL185">
        <f ca="1">ROUND(SQRT((VLOOKUP($A185,városok!$A$2:$C$346,2,0)-VLOOKUP(AL$1,városok!$A$2:$C$346,2,0))^2+(VLOOKUP($A185,városok!$A$2:$C$346,3,0)-VLOOKUP(AL$1,városok!$A$2:$C$346,3,0))^2)/1000,0)</f>
        <v>149</v>
      </c>
      <c r="AM185">
        <f ca="1">ROUND(SQRT((VLOOKUP($A185,városok!$A$2:$C$346,2,0)-VLOOKUP(AM$1,városok!$A$2:$C$346,2,0))^2+(VLOOKUP($A185,városok!$A$2:$C$346,3,0)-VLOOKUP(AM$1,városok!$A$2:$C$346,3,0))^2)/1000,0)</f>
        <v>128</v>
      </c>
      <c r="AN185">
        <f ca="1">ROUND(SQRT((VLOOKUP($A185,városok!$A$2:$C$346,2,0)-VLOOKUP(AN$1,városok!$A$2:$C$346,2,0))^2+(VLOOKUP($A185,városok!$A$2:$C$346,3,0)-VLOOKUP(AN$1,városok!$A$2:$C$346,3,0))^2)/1000,0)</f>
        <v>0</v>
      </c>
      <c r="AO185">
        <f ca="1">ROUND(SQRT((VLOOKUP($A185,városok!$A$2:$C$346,2,0)-VLOOKUP(AO$1,városok!$A$2:$C$346,2,0))^2+(VLOOKUP($A185,városok!$A$2:$C$346,3,0)-VLOOKUP(AO$1,városok!$A$2:$C$346,3,0))^2)/1000,0)</f>
        <v>47</v>
      </c>
      <c r="AP185">
        <f ca="1">ROUND(SQRT((VLOOKUP($A185,városok!$A$2:$C$346,2,0)-VLOOKUP(AP$1,városok!$A$2:$C$346,2,0))^2+(VLOOKUP($A185,városok!$A$2:$C$346,3,0)-VLOOKUP(AP$1,városok!$A$2:$C$346,3,0))^2)/1000,0)</f>
        <v>35</v>
      </c>
      <c r="AQ185">
        <f ca="1">ROUND(SQRT((VLOOKUP($A185,városok!$A$2:$C$346,2,0)-VLOOKUP(AQ$1,városok!$A$2:$C$346,2,0))^2+(VLOOKUP($A185,városok!$A$2:$C$346,3,0)-VLOOKUP(AQ$1,városok!$A$2:$C$346,3,0))^2)/1000,0)</f>
        <v>35</v>
      </c>
      <c r="AR185">
        <f ca="1">ROUND(SQRT((VLOOKUP($A185,városok!$A$2:$C$346,2,0)-VLOOKUP(AR$1,városok!$A$2:$C$346,2,0))^2+(VLOOKUP($A185,városok!$A$2:$C$346,3,0)-VLOOKUP(AR$1,városok!$A$2:$C$346,3,0))^2)/1000,0)</f>
        <v>73</v>
      </c>
      <c r="AS185">
        <f ca="1">ROUND(SQRT((VLOOKUP($A185,városok!$A$2:$C$346,2,0)-VLOOKUP(AS$1,városok!$A$2:$C$346,2,0))^2+(VLOOKUP($A185,városok!$A$2:$C$346,3,0)-VLOOKUP(AS$1,városok!$A$2:$C$346,3,0))^2)/1000,0)</f>
        <v>88</v>
      </c>
      <c r="AT185">
        <f ca="1">ROUND(SQRT((VLOOKUP($A185,városok!$A$2:$C$346,2,0)-VLOOKUP(AT$1,városok!$A$2:$C$346,2,0))^2+(VLOOKUP($A185,városok!$A$2:$C$346,3,0)-VLOOKUP(AT$1,városok!$A$2:$C$346,3,0))^2)/1000,0)</f>
        <v>36</v>
      </c>
      <c r="AU185">
        <f ca="1">ROUND(SQRT((VLOOKUP($A185,városok!$A$2:$C$346,2,0)-VLOOKUP(AU$1,városok!$A$2:$C$346,2,0))^2+(VLOOKUP($A185,városok!$A$2:$C$346,3,0)-VLOOKUP(AU$1,városok!$A$2:$C$346,3,0))^2)/1000,0)</f>
        <v>40</v>
      </c>
      <c r="AV185">
        <f ca="1">ROUND(SQRT((VLOOKUP($A185,városok!$A$2:$C$346,2,0)-VLOOKUP(AV$1,városok!$A$2:$C$346,2,0))^2+(VLOOKUP($A185,városok!$A$2:$C$346,3,0)-VLOOKUP(AV$1,városok!$A$2:$C$346,3,0))^2)/1000,0)</f>
        <v>45</v>
      </c>
      <c r="AW185">
        <f ca="1">ROUND(SQRT((VLOOKUP($A185,városok!$A$2:$C$346,2,0)-VLOOKUP(AW$1,városok!$A$2:$C$346,2,0))^2+(VLOOKUP($A185,városok!$A$2:$C$346,3,0)-VLOOKUP(AW$1,városok!$A$2:$C$346,3,0))^2)/1000,0)</f>
        <v>46</v>
      </c>
      <c r="AX185">
        <f ca="1">ROUND(SQRT((VLOOKUP($A185,városok!$A$2:$C$346,2,0)-VLOOKUP(AX$1,városok!$A$2:$C$346,2,0))^2+(VLOOKUP($A185,városok!$A$2:$C$346,3,0)-VLOOKUP(AX$1,városok!$A$2:$C$346,3,0))^2)/1000,0)</f>
        <v>115</v>
      </c>
      <c r="AY185">
        <f ca="1">ROUND(SQRT((VLOOKUP($A185,városok!$A$2:$C$346,2,0)-VLOOKUP(AY$1,városok!$A$2:$C$346,2,0))^2+(VLOOKUP($A185,városok!$A$2:$C$346,3,0)-VLOOKUP(AY$1,városok!$A$2:$C$346,3,0))^2)/1000,0)</f>
        <v>27</v>
      </c>
      <c r="AZ185">
        <f ca="1">ROUND(SQRT((VLOOKUP($A185,városok!$A$2:$C$346,2,0)-VLOOKUP(AZ$1,városok!$A$2:$C$346,2,0))^2+(VLOOKUP($A185,városok!$A$2:$C$346,3,0)-VLOOKUP(AZ$1,városok!$A$2:$C$346,3,0))^2)/1000,0)</f>
        <v>17</v>
      </c>
      <c r="BA185">
        <f ca="1">ROUND(SQRT((VLOOKUP($A185,városok!$A$2:$C$346,2,0)-VLOOKUP(BA$1,városok!$A$2:$C$346,2,0))^2+(VLOOKUP($A185,városok!$A$2:$C$346,3,0)-VLOOKUP(BA$1,városok!$A$2:$C$346,3,0))^2)/1000,0)</f>
        <v>137</v>
      </c>
      <c r="BB185">
        <f ca="1">ROUND(SQRT((VLOOKUP($A185,városok!$A$2:$C$346,2,0)-VLOOKUP(BB$1,városok!$A$2:$C$346,2,0))^2+(VLOOKUP($A185,városok!$A$2:$C$346,3,0)-VLOOKUP(BB$1,városok!$A$2:$C$346,3,0))^2)/1000,0)</f>
        <v>152</v>
      </c>
      <c r="BC185">
        <f ca="1">ROUND(SQRT((VLOOKUP($A185,városok!$A$2:$C$346,2,0)-VLOOKUP(BC$1,városok!$A$2:$C$346,2,0))^2+(VLOOKUP($A185,városok!$A$2:$C$346,3,0)-VLOOKUP(BC$1,városok!$A$2:$C$346,3,0))^2)/1000,0)</f>
        <v>175</v>
      </c>
      <c r="BD185">
        <f ca="1">ROUND(SQRT((VLOOKUP($A185,városok!$A$2:$C$346,2,0)-VLOOKUP(BD$1,városok!$A$2:$C$346,2,0))^2+(VLOOKUP($A185,városok!$A$2:$C$346,3,0)-VLOOKUP(BD$1,városok!$A$2:$C$346,3,0))^2)/1000,0)</f>
        <v>111</v>
      </c>
      <c r="BE185">
        <f ca="1">ROUND(SQRT((VLOOKUP($A185,városok!$A$2:$C$346,2,0)-VLOOKUP(BE$1,városok!$A$2:$C$346,2,0))^2+(VLOOKUP($A185,városok!$A$2:$C$346,3,0)-VLOOKUP(BE$1,városok!$A$2:$C$346,3,0))^2)/1000,0)</f>
        <v>294</v>
      </c>
      <c r="BF185">
        <f ca="1">ROUND(SQRT((VLOOKUP($A185,városok!$A$2:$C$346,2,0)-VLOOKUP(BF$1,városok!$A$2:$C$346,2,0))^2+(VLOOKUP($A185,városok!$A$2:$C$346,3,0)-VLOOKUP(BF$1,városok!$A$2:$C$346,3,0))^2)/1000,0)</f>
        <v>253</v>
      </c>
      <c r="BG185">
        <f ca="1">ROUND(SQRT((VLOOKUP($A185,városok!$A$2:$C$346,2,0)-VLOOKUP(BG$1,városok!$A$2:$C$346,2,0))^2+(VLOOKUP($A185,városok!$A$2:$C$346,3,0)-VLOOKUP(BG$1,városok!$A$2:$C$346,3,0))^2)/1000,0)</f>
        <v>207</v>
      </c>
      <c r="BH185">
        <f ca="1">ROUND(SQRT((VLOOKUP($A185,városok!$A$2:$C$346,2,0)-VLOOKUP(BH$1,városok!$A$2:$C$346,2,0))^2+(VLOOKUP($A185,városok!$A$2:$C$346,3,0)-VLOOKUP(BH$1,városok!$A$2:$C$346,3,0))^2)/1000,0)</f>
        <v>206</v>
      </c>
      <c r="BI185">
        <f ca="1">ROUND(SQRT((VLOOKUP($A185,városok!$A$2:$C$346,2,0)-VLOOKUP(BI$1,városok!$A$2:$C$346,2,0))^2+(VLOOKUP($A185,városok!$A$2:$C$346,3,0)-VLOOKUP(BI$1,városok!$A$2:$C$346,3,0))^2)/1000,0)</f>
        <v>155</v>
      </c>
      <c r="BJ185">
        <f ca="1">ROUND(SQRT((VLOOKUP($A185,városok!$A$2:$C$346,2,0)-VLOOKUP(BJ$1,városok!$A$2:$C$346,2,0))^2+(VLOOKUP($A185,városok!$A$2:$C$346,3,0)-VLOOKUP(BJ$1,városok!$A$2:$C$346,3,0))^2)/1000,0)</f>
        <v>169</v>
      </c>
      <c r="BK185">
        <f ca="1">ROUND(SQRT((VLOOKUP($A185,városok!$A$2:$C$346,2,0)-VLOOKUP(BK$1,városok!$A$2:$C$346,2,0))^2+(VLOOKUP($A185,városok!$A$2:$C$346,3,0)-VLOOKUP(BK$1,városok!$A$2:$C$346,3,0))^2)/1000,0)</f>
        <v>160</v>
      </c>
      <c r="BL185">
        <f ca="1">ROUND(SQRT((VLOOKUP($A185,városok!$A$2:$C$346,2,0)-VLOOKUP(BL$1,városok!$A$2:$C$346,2,0))^2+(VLOOKUP($A185,városok!$A$2:$C$346,3,0)-VLOOKUP(BL$1,városok!$A$2:$C$346,3,0))^2)/1000,0)</f>
        <v>183</v>
      </c>
      <c r="BM185">
        <f ca="1">ROUND(SQRT((VLOOKUP($A185,városok!$A$2:$C$346,2,0)-VLOOKUP(BM$1,városok!$A$2:$C$346,2,0))^2+(VLOOKUP($A185,városok!$A$2:$C$346,3,0)-VLOOKUP(BM$1,városok!$A$2:$C$346,3,0))^2)/1000,0)</f>
        <v>149</v>
      </c>
      <c r="BN185">
        <f ca="1">ROUND(SQRT((VLOOKUP($A185,városok!$A$2:$C$346,2,0)-VLOOKUP(BN$1,városok!$A$2:$C$346,2,0))^2+(VLOOKUP($A185,városok!$A$2:$C$346,3,0)-VLOOKUP(BN$1,városok!$A$2:$C$346,3,0))^2)/1000,0)</f>
        <v>171</v>
      </c>
      <c r="BO185">
        <f ca="1">ROUND(SQRT((VLOOKUP($A185,városok!$A$2:$C$346,2,0)-VLOOKUP(BO$1,városok!$A$2:$C$346,2,0))^2+(VLOOKUP($A185,városok!$A$2:$C$346,3,0)-VLOOKUP(BO$1,városok!$A$2:$C$346,3,0))^2)/1000,0)</f>
        <v>101</v>
      </c>
      <c r="BP185">
        <f ca="1">ROUND(SQRT((VLOOKUP($A185,városok!$A$2:$C$346,2,0)-VLOOKUP(BP$1,városok!$A$2:$C$346,2,0))^2+(VLOOKUP($A185,városok!$A$2:$C$346,3,0)-VLOOKUP(BP$1,városok!$A$2:$C$346,3,0))^2)/1000,0)</f>
        <v>96</v>
      </c>
      <c r="BQ185">
        <f ca="1">ROUND(SQRT((VLOOKUP($A185,városok!$A$2:$C$346,2,0)-VLOOKUP(BQ$1,városok!$A$2:$C$346,2,0))^2+(VLOOKUP($A185,városok!$A$2:$C$346,3,0)-VLOOKUP(BQ$1,városok!$A$2:$C$346,3,0))^2)/1000,0)</f>
        <v>100</v>
      </c>
      <c r="BR185">
        <f ca="1">ROUND(SQRT((VLOOKUP($A185,városok!$A$2:$C$346,2,0)-VLOOKUP(BR$1,városok!$A$2:$C$346,2,0))^2+(VLOOKUP($A185,városok!$A$2:$C$346,3,0)-VLOOKUP(BR$1,városok!$A$2:$C$346,3,0))^2)/1000,0)</f>
        <v>160</v>
      </c>
      <c r="BS185">
        <f ca="1">ROUND(SQRT((VLOOKUP($A185,városok!$A$2:$C$346,2,0)-VLOOKUP(BS$1,városok!$A$2:$C$346,2,0))^2+(VLOOKUP($A185,városok!$A$2:$C$346,3,0)-VLOOKUP(BS$1,városok!$A$2:$C$346,3,0))^2)/1000,0)</f>
        <v>200</v>
      </c>
      <c r="BT185">
        <f ca="1">ROUND(SQRT((VLOOKUP($A185,városok!$A$2:$C$346,2,0)-VLOOKUP(BT$1,városok!$A$2:$C$346,2,0))^2+(VLOOKUP($A185,városok!$A$2:$C$346,3,0)-VLOOKUP(BT$1,városok!$A$2:$C$346,3,0))^2)/1000,0)</f>
        <v>179</v>
      </c>
    </row>
    <row r="186" spans="1:72" x14ac:dyDescent="0.2">
      <c r="A186" t="str">
        <f>városok!A186</f>
        <v>Kisbér</v>
      </c>
      <c r="B186">
        <f ca="1">ROUND(SQRT((VLOOKUP($A186,városok!$A$2:$C$346,2,0)-VLOOKUP(B$1,városok!$A$2:$C$346,2,0))^2+(VLOOKUP($A186,városok!$A$2:$C$346,3,0)-VLOOKUP(B$1,városok!$A$2:$C$346,3,0))^2)/1000,0)</f>
        <v>162</v>
      </c>
      <c r="C186">
        <f ca="1">ROUND(SQRT((VLOOKUP($A186,városok!$A$2:$C$346,2,0)-VLOOKUP(C$1,városok!$A$2:$C$346,2,0))^2+(VLOOKUP($A186,városok!$A$2:$C$346,3,0)-VLOOKUP(C$1,városok!$A$2:$C$346,3,0))^2)/1000,0)</f>
        <v>129</v>
      </c>
      <c r="D186">
        <f ca="1">ROUND(SQRT((VLOOKUP($A186,városok!$A$2:$C$346,2,0)-VLOOKUP(D$1,városok!$A$2:$C$346,2,0))^2+(VLOOKUP($A186,városok!$A$2:$C$346,3,0)-VLOOKUP(D$1,városok!$A$2:$C$346,3,0))^2)/1000,0)</f>
        <v>141</v>
      </c>
      <c r="E186">
        <f ca="1">ROUND(SQRT((VLOOKUP($A186,városok!$A$2:$C$346,2,0)-VLOOKUP(E$1,városok!$A$2:$C$346,2,0))^2+(VLOOKUP($A186,városok!$A$2:$C$346,3,0)-VLOOKUP(E$1,városok!$A$2:$C$346,3,0))^2)/1000,0)</f>
        <v>146</v>
      </c>
      <c r="F186">
        <f ca="1">ROUND(SQRT((VLOOKUP($A186,városok!$A$2:$C$346,2,0)-VLOOKUP(F$1,városok!$A$2:$C$346,2,0))^2+(VLOOKUP($A186,városok!$A$2:$C$346,3,0)-VLOOKUP(F$1,városok!$A$2:$C$346,3,0))^2)/1000,0)</f>
        <v>175</v>
      </c>
      <c r="G186">
        <f ca="1">ROUND(SQRT((VLOOKUP($A186,városok!$A$2:$C$346,2,0)-VLOOKUP(G$1,városok!$A$2:$C$346,2,0))^2+(VLOOKUP($A186,városok!$A$2:$C$346,3,0)-VLOOKUP(G$1,városok!$A$2:$C$346,3,0))^2)/1000,0)</f>
        <v>158</v>
      </c>
      <c r="H186">
        <f ca="1">ROUND(SQRT((VLOOKUP($A186,városok!$A$2:$C$346,2,0)-VLOOKUP(H$1,városok!$A$2:$C$346,2,0))^2+(VLOOKUP($A186,városok!$A$2:$C$346,3,0)-VLOOKUP(H$1,városok!$A$2:$C$346,3,0))^2)/1000,0)</f>
        <v>162</v>
      </c>
      <c r="I186">
        <f ca="1">ROUND(SQRT((VLOOKUP($A186,városok!$A$2:$C$346,2,0)-VLOOKUP(I$1,városok!$A$2:$C$346,2,0))^2+(VLOOKUP($A186,városok!$A$2:$C$346,3,0)-VLOOKUP(I$1,városok!$A$2:$C$346,3,0))^2)/1000,0)</f>
        <v>248</v>
      </c>
      <c r="J186">
        <f ca="1">ROUND(SQRT((VLOOKUP($A186,városok!$A$2:$C$346,2,0)-VLOOKUP(J$1,városok!$A$2:$C$346,2,0))^2+(VLOOKUP($A186,városok!$A$2:$C$346,3,0)-VLOOKUP(J$1,városok!$A$2:$C$346,3,0))^2)/1000,0)</f>
        <v>263</v>
      </c>
      <c r="K186">
        <f ca="1">ROUND(SQRT((VLOOKUP($A186,városok!$A$2:$C$346,2,0)-VLOOKUP(K$1,városok!$A$2:$C$346,2,0))^2+(VLOOKUP($A186,városok!$A$2:$C$346,3,0)-VLOOKUP(K$1,városok!$A$2:$C$346,3,0))^2)/1000,0)</f>
        <v>225</v>
      </c>
      <c r="L186">
        <f ca="1">ROUND(SQRT((VLOOKUP($A186,városok!$A$2:$C$346,2,0)-VLOOKUP(L$1,városok!$A$2:$C$346,2,0))^2+(VLOOKUP($A186,városok!$A$2:$C$346,3,0)-VLOOKUP(L$1,városok!$A$2:$C$346,3,0))^2)/1000,0)</f>
        <v>212</v>
      </c>
      <c r="M186">
        <f ca="1">ROUND(SQRT((VLOOKUP($A186,városok!$A$2:$C$346,2,0)-VLOOKUP(M$1,városok!$A$2:$C$346,2,0))^2+(VLOOKUP($A186,városok!$A$2:$C$346,3,0)-VLOOKUP(M$1,városok!$A$2:$C$346,3,0))^2)/1000,0)</f>
        <v>217</v>
      </c>
      <c r="N186">
        <f ca="1">ROUND(SQRT((VLOOKUP($A186,városok!$A$2:$C$346,2,0)-VLOOKUP(N$1,városok!$A$2:$C$346,2,0))^2+(VLOOKUP($A186,városok!$A$2:$C$346,3,0)-VLOOKUP(N$1,városok!$A$2:$C$346,3,0))^2)/1000,0)</f>
        <v>187</v>
      </c>
      <c r="O186">
        <f ca="1">ROUND(SQRT((VLOOKUP($A186,városok!$A$2:$C$346,2,0)-VLOOKUP(O$1,városok!$A$2:$C$346,2,0))^2+(VLOOKUP($A186,városok!$A$2:$C$346,3,0)-VLOOKUP(O$1,városok!$A$2:$C$346,3,0))^2)/1000,0)</f>
        <v>288</v>
      </c>
      <c r="P186">
        <f ca="1">ROUND(SQRT((VLOOKUP($A186,városok!$A$2:$C$346,2,0)-VLOOKUP(P$1,városok!$A$2:$C$346,2,0))^2+(VLOOKUP($A186,városok!$A$2:$C$346,3,0)-VLOOKUP(P$1,városok!$A$2:$C$346,3,0))^2)/1000,0)</f>
        <v>288</v>
      </c>
      <c r="Q186">
        <f ca="1">ROUND(SQRT((VLOOKUP($A186,városok!$A$2:$C$346,2,0)-VLOOKUP(Q$1,városok!$A$2:$C$346,2,0))^2+(VLOOKUP($A186,városok!$A$2:$C$346,3,0)-VLOOKUP(Q$1,városok!$A$2:$C$346,3,0))^2)/1000,0)</f>
        <v>211</v>
      </c>
      <c r="R186">
        <f ca="1">ROUND(SQRT((VLOOKUP($A186,városok!$A$2:$C$346,2,0)-VLOOKUP(R$1,városok!$A$2:$C$346,2,0))^2+(VLOOKUP($A186,városok!$A$2:$C$346,3,0)-VLOOKUP(R$1,városok!$A$2:$C$346,3,0))^2)/1000,0)</f>
        <v>234</v>
      </c>
      <c r="S186">
        <f ca="1">ROUND(SQRT((VLOOKUP($A186,városok!$A$2:$C$346,2,0)-VLOOKUP(S$1,városok!$A$2:$C$346,2,0))^2+(VLOOKUP($A186,városok!$A$2:$C$346,3,0)-VLOOKUP(S$1,városok!$A$2:$C$346,3,0))^2)/1000,0)</f>
        <v>213</v>
      </c>
      <c r="T186">
        <f ca="1">ROUND(SQRT((VLOOKUP($A186,városok!$A$2:$C$346,2,0)-VLOOKUP(T$1,városok!$A$2:$C$346,2,0))^2+(VLOOKUP($A186,városok!$A$2:$C$346,3,0)-VLOOKUP(T$1,városok!$A$2:$C$346,3,0))^2)/1000,0)</f>
        <v>45</v>
      </c>
      <c r="U186">
        <f ca="1">ROUND(SQRT((VLOOKUP($A186,városok!$A$2:$C$346,2,0)-VLOOKUP(U$1,városok!$A$2:$C$346,2,0))^2+(VLOOKUP($A186,városok!$A$2:$C$346,3,0)-VLOOKUP(U$1,városok!$A$2:$C$346,3,0))^2)/1000,0)</f>
        <v>90</v>
      </c>
      <c r="V186">
        <f ca="1">ROUND(SQRT((VLOOKUP($A186,városok!$A$2:$C$346,2,0)-VLOOKUP(V$1,városok!$A$2:$C$346,2,0))^2+(VLOOKUP($A186,városok!$A$2:$C$346,3,0)-VLOOKUP(V$1,városok!$A$2:$C$346,3,0))^2)/1000,0)</f>
        <v>52</v>
      </c>
      <c r="W186">
        <f ca="1">ROUND(SQRT((VLOOKUP($A186,városok!$A$2:$C$346,2,0)-VLOOKUP(W$1,városok!$A$2:$C$346,2,0))^2+(VLOOKUP($A186,városok!$A$2:$C$346,3,0)-VLOOKUP(W$1,városok!$A$2:$C$346,3,0))^2)/1000,0)</f>
        <v>81</v>
      </c>
      <c r="X186">
        <f ca="1">ROUND(SQRT((VLOOKUP($A186,városok!$A$2:$C$346,2,0)-VLOOKUP(X$1,városok!$A$2:$C$346,2,0))^2+(VLOOKUP($A186,városok!$A$2:$C$346,3,0)-VLOOKUP(X$1,városok!$A$2:$C$346,3,0))^2)/1000,0)</f>
        <v>32</v>
      </c>
      <c r="Y186">
        <f ca="1">ROUND(SQRT((VLOOKUP($A186,városok!$A$2:$C$346,2,0)-VLOOKUP(Y$1,városok!$A$2:$C$346,2,0))^2+(VLOOKUP($A186,városok!$A$2:$C$346,3,0)-VLOOKUP(Y$1,városok!$A$2:$C$346,3,0))^2)/1000,0)</f>
        <v>37</v>
      </c>
      <c r="Z186">
        <f ca="1">ROUND(SQRT((VLOOKUP($A186,városok!$A$2:$C$346,2,0)-VLOOKUP(Z$1,városok!$A$2:$C$346,2,0))^2+(VLOOKUP($A186,városok!$A$2:$C$346,3,0)-VLOOKUP(Z$1,városok!$A$2:$C$346,3,0))^2)/1000,0)</f>
        <v>55</v>
      </c>
      <c r="AA186">
        <f ca="1">ROUND(SQRT((VLOOKUP($A186,városok!$A$2:$C$346,2,0)-VLOOKUP(AA$1,városok!$A$2:$C$346,2,0))^2+(VLOOKUP($A186,városok!$A$2:$C$346,3,0)-VLOOKUP(AA$1,városok!$A$2:$C$346,3,0))^2)/1000,0)</f>
        <v>111</v>
      </c>
      <c r="AB186">
        <f ca="1">ROUND(SQRT((VLOOKUP($A186,városok!$A$2:$C$346,2,0)-VLOOKUP(AB$1,városok!$A$2:$C$346,2,0))^2+(VLOOKUP($A186,városok!$A$2:$C$346,3,0)-VLOOKUP(AB$1,városok!$A$2:$C$346,3,0))^2)/1000,0)</f>
        <v>271</v>
      </c>
      <c r="AC186">
        <f ca="1">ROUND(SQRT((VLOOKUP($A186,városok!$A$2:$C$346,2,0)-VLOOKUP(AC$1,városok!$A$2:$C$346,2,0))^2+(VLOOKUP($A186,városok!$A$2:$C$346,3,0)-VLOOKUP(AC$1,városok!$A$2:$C$346,3,0))^2)/1000,0)</f>
        <v>253</v>
      </c>
      <c r="AD186">
        <f ca="1">ROUND(SQRT((VLOOKUP($A186,városok!$A$2:$C$346,2,0)-VLOOKUP(AD$1,városok!$A$2:$C$346,2,0))^2+(VLOOKUP($A186,városok!$A$2:$C$346,3,0)-VLOOKUP(AD$1,városok!$A$2:$C$346,3,0))^2)/1000,0)</f>
        <v>236</v>
      </c>
      <c r="AE186">
        <f ca="1">ROUND(SQRT((VLOOKUP($A186,városok!$A$2:$C$346,2,0)-VLOOKUP(AE$1,városok!$A$2:$C$346,2,0))^2+(VLOOKUP($A186,városok!$A$2:$C$346,3,0)-VLOOKUP(AE$1,városok!$A$2:$C$346,3,0))^2)/1000,0)</f>
        <v>238</v>
      </c>
      <c r="AF186">
        <f ca="1">ROUND(SQRT((VLOOKUP($A186,városok!$A$2:$C$346,2,0)-VLOOKUP(AF$1,városok!$A$2:$C$346,2,0))^2+(VLOOKUP($A186,városok!$A$2:$C$346,3,0)-VLOOKUP(AF$1,városok!$A$2:$C$346,3,0))^2)/1000,0)</f>
        <v>181</v>
      </c>
      <c r="AG186">
        <f ca="1">ROUND(SQRT((VLOOKUP($A186,városok!$A$2:$C$346,2,0)-VLOOKUP(AG$1,városok!$A$2:$C$346,2,0))^2+(VLOOKUP($A186,városok!$A$2:$C$346,3,0)-VLOOKUP(AG$1,városok!$A$2:$C$346,3,0))^2)/1000,0)</f>
        <v>145</v>
      </c>
      <c r="AH186">
        <f ca="1">ROUND(SQRT((VLOOKUP($A186,városok!$A$2:$C$346,2,0)-VLOOKUP(AH$1,városok!$A$2:$C$346,2,0))^2+(VLOOKUP($A186,városok!$A$2:$C$346,3,0)-VLOOKUP(AH$1,városok!$A$2:$C$346,3,0))^2)/1000,0)</f>
        <v>125</v>
      </c>
      <c r="AI186">
        <f ca="1">ROUND(SQRT((VLOOKUP($A186,városok!$A$2:$C$346,2,0)-VLOOKUP(AI$1,városok!$A$2:$C$346,2,0))^2+(VLOOKUP($A186,városok!$A$2:$C$346,3,0)-VLOOKUP(AI$1,városok!$A$2:$C$346,3,0))^2)/1000,0)</f>
        <v>165</v>
      </c>
      <c r="AJ186">
        <f ca="1">ROUND(SQRT((VLOOKUP($A186,városok!$A$2:$C$346,2,0)-VLOOKUP(AJ$1,városok!$A$2:$C$346,2,0))^2+(VLOOKUP($A186,városok!$A$2:$C$346,3,0)-VLOOKUP(AJ$1,városok!$A$2:$C$346,3,0))^2)/1000,0)</f>
        <v>147</v>
      </c>
      <c r="AK186">
        <f ca="1">ROUND(SQRT((VLOOKUP($A186,városok!$A$2:$C$346,2,0)-VLOOKUP(AK$1,városok!$A$2:$C$346,2,0))^2+(VLOOKUP($A186,városok!$A$2:$C$346,3,0)-VLOOKUP(AK$1,városok!$A$2:$C$346,3,0))^2)/1000,0)</f>
        <v>223</v>
      </c>
      <c r="AL186">
        <f ca="1">ROUND(SQRT((VLOOKUP($A186,városok!$A$2:$C$346,2,0)-VLOOKUP(AL$1,városok!$A$2:$C$346,2,0))^2+(VLOOKUP($A186,városok!$A$2:$C$346,3,0)-VLOOKUP(AL$1,városok!$A$2:$C$346,3,0))^2)/1000,0)</f>
        <v>196</v>
      </c>
      <c r="AM186">
        <f ca="1">ROUND(SQRT((VLOOKUP($A186,városok!$A$2:$C$346,2,0)-VLOOKUP(AM$1,városok!$A$2:$C$346,2,0))^2+(VLOOKUP($A186,városok!$A$2:$C$346,3,0)-VLOOKUP(AM$1,városok!$A$2:$C$346,3,0))^2)/1000,0)</f>
        <v>166</v>
      </c>
      <c r="AN186">
        <f ca="1">ROUND(SQRT((VLOOKUP($A186,városok!$A$2:$C$346,2,0)-VLOOKUP(AN$1,városok!$A$2:$C$346,2,0))^2+(VLOOKUP($A186,városok!$A$2:$C$346,3,0)-VLOOKUP(AN$1,városok!$A$2:$C$346,3,0))^2)/1000,0)</f>
        <v>62</v>
      </c>
      <c r="AO186">
        <f ca="1">ROUND(SQRT((VLOOKUP($A186,városok!$A$2:$C$346,2,0)-VLOOKUP(AO$1,városok!$A$2:$C$346,2,0))^2+(VLOOKUP($A186,városok!$A$2:$C$346,3,0)-VLOOKUP(AO$1,városok!$A$2:$C$346,3,0))^2)/1000,0)</f>
        <v>28</v>
      </c>
      <c r="AP186">
        <f ca="1">ROUND(SQRT((VLOOKUP($A186,városok!$A$2:$C$346,2,0)-VLOOKUP(AP$1,városok!$A$2:$C$346,2,0))^2+(VLOOKUP($A186,városok!$A$2:$C$346,3,0)-VLOOKUP(AP$1,városok!$A$2:$C$346,3,0))^2)/1000,0)</f>
        <v>28</v>
      </c>
      <c r="AQ186">
        <f ca="1">ROUND(SQRT((VLOOKUP($A186,városok!$A$2:$C$346,2,0)-VLOOKUP(AQ$1,városok!$A$2:$C$346,2,0))^2+(VLOOKUP($A186,városok!$A$2:$C$346,3,0)-VLOOKUP(AQ$1,városok!$A$2:$C$346,3,0))^2)/1000,0)</f>
        <v>29</v>
      </c>
      <c r="AR186">
        <f ca="1">ROUND(SQRT((VLOOKUP($A186,városok!$A$2:$C$346,2,0)-VLOOKUP(AR$1,városok!$A$2:$C$346,2,0))^2+(VLOOKUP($A186,városok!$A$2:$C$346,3,0)-VLOOKUP(AR$1,városok!$A$2:$C$346,3,0))^2)/1000,0)</f>
        <v>133</v>
      </c>
      <c r="AS186">
        <f ca="1">ROUND(SQRT((VLOOKUP($A186,városok!$A$2:$C$346,2,0)-VLOOKUP(AS$1,városok!$A$2:$C$346,2,0))^2+(VLOOKUP($A186,városok!$A$2:$C$346,3,0)-VLOOKUP(AS$1,városok!$A$2:$C$346,3,0))^2)/1000,0)</f>
        <v>150</v>
      </c>
      <c r="AT186">
        <f ca="1">ROUND(SQRT((VLOOKUP($A186,városok!$A$2:$C$346,2,0)-VLOOKUP(AT$1,városok!$A$2:$C$346,2,0))^2+(VLOOKUP($A186,városok!$A$2:$C$346,3,0)-VLOOKUP(AT$1,városok!$A$2:$C$346,3,0))^2)/1000,0)</f>
        <v>59</v>
      </c>
      <c r="AU186">
        <f ca="1">ROUND(SQRT((VLOOKUP($A186,városok!$A$2:$C$346,2,0)-VLOOKUP(AU$1,városok!$A$2:$C$346,2,0))^2+(VLOOKUP($A186,városok!$A$2:$C$346,3,0)-VLOOKUP(AU$1,városok!$A$2:$C$346,3,0))^2)/1000,0)</f>
        <v>70</v>
      </c>
      <c r="AV186">
        <f ca="1">ROUND(SQRT((VLOOKUP($A186,városok!$A$2:$C$346,2,0)-VLOOKUP(AV$1,városok!$A$2:$C$346,2,0))^2+(VLOOKUP($A186,városok!$A$2:$C$346,3,0)-VLOOKUP(AV$1,városok!$A$2:$C$346,3,0))^2)/1000,0)</f>
        <v>69</v>
      </c>
      <c r="AW186">
        <f ca="1">ROUND(SQRT((VLOOKUP($A186,városok!$A$2:$C$346,2,0)-VLOOKUP(AW$1,városok!$A$2:$C$346,2,0))^2+(VLOOKUP($A186,városok!$A$2:$C$346,3,0)-VLOOKUP(AW$1,városok!$A$2:$C$346,3,0))^2)/1000,0)</f>
        <v>67</v>
      </c>
      <c r="AX186">
        <f ca="1">ROUND(SQRT((VLOOKUP($A186,városok!$A$2:$C$346,2,0)-VLOOKUP(AX$1,városok!$A$2:$C$346,2,0))^2+(VLOOKUP($A186,városok!$A$2:$C$346,3,0)-VLOOKUP(AX$1,városok!$A$2:$C$346,3,0))^2)/1000,0)</f>
        <v>142</v>
      </c>
      <c r="AY186">
        <f ca="1">ROUND(SQRT((VLOOKUP($A186,városok!$A$2:$C$346,2,0)-VLOOKUP(AY$1,városok!$A$2:$C$346,2,0))^2+(VLOOKUP($A186,városok!$A$2:$C$346,3,0)-VLOOKUP(AY$1,városok!$A$2:$C$346,3,0))^2)/1000,0)</f>
        <v>80</v>
      </c>
      <c r="AZ186">
        <f ca="1">ROUND(SQRT((VLOOKUP($A186,városok!$A$2:$C$346,2,0)-VLOOKUP(AZ$1,városok!$A$2:$C$346,2,0))^2+(VLOOKUP($A186,városok!$A$2:$C$346,3,0)-VLOOKUP(AZ$1,városok!$A$2:$C$346,3,0))^2)/1000,0)</f>
        <v>77</v>
      </c>
      <c r="BA186">
        <f ca="1">ROUND(SQRT((VLOOKUP($A186,városok!$A$2:$C$346,2,0)-VLOOKUP(BA$1,városok!$A$2:$C$346,2,0))^2+(VLOOKUP($A186,városok!$A$2:$C$346,3,0)-VLOOKUP(BA$1,városok!$A$2:$C$346,3,0))^2)/1000,0)</f>
        <v>83</v>
      </c>
      <c r="BB186">
        <f ca="1">ROUND(SQRT((VLOOKUP($A186,városok!$A$2:$C$346,2,0)-VLOOKUP(BB$1,városok!$A$2:$C$346,2,0))^2+(VLOOKUP($A186,városok!$A$2:$C$346,3,0)-VLOOKUP(BB$1,városok!$A$2:$C$346,3,0))^2)/1000,0)</f>
        <v>107</v>
      </c>
      <c r="BC186">
        <f ca="1">ROUND(SQRT((VLOOKUP($A186,városok!$A$2:$C$346,2,0)-VLOOKUP(BC$1,városok!$A$2:$C$346,2,0))^2+(VLOOKUP($A186,városok!$A$2:$C$346,3,0)-VLOOKUP(BC$1,városok!$A$2:$C$346,3,0))^2)/1000,0)</f>
        <v>128</v>
      </c>
      <c r="BD186">
        <f ca="1">ROUND(SQRT((VLOOKUP($A186,városok!$A$2:$C$346,2,0)-VLOOKUP(BD$1,városok!$A$2:$C$346,2,0))^2+(VLOOKUP($A186,városok!$A$2:$C$346,3,0)-VLOOKUP(BD$1,városok!$A$2:$C$346,3,0))^2)/1000,0)</f>
        <v>65</v>
      </c>
      <c r="BE186">
        <f ca="1">ROUND(SQRT((VLOOKUP($A186,városok!$A$2:$C$346,2,0)-VLOOKUP(BE$1,városok!$A$2:$C$346,2,0))^2+(VLOOKUP($A186,városok!$A$2:$C$346,3,0)-VLOOKUP(BE$1,városok!$A$2:$C$346,3,0))^2)/1000,0)</f>
        <v>350</v>
      </c>
      <c r="BF186">
        <f ca="1">ROUND(SQRT((VLOOKUP($A186,városok!$A$2:$C$346,2,0)-VLOOKUP(BF$1,városok!$A$2:$C$346,2,0))^2+(VLOOKUP($A186,városok!$A$2:$C$346,3,0)-VLOOKUP(BF$1,városok!$A$2:$C$346,3,0))^2)/1000,0)</f>
        <v>313</v>
      </c>
      <c r="BG186">
        <f ca="1">ROUND(SQRT((VLOOKUP($A186,városok!$A$2:$C$346,2,0)-VLOOKUP(BG$1,városok!$A$2:$C$346,2,0))^2+(VLOOKUP($A186,városok!$A$2:$C$346,3,0)-VLOOKUP(BG$1,városok!$A$2:$C$346,3,0))^2)/1000,0)</f>
        <v>266</v>
      </c>
      <c r="BH186">
        <f ca="1">ROUND(SQRT((VLOOKUP($A186,városok!$A$2:$C$346,2,0)-VLOOKUP(BH$1,városok!$A$2:$C$346,2,0))^2+(VLOOKUP($A186,városok!$A$2:$C$346,3,0)-VLOOKUP(BH$1,városok!$A$2:$C$346,3,0))^2)/1000,0)</f>
        <v>266</v>
      </c>
      <c r="BI186">
        <f ca="1">ROUND(SQRT((VLOOKUP($A186,városok!$A$2:$C$346,2,0)-VLOOKUP(BI$1,városok!$A$2:$C$346,2,0))^2+(VLOOKUP($A186,városok!$A$2:$C$346,3,0)-VLOOKUP(BI$1,városok!$A$2:$C$346,3,0))^2)/1000,0)</f>
        <v>130</v>
      </c>
      <c r="BJ186">
        <f ca="1">ROUND(SQRT((VLOOKUP($A186,városok!$A$2:$C$346,2,0)-VLOOKUP(BJ$1,városok!$A$2:$C$346,2,0))^2+(VLOOKUP($A186,városok!$A$2:$C$346,3,0)-VLOOKUP(BJ$1,városok!$A$2:$C$346,3,0))^2)/1000,0)</f>
        <v>139</v>
      </c>
      <c r="BK186">
        <f ca="1">ROUND(SQRT((VLOOKUP($A186,városok!$A$2:$C$346,2,0)-VLOOKUP(BK$1,városok!$A$2:$C$346,2,0))^2+(VLOOKUP($A186,városok!$A$2:$C$346,3,0)-VLOOKUP(BK$1,városok!$A$2:$C$346,3,0))^2)/1000,0)</f>
        <v>137</v>
      </c>
      <c r="BL186">
        <f ca="1">ROUND(SQRT((VLOOKUP($A186,városok!$A$2:$C$346,2,0)-VLOOKUP(BL$1,városok!$A$2:$C$346,2,0))^2+(VLOOKUP($A186,városok!$A$2:$C$346,3,0)-VLOOKUP(BL$1,városok!$A$2:$C$346,3,0))^2)/1000,0)</f>
        <v>121</v>
      </c>
      <c r="BM186">
        <f ca="1">ROUND(SQRT((VLOOKUP($A186,városok!$A$2:$C$346,2,0)-VLOOKUP(BM$1,városok!$A$2:$C$346,2,0))^2+(VLOOKUP($A186,városok!$A$2:$C$346,3,0)-VLOOKUP(BM$1,városok!$A$2:$C$346,3,0))^2)/1000,0)</f>
        <v>88</v>
      </c>
      <c r="BN186">
        <f ca="1">ROUND(SQRT((VLOOKUP($A186,városok!$A$2:$C$346,2,0)-VLOOKUP(BN$1,városok!$A$2:$C$346,2,0))^2+(VLOOKUP($A186,városok!$A$2:$C$346,3,0)-VLOOKUP(BN$1,városok!$A$2:$C$346,3,0))^2)/1000,0)</f>
        <v>111</v>
      </c>
      <c r="BO186">
        <f ca="1">ROUND(SQRT((VLOOKUP($A186,városok!$A$2:$C$346,2,0)-VLOOKUP(BO$1,városok!$A$2:$C$346,2,0))^2+(VLOOKUP($A186,városok!$A$2:$C$346,3,0)-VLOOKUP(BO$1,városok!$A$2:$C$346,3,0))^2)/1000,0)</f>
        <v>52</v>
      </c>
      <c r="BP186">
        <f ca="1">ROUND(SQRT((VLOOKUP($A186,városok!$A$2:$C$346,2,0)-VLOOKUP(BP$1,városok!$A$2:$C$346,2,0))^2+(VLOOKUP($A186,városok!$A$2:$C$346,3,0)-VLOOKUP(BP$1,városok!$A$2:$C$346,3,0))^2)/1000,0)</f>
        <v>51</v>
      </c>
      <c r="BQ186">
        <f ca="1">ROUND(SQRT((VLOOKUP($A186,városok!$A$2:$C$346,2,0)-VLOOKUP(BQ$1,városok!$A$2:$C$346,2,0))^2+(VLOOKUP($A186,városok!$A$2:$C$346,3,0)-VLOOKUP(BQ$1,városok!$A$2:$C$346,3,0))^2)/1000,0)</f>
        <v>46</v>
      </c>
      <c r="BR186">
        <f ca="1">ROUND(SQRT((VLOOKUP($A186,városok!$A$2:$C$346,2,0)-VLOOKUP(BR$1,városok!$A$2:$C$346,2,0))^2+(VLOOKUP($A186,városok!$A$2:$C$346,3,0)-VLOOKUP(BR$1,városok!$A$2:$C$346,3,0))^2)/1000,0)</f>
        <v>100</v>
      </c>
      <c r="BS186">
        <f ca="1">ROUND(SQRT((VLOOKUP($A186,városok!$A$2:$C$346,2,0)-VLOOKUP(BS$1,városok!$A$2:$C$346,2,0))^2+(VLOOKUP($A186,városok!$A$2:$C$346,3,0)-VLOOKUP(BS$1,városok!$A$2:$C$346,3,0))^2)/1000,0)</f>
        <v>141</v>
      </c>
      <c r="BT186">
        <f ca="1">ROUND(SQRT((VLOOKUP($A186,városok!$A$2:$C$346,2,0)-VLOOKUP(BT$1,városok!$A$2:$C$346,2,0))^2+(VLOOKUP($A186,városok!$A$2:$C$346,3,0)-VLOOKUP(BT$1,városok!$A$2:$C$346,3,0))^2)/1000,0)</f>
        <v>117</v>
      </c>
    </row>
    <row r="187" spans="1:72" x14ac:dyDescent="0.2">
      <c r="A187" t="str">
        <f>városok!A187</f>
        <v>Komárom</v>
      </c>
      <c r="B187">
        <f ca="1">ROUND(SQRT((VLOOKUP($A187,városok!$A$2:$C$346,2,0)-VLOOKUP(B$1,városok!$A$2:$C$346,2,0))^2+(VLOOKUP($A187,városok!$A$2:$C$346,3,0)-VLOOKUP(B$1,városok!$A$2:$C$346,3,0))^2)/1000,0)</f>
        <v>184</v>
      </c>
      <c r="C187">
        <f ca="1">ROUND(SQRT((VLOOKUP($A187,városok!$A$2:$C$346,2,0)-VLOOKUP(C$1,városok!$A$2:$C$346,2,0))^2+(VLOOKUP($A187,városok!$A$2:$C$346,3,0)-VLOOKUP(C$1,városok!$A$2:$C$346,3,0))^2)/1000,0)</f>
        <v>150</v>
      </c>
      <c r="D187">
        <f ca="1">ROUND(SQRT((VLOOKUP($A187,városok!$A$2:$C$346,2,0)-VLOOKUP(D$1,városok!$A$2:$C$346,2,0))^2+(VLOOKUP($A187,városok!$A$2:$C$346,3,0)-VLOOKUP(D$1,városok!$A$2:$C$346,3,0))^2)/1000,0)</f>
        <v>150</v>
      </c>
      <c r="E187">
        <f ca="1">ROUND(SQRT((VLOOKUP($A187,városok!$A$2:$C$346,2,0)-VLOOKUP(E$1,városok!$A$2:$C$346,2,0))^2+(VLOOKUP($A187,városok!$A$2:$C$346,3,0)-VLOOKUP(E$1,városok!$A$2:$C$346,3,0))^2)/1000,0)</f>
        <v>173</v>
      </c>
      <c r="F187">
        <f ca="1">ROUND(SQRT((VLOOKUP($A187,városok!$A$2:$C$346,2,0)-VLOOKUP(F$1,városok!$A$2:$C$346,2,0))^2+(VLOOKUP($A187,városok!$A$2:$C$346,3,0)-VLOOKUP(F$1,városok!$A$2:$C$346,3,0))^2)/1000,0)</f>
        <v>199</v>
      </c>
      <c r="G187">
        <f ca="1">ROUND(SQRT((VLOOKUP($A187,városok!$A$2:$C$346,2,0)-VLOOKUP(G$1,városok!$A$2:$C$346,2,0))^2+(VLOOKUP($A187,városok!$A$2:$C$346,3,0)-VLOOKUP(G$1,városok!$A$2:$C$346,3,0))^2)/1000,0)</f>
        <v>185</v>
      </c>
      <c r="H187">
        <f ca="1">ROUND(SQRT((VLOOKUP($A187,városok!$A$2:$C$346,2,0)-VLOOKUP(H$1,városok!$A$2:$C$346,2,0))^2+(VLOOKUP($A187,városok!$A$2:$C$346,3,0)-VLOOKUP(H$1,városok!$A$2:$C$346,3,0))^2)/1000,0)</f>
        <v>190</v>
      </c>
      <c r="I187">
        <f ca="1">ROUND(SQRT((VLOOKUP($A187,városok!$A$2:$C$346,2,0)-VLOOKUP(I$1,városok!$A$2:$C$346,2,0))^2+(VLOOKUP($A187,városok!$A$2:$C$346,3,0)-VLOOKUP(I$1,városok!$A$2:$C$346,3,0))^2)/1000,0)</f>
        <v>253</v>
      </c>
      <c r="J187">
        <f ca="1">ROUND(SQRT((VLOOKUP($A187,városok!$A$2:$C$346,2,0)-VLOOKUP(J$1,városok!$A$2:$C$346,2,0))^2+(VLOOKUP($A187,városok!$A$2:$C$346,3,0)-VLOOKUP(J$1,városok!$A$2:$C$346,3,0))^2)/1000,0)</f>
        <v>268</v>
      </c>
      <c r="K187">
        <f ca="1">ROUND(SQRT((VLOOKUP($A187,városok!$A$2:$C$346,2,0)-VLOOKUP(K$1,városok!$A$2:$C$346,2,0))^2+(VLOOKUP($A187,városok!$A$2:$C$346,3,0)-VLOOKUP(K$1,városok!$A$2:$C$346,3,0))^2)/1000,0)</f>
        <v>233</v>
      </c>
      <c r="L187">
        <f ca="1">ROUND(SQRT((VLOOKUP($A187,városok!$A$2:$C$346,2,0)-VLOOKUP(L$1,városok!$A$2:$C$346,2,0))^2+(VLOOKUP($A187,városok!$A$2:$C$346,3,0)-VLOOKUP(L$1,városok!$A$2:$C$346,3,0))^2)/1000,0)</f>
        <v>196</v>
      </c>
      <c r="M187">
        <f ca="1">ROUND(SQRT((VLOOKUP($A187,városok!$A$2:$C$346,2,0)-VLOOKUP(M$1,városok!$A$2:$C$346,2,0))^2+(VLOOKUP($A187,városok!$A$2:$C$346,3,0)-VLOOKUP(M$1,városok!$A$2:$C$346,3,0))^2)/1000,0)</f>
        <v>204</v>
      </c>
      <c r="N187">
        <f ca="1">ROUND(SQRT((VLOOKUP($A187,városok!$A$2:$C$346,2,0)-VLOOKUP(N$1,városok!$A$2:$C$346,2,0))^2+(VLOOKUP($A187,városok!$A$2:$C$346,3,0)-VLOOKUP(N$1,városok!$A$2:$C$346,3,0))^2)/1000,0)</f>
        <v>171</v>
      </c>
      <c r="O187">
        <f ca="1">ROUND(SQRT((VLOOKUP($A187,városok!$A$2:$C$346,2,0)-VLOOKUP(O$1,városok!$A$2:$C$346,2,0))^2+(VLOOKUP($A187,városok!$A$2:$C$346,3,0)-VLOOKUP(O$1,városok!$A$2:$C$346,3,0))^2)/1000,0)</f>
        <v>273</v>
      </c>
      <c r="P187">
        <f ca="1">ROUND(SQRT((VLOOKUP($A187,városok!$A$2:$C$346,2,0)-VLOOKUP(P$1,városok!$A$2:$C$346,2,0))^2+(VLOOKUP($A187,városok!$A$2:$C$346,3,0)-VLOOKUP(P$1,városok!$A$2:$C$346,3,0))^2)/1000,0)</f>
        <v>273</v>
      </c>
      <c r="Q187">
        <f ca="1">ROUND(SQRT((VLOOKUP($A187,városok!$A$2:$C$346,2,0)-VLOOKUP(Q$1,városok!$A$2:$C$346,2,0))^2+(VLOOKUP($A187,városok!$A$2:$C$346,3,0)-VLOOKUP(Q$1,városok!$A$2:$C$346,3,0))^2)/1000,0)</f>
        <v>222</v>
      </c>
      <c r="R187">
        <f ca="1">ROUND(SQRT((VLOOKUP($A187,városok!$A$2:$C$346,2,0)-VLOOKUP(R$1,városok!$A$2:$C$346,2,0))^2+(VLOOKUP($A187,városok!$A$2:$C$346,3,0)-VLOOKUP(R$1,városok!$A$2:$C$346,3,0))^2)/1000,0)</f>
        <v>246</v>
      </c>
      <c r="S187">
        <f ca="1">ROUND(SQRT((VLOOKUP($A187,városok!$A$2:$C$346,2,0)-VLOOKUP(S$1,városok!$A$2:$C$346,2,0))^2+(VLOOKUP($A187,városok!$A$2:$C$346,3,0)-VLOOKUP(S$1,városok!$A$2:$C$346,3,0))^2)/1000,0)</f>
        <v>227</v>
      </c>
      <c r="T187">
        <f ca="1">ROUND(SQRT((VLOOKUP($A187,városok!$A$2:$C$346,2,0)-VLOOKUP(T$1,városok!$A$2:$C$346,2,0))^2+(VLOOKUP($A187,városok!$A$2:$C$346,3,0)-VLOOKUP(T$1,városok!$A$2:$C$346,3,0))^2)/1000,0)</f>
        <v>48</v>
      </c>
      <c r="U187">
        <f ca="1">ROUND(SQRT((VLOOKUP($A187,városok!$A$2:$C$346,2,0)-VLOOKUP(U$1,városok!$A$2:$C$346,2,0))^2+(VLOOKUP($A187,városok!$A$2:$C$346,3,0)-VLOOKUP(U$1,városok!$A$2:$C$346,3,0))^2)/1000,0)</f>
        <v>106</v>
      </c>
      <c r="V187">
        <f ca="1">ROUND(SQRT((VLOOKUP($A187,városok!$A$2:$C$346,2,0)-VLOOKUP(V$1,városok!$A$2:$C$346,2,0))^2+(VLOOKUP($A187,városok!$A$2:$C$346,3,0)-VLOOKUP(V$1,városok!$A$2:$C$346,3,0))^2)/1000,0)</f>
        <v>77</v>
      </c>
      <c r="W187">
        <f ca="1">ROUND(SQRT((VLOOKUP($A187,városok!$A$2:$C$346,2,0)-VLOOKUP(W$1,városok!$A$2:$C$346,2,0))^2+(VLOOKUP($A187,városok!$A$2:$C$346,3,0)-VLOOKUP(W$1,városok!$A$2:$C$346,3,0))^2)/1000,0)</f>
        <v>102</v>
      </c>
      <c r="X187">
        <f ca="1">ROUND(SQRT((VLOOKUP($A187,városok!$A$2:$C$346,2,0)-VLOOKUP(X$1,városok!$A$2:$C$346,2,0))^2+(VLOOKUP($A187,városok!$A$2:$C$346,3,0)-VLOOKUP(X$1,városok!$A$2:$C$346,3,0))^2)/1000,0)</f>
        <v>52</v>
      </c>
      <c r="Y187">
        <f ca="1">ROUND(SQRT((VLOOKUP($A187,városok!$A$2:$C$346,2,0)-VLOOKUP(Y$1,városok!$A$2:$C$346,2,0))^2+(VLOOKUP($A187,városok!$A$2:$C$346,3,0)-VLOOKUP(Y$1,városok!$A$2:$C$346,3,0))^2)/1000,0)</f>
        <v>37</v>
      </c>
      <c r="Z187">
        <f ca="1">ROUND(SQRT((VLOOKUP($A187,városok!$A$2:$C$346,2,0)-VLOOKUP(Z$1,városok!$A$2:$C$346,2,0))^2+(VLOOKUP($A187,városok!$A$2:$C$346,3,0)-VLOOKUP(Z$1,városok!$A$2:$C$346,3,0))^2)/1000,0)</f>
        <v>55</v>
      </c>
      <c r="AA187">
        <f ca="1">ROUND(SQRT((VLOOKUP($A187,városok!$A$2:$C$346,2,0)-VLOOKUP(AA$1,városok!$A$2:$C$346,2,0))^2+(VLOOKUP($A187,városok!$A$2:$C$346,3,0)-VLOOKUP(AA$1,városok!$A$2:$C$346,3,0))^2)/1000,0)</f>
        <v>116</v>
      </c>
      <c r="AB187">
        <f ca="1">ROUND(SQRT((VLOOKUP($A187,városok!$A$2:$C$346,2,0)-VLOOKUP(AB$1,városok!$A$2:$C$346,2,0))^2+(VLOOKUP($A187,városok!$A$2:$C$346,3,0)-VLOOKUP(AB$1,városok!$A$2:$C$346,3,0))^2)/1000,0)</f>
        <v>265</v>
      </c>
      <c r="AC187">
        <f ca="1">ROUND(SQRT((VLOOKUP($A187,városok!$A$2:$C$346,2,0)-VLOOKUP(AC$1,városok!$A$2:$C$346,2,0))^2+(VLOOKUP($A187,városok!$A$2:$C$346,3,0)-VLOOKUP(AC$1,városok!$A$2:$C$346,3,0))^2)/1000,0)</f>
        <v>248</v>
      </c>
      <c r="AD187">
        <f ca="1">ROUND(SQRT((VLOOKUP($A187,városok!$A$2:$C$346,2,0)-VLOOKUP(AD$1,városok!$A$2:$C$346,2,0))^2+(VLOOKUP($A187,városok!$A$2:$C$346,3,0)-VLOOKUP(AD$1,városok!$A$2:$C$346,3,0))^2)/1000,0)</f>
        <v>231</v>
      </c>
      <c r="AE187">
        <f ca="1">ROUND(SQRT((VLOOKUP($A187,városok!$A$2:$C$346,2,0)-VLOOKUP(AE$1,városok!$A$2:$C$346,2,0))^2+(VLOOKUP($A187,városok!$A$2:$C$346,3,0)-VLOOKUP(AE$1,városok!$A$2:$C$346,3,0))^2)/1000,0)</f>
        <v>235</v>
      </c>
      <c r="AF187">
        <f ca="1">ROUND(SQRT((VLOOKUP($A187,városok!$A$2:$C$346,2,0)-VLOOKUP(AF$1,városok!$A$2:$C$346,2,0))^2+(VLOOKUP($A187,városok!$A$2:$C$346,3,0)-VLOOKUP(AF$1,városok!$A$2:$C$346,3,0))^2)/1000,0)</f>
        <v>170</v>
      </c>
      <c r="AG187">
        <f ca="1">ROUND(SQRT((VLOOKUP($A187,városok!$A$2:$C$346,2,0)-VLOOKUP(AG$1,városok!$A$2:$C$346,2,0))^2+(VLOOKUP($A187,városok!$A$2:$C$346,3,0)-VLOOKUP(AG$1,városok!$A$2:$C$346,3,0))^2)/1000,0)</f>
        <v>135</v>
      </c>
      <c r="AH187">
        <f ca="1">ROUND(SQRT((VLOOKUP($A187,városok!$A$2:$C$346,2,0)-VLOOKUP(AH$1,városok!$A$2:$C$346,2,0))^2+(VLOOKUP($A187,városok!$A$2:$C$346,3,0)-VLOOKUP(AH$1,városok!$A$2:$C$346,3,0))^2)/1000,0)</f>
        <v>117</v>
      </c>
      <c r="AI187">
        <f ca="1">ROUND(SQRT((VLOOKUP($A187,városok!$A$2:$C$346,2,0)-VLOOKUP(AI$1,városok!$A$2:$C$346,2,0))^2+(VLOOKUP($A187,városok!$A$2:$C$346,3,0)-VLOOKUP(AI$1,városok!$A$2:$C$346,3,0))^2)/1000,0)</f>
        <v>151</v>
      </c>
      <c r="AJ187">
        <f ca="1">ROUND(SQRT((VLOOKUP($A187,városok!$A$2:$C$346,2,0)-VLOOKUP(AJ$1,városok!$A$2:$C$346,2,0))^2+(VLOOKUP($A187,városok!$A$2:$C$346,3,0)-VLOOKUP(AJ$1,városok!$A$2:$C$346,3,0))^2)/1000,0)</f>
        <v>140</v>
      </c>
      <c r="AK187">
        <f ca="1">ROUND(SQRT((VLOOKUP($A187,városok!$A$2:$C$346,2,0)-VLOOKUP(AK$1,városok!$A$2:$C$346,2,0))^2+(VLOOKUP($A187,városok!$A$2:$C$346,3,0)-VLOOKUP(AK$1,városok!$A$2:$C$346,3,0))^2)/1000,0)</f>
        <v>221</v>
      </c>
      <c r="AL187">
        <f ca="1">ROUND(SQRT((VLOOKUP($A187,városok!$A$2:$C$346,2,0)-VLOOKUP(AL$1,városok!$A$2:$C$346,2,0))^2+(VLOOKUP($A187,városok!$A$2:$C$346,3,0)-VLOOKUP(AL$1,városok!$A$2:$C$346,3,0))^2)/1000,0)</f>
        <v>193</v>
      </c>
      <c r="AM187">
        <f ca="1">ROUND(SQRT((VLOOKUP($A187,városok!$A$2:$C$346,2,0)-VLOOKUP(AM$1,városok!$A$2:$C$346,2,0))^2+(VLOOKUP($A187,városok!$A$2:$C$346,3,0)-VLOOKUP(AM$1,városok!$A$2:$C$346,3,0))^2)/1000,0)</f>
        <v>168</v>
      </c>
      <c r="AN187">
        <f ca="1">ROUND(SQRT((VLOOKUP($A187,városok!$A$2:$C$346,2,0)-VLOOKUP(AN$1,városok!$A$2:$C$346,2,0))^2+(VLOOKUP($A187,városok!$A$2:$C$346,3,0)-VLOOKUP(AN$1,városok!$A$2:$C$346,3,0))^2)/1000,0)</f>
        <v>47</v>
      </c>
      <c r="AO187">
        <f ca="1">ROUND(SQRT((VLOOKUP($A187,városok!$A$2:$C$346,2,0)-VLOOKUP(AO$1,városok!$A$2:$C$346,2,0))^2+(VLOOKUP($A187,városok!$A$2:$C$346,3,0)-VLOOKUP(AO$1,városok!$A$2:$C$346,3,0))^2)/1000,0)</f>
        <v>0</v>
      </c>
      <c r="AP187">
        <f ca="1">ROUND(SQRT((VLOOKUP($A187,városok!$A$2:$C$346,2,0)-VLOOKUP(AP$1,városok!$A$2:$C$346,2,0))^2+(VLOOKUP($A187,városok!$A$2:$C$346,3,0)-VLOOKUP(AP$1,városok!$A$2:$C$346,3,0))^2)/1000,0)</f>
        <v>19</v>
      </c>
      <c r="AQ187">
        <f ca="1">ROUND(SQRT((VLOOKUP($A187,városok!$A$2:$C$346,2,0)-VLOOKUP(AQ$1,városok!$A$2:$C$346,2,0))^2+(VLOOKUP($A187,városok!$A$2:$C$346,3,0)-VLOOKUP(AQ$1,városok!$A$2:$C$346,3,0))^2)/1000,0)</f>
        <v>29</v>
      </c>
      <c r="AR187">
        <f ca="1">ROUND(SQRT((VLOOKUP($A187,városok!$A$2:$C$346,2,0)-VLOOKUP(AR$1,városok!$A$2:$C$346,2,0))^2+(VLOOKUP($A187,városok!$A$2:$C$346,3,0)-VLOOKUP(AR$1,városok!$A$2:$C$346,3,0))^2)/1000,0)</f>
        <v>119</v>
      </c>
      <c r="AS187">
        <f ca="1">ROUND(SQRT((VLOOKUP($A187,városok!$A$2:$C$346,2,0)-VLOOKUP(AS$1,városok!$A$2:$C$346,2,0))^2+(VLOOKUP($A187,városok!$A$2:$C$346,3,0)-VLOOKUP(AS$1,városok!$A$2:$C$346,3,0))^2)/1000,0)</f>
        <v>133</v>
      </c>
      <c r="AT187">
        <f ca="1">ROUND(SQRT((VLOOKUP($A187,városok!$A$2:$C$346,2,0)-VLOOKUP(AT$1,városok!$A$2:$C$346,2,0))^2+(VLOOKUP($A187,városok!$A$2:$C$346,3,0)-VLOOKUP(AT$1,városok!$A$2:$C$346,3,0))^2)/1000,0)</f>
        <v>60</v>
      </c>
      <c r="AU187">
        <f ca="1">ROUND(SQRT((VLOOKUP($A187,városok!$A$2:$C$346,2,0)-VLOOKUP(AU$1,városok!$A$2:$C$346,2,0))^2+(VLOOKUP($A187,városok!$A$2:$C$346,3,0)-VLOOKUP(AU$1,városok!$A$2:$C$346,3,0))^2)/1000,0)</f>
        <v>70</v>
      </c>
      <c r="AV187">
        <f ca="1">ROUND(SQRT((VLOOKUP($A187,városok!$A$2:$C$346,2,0)-VLOOKUP(AV$1,városok!$A$2:$C$346,2,0))^2+(VLOOKUP($A187,városok!$A$2:$C$346,3,0)-VLOOKUP(AV$1,városok!$A$2:$C$346,3,0))^2)/1000,0)</f>
        <v>72</v>
      </c>
      <c r="AW187">
        <f ca="1">ROUND(SQRT((VLOOKUP($A187,városok!$A$2:$C$346,2,0)-VLOOKUP(AW$1,városok!$A$2:$C$346,2,0))^2+(VLOOKUP($A187,városok!$A$2:$C$346,3,0)-VLOOKUP(AW$1,városok!$A$2:$C$346,3,0))^2)/1000,0)</f>
        <v>71</v>
      </c>
      <c r="AX187">
        <f ca="1">ROUND(SQRT((VLOOKUP($A187,városok!$A$2:$C$346,2,0)-VLOOKUP(AX$1,városok!$A$2:$C$346,2,0))^2+(VLOOKUP($A187,városok!$A$2:$C$346,3,0)-VLOOKUP(AX$1,városok!$A$2:$C$346,3,0))^2)/1000,0)</f>
        <v>148</v>
      </c>
      <c r="AY187">
        <f ca="1">ROUND(SQRT((VLOOKUP($A187,városok!$A$2:$C$346,2,0)-VLOOKUP(AY$1,városok!$A$2:$C$346,2,0))^2+(VLOOKUP($A187,városok!$A$2:$C$346,3,0)-VLOOKUP(AY$1,városok!$A$2:$C$346,3,0))^2)/1000,0)</f>
        <v>71</v>
      </c>
      <c r="AZ187">
        <f ca="1">ROUND(SQRT((VLOOKUP($A187,városok!$A$2:$C$346,2,0)-VLOOKUP(AZ$1,városok!$A$2:$C$346,2,0))^2+(VLOOKUP($A187,városok!$A$2:$C$346,3,0)-VLOOKUP(AZ$1,városok!$A$2:$C$346,3,0))^2)/1000,0)</f>
        <v>64</v>
      </c>
      <c r="BA187">
        <f ca="1">ROUND(SQRT((VLOOKUP($A187,városok!$A$2:$C$346,2,0)-VLOOKUP(BA$1,városok!$A$2:$C$346,2,0))^2+(VLOOKUP($A187,városok!$A$2:$C$346,3,0)-VLOOKUP(BA$1,városok!$A$2:$C$346,3,0))^2)/1000,0)</f>
        <v>111</v>
      </c>
      <c r="BB187">
        <f ca="1">ROUND(SQRT((VLOOKUP($A187,városok!$A$2:$C$346,2,0)-VLOOKUP(BB$1,városok!$A$2:$C$346,2,0))^2+(VLOOKUP($A187,városok!$A$2:$C$346,3,0)-VLOOKUP(BB$1,városok!$A$2:$C$346,3,0))^2)/1000,0)</f>
        <v>134</v>
      </c>
      <c r="BC187">
        <f ca="1">ROUND(SQRT((VLOOKUP($A187,városok!$A$2:$C$346,2,0)-VLOOKUP(BC$1,városok!$A$2:$C$346,2,0))^2+(VLOOKUP($A187,városok!$A$2:$C$346,3,0)-VLOOKUP(BC$1,városok!$A$2:$C$346,3,0))^2)/1000,0)</f>
        <v>156</v>
      </c>
      <c r="BD187">
        <f ca="1">ROUND(SQRT((VLOOKUP($A187,városok!$A$2:$C$346,2,0)-VLOOKUP(BD$1,városok!$A$2:$C$346,2,0))^2+(VLOOKUP($A187,városok!$A$2:$C$346,3,0)-VLOOKUP(BD$1,városok!$A$2:$C$346,3,0))^2)/1000,0)</f>
        <v>93</v>
      </c>
      <c r="BE187">
        <f ca="1">ROUND(SQRT((VLOOKUP($A187,városok!$A$2:$C$346,2,0)-VLOOKUP(BE$1,városok!$A$2:$C$346,2,0))^2+(VLOOKUP($A187,városok!$A$2:$C$346,3,0)-VLOOKUP(BE$1,városok!$A$2:$C$346,3,0))^2)/1000,0)</f>
        <v>341</v>
      </c>
      <c r="BF187">
        <f ca="1">ROUND(SQRT((VLOOKUP($A187,városok!$A$2:$C$346,2,0)-VLOOKUP(BF$1,városok!$A$2:$C$346,2,0))^2+(VLOOKUP($A187,városok!$A$2:$C$346,3,0)-VLOOKUP(BF$1,városok!$A$2:$C$346,3,0))^2)/1000,0)</f>
        <v>300</v>
      </c>
      <c r="BG187">
        <f ca="1">ROUND(SQRT((VLOOKUP($A187,városok!$A$2:$C$346,2,0)-VLOOKUP(BG$1,városok!$A$2:$C$346,2,0))^2+(VLOOKUP($A187,városok!$A$2:$C$346,3,0)-VLOOKUP(BG$1,városok!$A$2:$C$346,3,0))^2)/1000,0)</f>
        <v>254</v>
      </c>
      <c r="BH187">
        <f ca="1">ROUND(SQRT((VLOOKUP($A187,városok!$A$2:$C$346,2,0)-VLOOKUP(BH$1,városok!$A$2:$C$346,2,0))^2+(VLOOKUP($A187,városok!$A$2:$C$346,3,0)-VLOOKUP(BH$1,városok!$A$2:$C$346,3,0))^2)/1000,0)</f>
        <v>253</v>
      </c>
      <c r="BI187">
        <f ca="1">ROUND(SQRT((VLOOKUP($A187,városok!$A$2:$C$346,2,0)-VLOOKUP(BI$1,városok!$A$2:$C$346,2,0))^2+(VLOOKUP($A187,városok!$A$2:$C$346,3,0)-VLOOKUP(BI$1,városok!$A$2:$C$346,3,0))^2)/1000,0)</f>
        <v>154</v>
      </c>
      <c r="BJ187">
        <f ca="1">ROUND(SQRT((VLOOKUP($A187,városok!$A$2:$C$346,2,0)-VLOOKUP(BJ$1,városok!$A$2:$C$346,2,0))^2+(VLOOKUP($A187,városok!$A$2:$C$346,3,0)-VLOOKUP(BJ$1,városok!$A$2:$C$346,3,0))^2)/1000,0)</f>
        <v>164</v>
      </c>
      <c r="BK187">
        <f ca="1">ROUND(SQRT((VLOOKUP($A187,városok!$A$2:$C$346,2,0)-VLOOKUP(BK$1,városok!$A$2:$C$346,2,0))^2+(VLOOKUP($A187,városok!$A$2:$C$346,3,0)-VLOOKUP(BK$1,városok!$A$2:$C$346,3,0))^2)/1000,0)</f>
        <v>161</v>
      </c>
      <c r="BL187">
        <f ca="1">ROUND(SQRT((VLOOKUP($A187,városok!$A$2:$C$346,2,0)-VLOOKUP(BL$1,városok!$A$2:$C$346,2,0))^2+(VLOOKUP($A187,városok!$A$2:$C$346,3,0)-VLOOKUP(BL$1,városok!$A$2:$C$346,3,0))^2)/1000,0)</f>
        <v>140</v>
      </c>
      <c r="BM187">
        <f ca="1">ROUND(SQRT((VLOOKUP($A187,városok!$A$2:$C$346,2,0)-VLOOKUP(BM$1,városok!$A$2:$C$346,2,0))^2+(VLOOKUP($A187,városok!$A$2:$C$346,3,0)-VLOOKUP(BM$1,városok!$A$2:$C$346,3,0))^2)/1000,0)</f>
        <v>105</v>
      </c>
      <c r="BN187">
        <f ca="1">ROUND(SQRT((VLOOKUP($A187,városok!$A$2:$C$346,2,0)-VLOOKUP(BN$1,városok!$A$2:$C$346,2,0))^2+(VLOOKUP($A187,városok!$A$2:$C$346,3,0)-VLOOKUP(BN$1,városok!$A$2:$C$346,3,0))^2)/1000,0)</f>
        <v>126</v>
      </c>
      <c r="BO187">
        <f ca="1">ROUND(SQRT((VLOOKUP($A187,városok!$A$2:$C$346,2,0)-VLOOKUP(BO$1,városok!$A$2:$C$346,2,0))^2+(VLOOKUP($A187,városok!$A$2:$C$346,3,0)-VLOOKUP(BO$1,városok!$A$2:$C$346,3,0))^2)/1000,0)</f>
        <v>79</v>
      </c>
      <c r="BP187">
        <f ca="1">ROUND(SQRT((VLOOKUP($A187,városok!$A$2:$C$346,2,0)-VLOOKUP(BP$1,városok!$A$2:$C$346,2,0))^2+(VLOOKUP($A187,városok!$A$2:$C$346,3,0)-VLOOKUP(BP$1,városok!$A$2:$C$346,3,0))^2)/1000,0)</f>
        <v>78</v>
      </c>
      <c r="BQ187">
        <f ca="1">ROUND(SQRT((VLOOKUP($A187,városok!$A$2:$C$346,2,0)-VLOOKUP(BQ$1,városok!$A$2:$C$346,2,0))^2+(VLOOKUP($A187,városok!$A$2:$C$346,3,0)-VLOOKUP(BQ$1,városok!$A$2:$C$346,3,0))^2)/1000,0)</f>
        <v>74</v>
      </c>
      <c r="BR187">
        <f ca="1">ROUND(SQRT((VLOOKUP($A187,városok!$A$2:$C$346,2,0)-VLOOKUP(BR$1,városok!$A$2:$C$346,2,0))^2+(VLOOKUP($A187,városok!$A$2:$C$346,3,0)-VLOOKUP(BR$1,városok!$A$2:$C$346,3,0))^2)/1000,0)</f>
        <v>126</v>
      </c>
      <c r="BS187">
        <f ca="1">ROUND(SQRT((VLOOKUP($A187,városok!$A$2:$C$346,2,0)-VLOOKUP(BS$1,városok!$A$2:$C$346,2,0))^2+(VLOOKUP($A187,városok!$A$2:$C$346,3,0)-VLOOKUP(BS$1,városok!$A$2:$C$346,3,0))^2)/1000,0)</f>
        <v>167</v>
      </c>
      <c r="BT187">
        <f ca="1">ROUND(SQRT((VLOOKUP($A187,városok!$A$2:$C$346,2,0)-VLOOKUP(BT$1,városok!$A$2:$C$346,2,0))^2+(VLOOKUP($A187,városok!$A$2:$C$346,3,0)-VLOOKUP(BT$1,városok!$A$2:$C$346,3,0))^2)/1000,0)</f>
        <v>140</v>
      </c>
    </row>
    <row r="188" spans="1:72" x14ac:dyDescent="0.2">
      <c r="A188" t="str">
        <f>városok!A188</f>
        <v>Lábatlan</v>
      </c>
      <c r="B188">
        <f ca="1">ROUND(SQRT((VLOOKUP($A188,városok!$A$2:$C$346,2,0)-VLOOKUP(B$1,városok!$A$2:$C$346,2,0))^2+(VLOOKUP($A188,városok!$A$2:$C$346,3,0)-VLOOKUP(B$1,városok!$A$2:$C$346,3,0))^2)/1000,0)</f>
        <v>177</v>
      </c>
      <c r="C188">
        <f ca="1">ROUND(SQRT((VLOOKUP($A188,városok!$A$2:$C$346,2,0)-VLOOKUP(C$1,városok!$A$2:$C$346,2,0))^2+(VLOOKUP($A188,városok!$A$2:$C$346,3,0)-VLOOKUP(C$1,városok!$A$2:$C$346,3,0))^2)/1000,0)</f>
        <v>140</v>
      </c>
      <c r="D188">
        <f ca="1">ROUND(SQRT((VLOOKUP($A188,városok!$A$2:$C$346,2,0)-VLOOKUP(D$1,városok!$A$2:$C$346,2,0))^2+(VLOOKUP($A188,városok!$A$2:$C$346,3,0)-VLOOKUP(D$1,városok!$A$2:$C$346,3,0))^2)/1000,0)</f>
        <v>130</v>
      </c>
      <c r="E188">
        <f ca="1">ROUND(SQRT((VLOOKUP($A188,városok!$A$2:$C$346,2,0)-VLOOKUP(E$1,városok!$A$2:$C$346,2,0))^2+(VLOOKUP($A188,városok!$A$2:$C$346,3,0)-VLOOKUP(E$1,városok!$A$2:$C$346,3,0))^2)/1000,0)</f>
        <v>174</v>
      </c>
      <c r="F188">
        <f ca="1">ROUND(SQRT((VLOOKUP($A188,városok!$A$2:$C$346,2,0)-VLOOKUP(F$1,városok!$A$2:$C$346,2,0))^2+(VLOOKUP($A188,városok!$A$2:$C$346,3,0)-VLOOKUP(F$1,városok!$A$2:$C$346,3,0))^2)/1000,0)</f>
        <v>196</v>
      </c>
      <c r="G188">
        <f ca="1">ROUND(SQRT((VLOOKUP($A188,városok!$A$2:$C$346,2,0)-VLOOKUP(G$1,városok!$A$2:$C$346,2,0))^2+(VLOOKUP($A188,városok!$A$2:$C$346,3,0)-VLOOKUP(G$1,városok!$A$2:$C$346,3,0))^2)/1000,0)</f>
        <v>186</v>
      </c>
      <c r="H188">
        <f ca="1">ROUND(SQRT((VLOOKUP($A188,városok!$A$2:$C$346,2,0)-VLOOKUP(H$1,városok!$A$2:$C$346,2,0))^2+(VLOOKUP($A188,városok!$A$2:$C$346,3,0)-VLOOKUP(H$1,városok!$A$2:$C$346,3,0))^2)/1000,0)</f>
        <v>196</v>
      </c>
      <c r="I188">
        <f ca="1">ROUND(SQRT((VLOOKUP($A188,városok!$A$2:$C$346,2,0)-VLOOKUP(I$1,városok!$A$2:$C$346,2,0))^2+(VLOOKUP($A188,városok!$A$2:$C$346,3,0)-VLOOKUP(I$1,városok!$A$2:$C$346,3,0))^2)/1000,0)</f>
        <v>229</v>
      </c>
      <c r="J188">
        <f ca="1">ROUND(SQRT((VLOOKUP($A188,városok!$A$2:$C$346,2,0)-VLOOKUP(J$1,városok!$A$2:$C$346,2,0))^2+(VLOOKUP($A188,városok!$A$2:$C$346,3,0)-VLOOKUP(J$1,városok!$A$2:$C$346,3,0))^2)/1000,0)</f>
        <v>244</v>
      </c>
      <c r="K188">
        <f ca="1">ROUND(SQRT((VLOOKUP($A188,városok!$A$2:$C$346,2,0)-VLOOKUP(K$1,városok!$A$2:$C$346,2,0))^2+(VLOOKUP($A188,városok!$A$2:$C$346,3,0)-VLOOKUP(K$1,városok!$A$2:$C$346,3,0))^2)/1000,0)</f>
        <v>211</v>
      </c>
      <c r="L188">
        <f ca="1">ROUND(SQRT((VLOOKUP($A188,városok!$A$2:$C$346,2,0)-VLOOKUP(L$1,városok!$A$2:$C$346,2,0))^2+(VLOOKUP($A188,városok!$A$2:$C$346,3,0)-VLOOKUP(L$1,városok!$A$2:$C$346,3,0))^2)/1000,0)</f>
        <v>170</v>
      </c>
      <c r="M188">
        <f ca="1">ROUND(SQRT((VLOOKUP($A188,városok!$A$2:$C$346,2,0)-VLOOKUP(M$1,városok!$A$2:$C$346,2,0))^2+(VLOOKUP($A188,városok!$A$2:$C$346,3,0)-VLOOKUP(M$1,városok!$A$2:$C$346,3,0))^2)/1000,0)</f>
        <v>177</v>
      </c>
      <c r="N188">
        <f ca="1">ROUND(SQRT((VLOOKUP($A188,városok!$A$2:$C$346,2,0)-VLOOKUP(N$1,városok!$A$2:$C$346,2,0))^2+(VLOOKUP($A188,városok!$A$2:$C$346,3,0)-VLOOKUP(N$1,városok!$A$2:$C$346,3,0))^2)/1000,0)</f>
        <v>144</v>
      </c>
      <c r="O188">
        <f ca="1">ROUND(SQRT((VLOOKUP($A188,városok!$A$2:$C$346,2,0)-VLOOKUP(O$1,városok!$A$2:$C$346,2,0))^2+(VLOOKUP($A188,városok!$A$2:$C$346,3,0)-VLOOKUP(O$1,városok!$A$2:$C$346,3,0))^2)/1000,0)</f>
        <v>246</v>
      </c>
      <c r="P188">
        <f ca="1">ROUND(SQRT((VLOOKUP($A188,városok!$A$2:$C$346,2,0)-VLOOKUP(P$1,városok!$A$2:$C$346,2,0))^2+(VLOOKUP($A188,városok!$A$2:$C$346,3,0)-VLOOKUP(P$1,városok!$A$2:$C$346,3,0))^2)/1000,0)</f>
        <v>246</v>
      </c>
      <c r="Q188">
        <f ca="1">ROUND(SQRT((VLOOKUP($A188,városok!$A$2:$C$346,2,0)-VLOOKUP(Q$1,városok!$A$2:$C$346,2,0))^2+(VLOOKUP($A188,városok!$A$2:$C$346,3,0)-VLOOKUP(Q$1,városok!$A$2:$C$346,3,0))^2)/1000,0)</f>
        <v>202</v>
      </c>
      <c r="R188">
        <f ca="1">ROUND(SQRT((VLOOKUP($A188,városok!$A$2:$C$346,2,0)-VLOOKUP(R$1,városok!$A$2:$C$346,2,0))^2+(VLOOKUP($A188,városok!$A$2:$C$346,3,0)-VLOOKUP(R$1,városok!$A$2:$C$346,3,0))^2)/1000,0)</f>
        <v>227</v>
      </c>
      <c r="S188">
        <f ca="1">ROUND(SQRT((VLOOKUP($A188,városok!$A$2:$C$346,2,0)-VLOOKUP(S$1,városok!$A$2:$C$346,2,0))^2+(VLOOKUP($A188,városok!$A$2:$C$346,3,0)-VLOOKUP(S$1,városok!$A$2:$C$346,3,0))^2)/1000,0)</f>
        <v>209</v>
      </c>
      <c r="T188">
        <f ca="1">ROUND(SQRT((VLOOKUP($A188,városok!$A$2:$C$346,2,0)-VLOOKUP(T$1,városok!$A$2:$C$346,2,0))^2+(VLOOKUP($A188,városok!$A$2:$C$346,3,0)-VLOOKUP(T$1,városok!$A$2:$C$346,3,0))^2)/1000,0)</f>
        <v>30</v>
      </c>
      <c r="U188">
        <f ca="1">ROUND(SQRT((VLOOKUP($A188,városok!$A$2:$C$346,2,0)-VLOOKUP(U$1,városok!$A$2:$C$346,2,0))^2+(VLOOKUP($A188,városok!$A$2:$C$346,3,0)-VLOOKUP(U$1,városok!$A$2:$C$346,3,0))^2)/1000,0)</f>
        <v>93</v>
      </c>
      <c r="V188">
        <f ca="1">ROUND(SQRT((VLOOKUP($A188,városok!$A$2:$C$346,2,0)-VLOOKUP(V$1,városok!$A$2:$C$346,2,0))^2+(VLOOKUP($A188,városok!$A$2:$C$346,3,0)-VLOOKUP(V$1,városok!$A$2:$C$346,3,0))^2)/1000,0)</f>
        <v>77</v>
      </c>
      <c r="W188">
        <f ca="1">ROUND(SQRT((VLOOKUP($A188,városok!$A$2:$C$346,2,0)-VLOOKUP(W$1,városok!$A$2:$C$346,2,0))^2+(VLOOKUP($A188,városok!$A$2:$C$346,3,0)-VLOOKUP(W$1,városok!$A$2:$C$346,3,0))^2)/1000,0)</f>
        <v>96</v>
      </c>
      <c r="X188">
        <f ca="1">ROUND(SQRT((VLOOKUP($A188,városok!$A$2:$C$346,2,0)-VLOOKUP(X$1,városok!$A$2:$C$346,2,0))^2+(VLOOKUP($A188,városok!$A$2:$C$346,3,0)-VLOOKUP(X$1,városok!$A$2:$C$346,3,0))^2)/1000,0)</f>
        <v>52</v>
      </c>
      <c r="Y188">
        <f ca="1">ROUND(SQRT((VLOOKUP($A188,városok!$A$2:$C$346,2,0)-VLOOKUP(Y$1,városok!$A$2:$C$346,2,0))^2+(VLOOKUP($A188,városok!$A$2:$C$346,3,0)-VLOOKUP(Y$1,városok!$A$2:$C$346,3,0))^2)/1000,0)</f>
        <v>65</v>
      </c>
      <c r="Z188">
        <f ca="1">ROUND(SQRT((VLOOKUP($A188,városok!$A$2:$C$346,2,0)-VLOOKUP(Z$1,városok!$A$2:$C$346,2,0))^2+(VLOOKUP($A188,városok!$A$2:$C$346,3,0)-VLOOKUP(Z$1,városok!$A$2:$C$346,3,0))^2)/1000,0)</f>
        <v>83</v>
      </c>
      <c r="AA188">
        <f ca="1">ROUND(SQRT((VLOOKUP($A188,városok!$A$2:$C$346,2,0)-VLOOKUP(AA$1,városok!$A$2:$C$346,2,0))^2+(VLOOKUP($A188,városok!$A$2:$C$346,3,0)-VLOOKUP(AA$1,városok!$A$2:$C$346,3,0))^2)/1000,0)</f>
        <v>144</v>
      </c>
      <c r="AB188">
        <f ca="1">ROUND(SQRT((VLOOKUP($A188,városok!$A$2:$C$346,2,0)-VLOOKUP(AB$1,városok!$A$2:$C$346,2,0))^2+(VLOOKUP($A188,városok!$A$2:$C$346,3,0)-VLOOKUP(AB$1,városok!$A$2:$C$346,3,0))^2)/1000,0)</f>
        <v>237</v>
      </c>
      <c r="AC188">
        <f ca="1">ROUND(SQRT((VLOOKUP($A188,városok!$A$2:$C$346,2,0)-VLOOKUP(AC$1,városok!$A$2:$C$346,2,0))^2+(VLOOKUP($A188,városok!$A$2:$C$346,3,0)-VLOOKUP(AC$1,városok!$A$2:$C$346,3,0))^2)/1000,0)</f>
        <v>221</v>
      </c>
      <c r="AD188">
        <f ca="1">ROUND(SQRT((VLOOKUP($A188,városok!$A$2:$C$346,2,0)-VLOOKUP(AD$1,városok!$A$2:$C$346,2,0))^2+(VLOOKUP($A188,városok!$A$2:$C$346,3,0)-VLOOKUP(AD$1,városok!$A$2:$C$346,3,0))^2)/1000,0)</f>
        <v>204</v>
      </c>
      <c r="AE188">
        <f ca="1">ROUND(SQRT((VLOOKUP($A188,városok!$A$2:$C$346,2,0)-VLOOKUP(AE$1,városok!$A$2:$C$346,2,0))^2+(VLOOKUP($A188,városok!$A$2:$C$346,3,0)-VLOOKUP(AE$1,városok!$A$2:$C$346,3,0))^2)/1000,0)</f>
        <v>208</v>
      </c>
      <c r="AF188">
        <f ca="1">ROUND(SQRT((VLOOKUP($A188,városok!$A$2:$C$346,2,0)-VLOOKUP(AF$1,városok!$A$2:$C$346,2,0))^2+(VLOOKUP($A188,városok!$A$2:$C$346,3,0)-VLOOKUP(AF$1,városok!$A$2:$C$346,3,0))^2)/1000,0)</f>
        <v>142</v>
      </c>
      <c r="AG188">
        <f ca="1">ROUND(SQRT((VLOOKUP($A188,városok!$A$2:$C$346,2,0)-VLOOKUP(AG$1,városok!$A$2:$C$346,2,0))^2+(VLOOKUP($A188,városok!$A$2:$C$346,3,0)-VLOOKUP(AG$1,városok!$A$2:$C$346,3,0))^2)/1000,0)</f>
        <v>107</v>
      </c>
      <c r="AH188">
        <f ca="1">ROUND(SQRT((VLOOKUP($A188,városok!$A$2:$C$346,2,0)-VLOOKUP(AH$1,városok!$A$2:$C$346,2,0))^2+(VLOOKUP($A188,városok!$A$2:$C$346,3,0)-VLOOKUP(AH$1,városok!$A$2:$C$346,3,0))^2)/1000,0)</f>
        <v>89</v>
      </c>
      <c r="AI188">
        <f ca="1">ROUND(SQRT((VLOOKUP($A188,városok!$A$2:$C$346,2,0)-VLOOKUP(AI$1,városok!$A$2:$C$346,2,0))^2+(VLOOKUP($A188,városok!$A$2:$C$346,3,0)-VLOOKUP(AI$1,városok!$A$2:$C$346,3,0))^2)/1000,0)</f>
        <v>124</v>
      </c>
      <c r="AJ188">
        <f ca="1">ROUND(SQRT((VLOOKUP($A188,városok!$A$2:$C$346,2,0)-VLOOKUP(AJ$1,városok!$A$2:$C$346,2,0))^2+(VLOOKUP($A188,városok!$A$2:$C$346,3,0)-VLOOKUP(AJ$1,városok!$A$2:$C$346,3,0))^2)/1000,0)</f>
        <v>112</v>
      </c>
      <c r="AK188">
        <f ca="1">ROUND(SQRT((VLOOKUP($A188,városok!$A$2:$C$346,2,0)-VLOOKUP(AK$1,városok!$A$2:$C$346,2,0))^2+(VLOOKUP($A188,városok!$A$2:$C$346,3,0)-VLOOKUP(AK$1,városok!$A$2:$C$346,3,0))^2)/1000,0)</f>
        <v>194</v>
      </c>
      <c r="AL188">
        <f ca="1">ROUND(SQRT((VLOOKUP($A188,városok!$A$2:$C$346,2,0)-VLOOKUP(AL$1,városok!$A$2:$C$346,2,0))^2+(VLOOKUP($A188,városok!$A$2:$C$346,3,0)-VLOOKUP(AL$1,városok!$A$2:$C$346,3,0))^2)/1000,0)</f>
        <v>166</v>
      </c>
      <c r="AM188">
        <f ca="1">ROUND(SQRT((VLOOKUP($A188,városok!$A$2:$C$346,2,0)-VLOOKUP(AM$1,városok!$A$2:$C$346,2,0))^2+(VLOOKUP($A188,városok!$A$2:$C$346,3,0)-VLOOKUP(AM$1,városok!$A$2:$C$346,3,0))^2)/1000,0)</f>
        <v>142</v>
      </c>
      <c r="AN188">
        <f ca="1">ROUND(SQRT((VLOOKUP($A188,városok!$A$2:$C$346,2,0)-VLOOKUP(AN$1,városok!$A$2:$C$346,2,0))^2+(VLOOKUP($A188,városok!$A$2:$C$346,3,0)-VLOOKUP(AN$1,városok!$A$2:$C$346,3,0))^2)/1000,0)</f>
        <v>19</v>
      </c>
      <c r="AO188">
        <f ca="1">ROUND(SQRT((VLOOKUP($A188,városok!$A$2:$C$346,2,0)-VLOOKUP(AO$1,városok!$A$2:$C$346,2,0))^2+(VLOOKUP($A188,városok!$A$2:$C$346,3,0)-VLOOKUP(AO$1,városok!$A$2:$C$346,3,0))^2)/1000,0)</f>
        <v>28</v>
      </c>
      <c r="AP188">
        <f ca="1">ROUND(SQRT((VLOOKUP($A188,városok!$A$2:$C$346,2,0)-VLOOKUP(AP$1,városok!$A$2:$C$346,2,0))^2+(VLOOKUP($A188,városok!$A$2:$C$346,3,0)-VLOOKUP(AP$1,városok!$A$2:$C$346,3,0))^2)/1000,0)</f>
        <v>16</v>
      </c>
      <c r="AQ188">
        <f ca="1">ROUND(SQRT((VLOOKUP($A188,városok!$A$2:$C$346,2,0)-VLOOKUP(AQ$1,városok!$A$2:$C$346,2,0))^2+(VLOOKUP($A188,városok!$A$2:$C$346,3,0)-VLOOKUP(AQ$1,városok!$A$2:$C$346,3,0))^2)/1000,0)</f>
        <v>21</v>
      </c>
      <c r="AR188">
        <f ca="1">ROUND(SQRT((VLOOKUP($A188,városok!$A$2:$C$346,2,0)-VLOOKUP(AR$1,városok!$A$2:$C$346,2,0))^2+(VLOOKUP($A188,városok!$A$2:$C$346,3,0)-VLOOKUP(AR$1,városok!$A$2:$C$346,3,0))^2)/1000,0)</f>
        <v>92</v>
      </c>
      <c r="AS188">
        <f ca="1">ROUND(SQRT((VLOOKUP($A188,városok!$A$2:$C$346,2,0)-VLOOKUP(AS$1,városok!$A$2:$C$346,2,0))^2+(VLOOKUP($A188,városok!$A$2:$C$346,3,0)-VLOOKUP(AS$1,városok!$A$2:$C$346,3,0))^2)/1000,0)</f>
        <v>107</v>
      </c>
      <c r="AT188">
        <f ca="1">ROUND(SQRT((VLOOKUP($A188,városok!$A$2:$C$346,2,0)-VLOOKUP(AT$1,városok!$A$2:$C$346,2,0))^2+(VLOOKUP($A188,városok!$A$2:$C$346,3,0)-VLOOKUP(AT$1,városok!$A$2:$C$346,3,0))^2)/1000,0)</f>
        <v>39</v>
      </c>
      <c r="AU188">
        <f ca="1">ROUND(SQRT((VLOOKUP($A188,városok!$A$2:$C$346,2,0)-VLOOKUP(AU$1,városok!$A$2:$C$346,2,0))^2+(VLOOKUP($A188,városok!$A$2:$C$346,3,0)-VLOOKUP(AU$1,városok!$A$2:$C$346,3,0))^2)/1000,0)</f>
        <v>47</v>
      </c>
      <c r="AV188">
        <f ca="1">ROUND(SQRT((VLOOKUP($A188,városok!$A$2:$C$346,2,0)-VLOOKUP(AV$1,városok!$A$2:$C$346,2,0))^2+(VLOOKUP($A188,városok!$A$2:$C$346,3,0)-VLOOKUP(AV$1,városok!$A$2:$C$346,3,0))^2)/1000,0)</f>
        <v>51</v>
      </c>
      <c r="AW188">
        <f ca="1">ROUND(SQRT((VLOOKUP($A188,városok!$A$2:$C$346,2,0)-VLOOKUP(AW$1,városok!$A$2:$C$346,2,0))^2+(VLOOKUP($A188,városok!$A$2:$C$346,3,0)-VLOOKUP(AW$1,városok!$A$2:$C$346,3,0))^2)/1000,0)</f>
        <v>50</v>
      </c>
      <c r="AX188">
        <f ca="1">ROUND(SQRT((VLOOKUP($A188,városok!$A$2:$C$346,2,0)-VLOOKUP(AX$1,városok!$A$2:$C$346,2,0))^2+(VLOOKUP($A188,városok!$A$2:$C$346,3,0)-VLOOKUP(AX$1,városok!$A$2:$C$346,3,0))^2)/1000,0)</f>
        <v>125</v>
      </c>
      <c r="AY188">
        <f ca="1">ROUND(SQRT((VLOOKUP($A188,városok!$A$2:$C$346,2,0)-VLOOKUP(AY$1,városok!$A$2:$C$346,2,0))^2+(VLOOKUP($A188,városok!$A$2:$C$346,3,0)-VLOOKUP(AY$1,városok!$A$2:$C$346,3,0))^2)/1000,0)</f>
        <v>43</v>
      </c>
      <c r="AZ188">
        <f ca="1">ROUND(SQRT((VLOOKUP($A188,városok!$A$2:$C$346,2,0)-VLOOKUP(AZ$1,városok!$A$2:$C$346,2,0))^2+(VLOOKUP($A188,városok!$A$2:$C$346,3,0)-VLOOKUP(AZ$1,városok!$A$2:$C$346,3,0))^2)/1000,0)</f>
        <v>36</v>
      </c>
      <c r="BA188">
        <f ca="1">ROUND(SQRT((VLOOKUP($A188,városok!$A$2:$C$346,2,0)-VLOOKUP(BA$1,városok!$A$2:$C$346,2,0))^2+(VLOOKUP($A188,városok!$A$2:$C$346,3,0)-VLOOKUP(BA$1,városok!$A$2:$C$346,3,0))^2)/1000,0)</f>
        <v>123</v>
      </c>
      <c r="BB188">
        <f ca="1">ROUND(SQRT((VLOOKUP($A188,városok!$A$2:$C$346,2,0)-VLOOKUP(BB$1,városok!$A$2:$C$346,2,0))^2+(VLOOKUP($A188,városok!$A$2:$C$346,3,0)-VLOOKUP(BB$1,városok!$A$2:$C$346,3,0))^2)/1000,0)</f>
        <v>140</v>
      </c>
      <c r="BC188">
        <f ca="1">ROUND(SQRT((VLOOKUP($A188,városok!$A$2:$C$346,2,0)-VLOOKUP(BC$1,városok!$A$2:$C$346,2,0))^2+(VLOOKUP($A188,városok!$A$2:$C$346,3,0)-VLOOKUP(BC$1,városok!$A$2:$C$346,3,0))^2)/1000,0)</f>
        <v>163</v>
      </c>
      <c r="BD188">
        <f ca="1">ROUND(SQRT((VLOOKUP($A188,városok!$A$2:$C$346,2,0)-VLOOKUP(BD$1,városok!$A$2:$C$346,2,0))^2+(VLOOKUP($A188,városok!$A$2:$C$346,3,0)-VLOOKUP(BD$1,városok!$A$2:$C$346,3,0))^2)/1000,0)</f>
        <v>98</v>
      </c>
      <c r="BE188">
        <f ca="1">ROUND(SQRT((VLOOKUP($A188,városok!$A$2:$C$346,2,0)-VLOOKUP(BE$1,városok!$A$2:$C$346,2,0))^2+(VLOOKUP($A188,városok!$A$2:$C$346,3,0)-VLOOKUP(BE$1,városok!$A$2:$C$346,3,0))^2)/1000,0)</f>
        <v>313</v>
      </c>
      <c r="BF188">
        <f ca="1">ROUND(SQRT((VLOOKUP($A188,városok!$A$2:$C$346,2,0)-VLOOKUP(BF$1,városok!$A$2:$C$346,2,0))^2+(VLOOKUP($A188,városok!$A$2:$C$346,3,0)-VLOOKUP(BF$1,városok!$A$2:$C$346,3,0))^2)/1000,0)</f>
        <v>273</v>
      </c>
      <c r="BG188">
        <f ca="1">ROUND(SQRT((VLOOKUP($A188,városok!$A$2:$C$346,2,0)-VLOOKUP(BG$1,városok!$A$2:$C$346,2,0))^2+(VLOOKUP($A188,városok!$A$2:$C$346,3,0)-VLOOKUP(BG$1,városok!$A$2:$C$346,3,0))^2)/1000,0)</f>
        <v>226</v>
      </c>
      <c r="BH188">
        <f ca="1">ROUND(SQRT((VLOOKUP($A188,városok!$A$2:$C$346,2,0)-VLOOKUP(BH$1,városok!$A$2:$C$346,2,0))^2+(VLOOKUP($A188,városok!$A$2:$C$346,3,0)-VLOOKUP(BH$1,városok!$A$2:$C$346,3,0))^2)/1000,0)</f>
        <v>226</v>
      </c>
      <c r="BI188">
        <f ca="1">ROUND(SQRT((VLOOKUP($A188,városok!$A$2:$C$346,2,0)-VLOOKUP(BI$1,városok!$A$2:$C$346,2,0))^2+(VLOOKUP($A188,városok!$A$2:$C$346,3,0)-VLOOKUP(BI$1,városok!$A$2:$C$346,3,0))^2)/1000,0)</f>
        <v>150</v>
      </c>
      <c r="BJ188">
        <f ca="1">ROUND(SQRT((VLOOKUP($A188,városok!$A$2:$C$346,2,0)-VLOOKUP(BJ$1,városok!$A$2:$C$346,2,0))^2+(VLOOKUP($A188,városok!$A$2:$C$346,3,0)-VLOOKUP(BJ$1,városok!$A$2:$C$346,3,0))^2)/1000,0)</f>
        <v>162</v>
      </c>
      <c r="BK188">
        <f ca="1">ROUND(SQRT((VLOOKUP($A188,városok!$A$2:$C$346,2,0)-VLOOKUP(BK$1,városok!$A$2:$C$346,2,0))^2+(VLOOKUP($A188,városok!$A$2:$C$346,3,0)-VLOOKUP(BK$1,városok!$A$2:$C$346,3,0))^2)/1000,0)</f>
        <v>156</v>
      </c>
      <c r="BL188">
        <f ca="1">ROUND(SQRT((VLOOKUP($A188,városok!$A$2:$C$346,2,0)-VLOOKUP(BL$1,városok!$A$2:$C$346,2,0))^2+(VLOOKUP($A188,városok!$A$2:$C$346,3,0)-VLOOKUP(BL$1,városok!$A$2:$C$346,3,0))^2)/1000,0)</f>
        <v>164</v>
      </c>
      <c r="BM188">
        <f ca="1">ROUND(SQRT((VLOOKUP($A188,városok!$A$2:$C$346,2,0)-VLOOKUP(BM$1,városok!$A$2:$C$346,2,0))^2+(VLOOKUP($A188,városok!$A$2:$C$346,3,0)-VLOOKUP(BM$1,városok!$A$2:$C$346,3,0))^2)/1000,0)</f>
        <v>130</v>
      </c>
      <c r="BN188">
        <f ca="1">ROUND(SQRT((VLOOKUP($A188,városok!$A$2:$C$346,2,0)-VLOOKUP(BN$1,városok!$A$2:$C$346,2,0))^2+(VLOOKUP($A188,városok!$A$2:$C$346,3,0)-VLOOKUP(BN$1,városok!$A$2:$C$346,3,0))^2)/1000,0)</f>
        <v>152</v>
      </c>
      <c r="BO188">
        <f ca="1">ROUND(SQRT((VLOOKUP($A188,városok!$A$2:$C$346,2,0)-VLOOKUP(BO$1,városok!$A$2:$C$346,2,0))^2+(VLOOKUP($A188,városok!$A$2:$C$346,3,0)-VLOOKUP(BO$1,városok!$A$2:$C$346,3,0))^2)/1000,0)</f>
        <v>87</v>
      </c>
      <c r="BP188">
        <f ca="1">ROUND(SQRT((VLOOKUP($A188,városok!$A$2:$C$346,2,0)-VLOOKUP(BP$1,városok!$A$2:$C$346,2,0))^2+(VLOOKUP($A188,városok!$A$2:$C$346,3,0)-VLOOKUP(BP$1,városok!$A$2:$C$346,3,0))^2)/1000,0)</f>
        <v>84</v>
      </c>
      <c r="BQ188">
        <f ca="1">ROUND(SQRT((VLOOKUP($A188,városok!$A$2:$C$346,2,0)-VLOOKUP(BQ$1,városok!$A$2:$C$346,2,0))^2+(VLOOKUP($A188,városok!$A$2:$C$346,3,0)-VLOOKUP(BQ$1,városok!$A$2:$C$346,3,0))^2)/1000,0)</f>
        <v>85</v>
      </c>
      <c r="BR188">
        <f ca="1">ROUND(SQRT((VLOOKUP($A188,városok!$A$2:$C$346,2,0)-VLOOKUP(BR$1,városok!$A$2:$C$346,2,0))^2+(VLOOKUP($A188,városok!$A$2:$C$346,3,0)-VLOOKUP(BR$1,városok!$A$2:$C$346,3,0))^2)/1000,0)</f>
        <v>143</v>
      </c>
      <c r="BS188">
        <f ca="1">ROUND(SQRT((VLOOKUP($A188,városok!$A$2:$C$346,2,0)-VLOOKUP(BS$1,városok!$A$2:$C$346,2,0))^2+(VLOOKUP($A188,városok!$A$2:$C$346,3,0)-VLOOKUP(BS$1,városok!$A$2:$C$346,3,0))^2)/1000,0)</f>
        <v>184</v>
      </c>
      <c r="BT188">
        <f ca="1">ROUND(SQRT((VLOOKUP($A188,városok!$A$2:$C$346,2,0)-VLOOKUP(BT$1,városok!$A$2:$C$346,2,0))^2+(VLOOKUP($A188,városok!$A$2:$C$346,3,0)-VLOOKUP(BT$1,városok!$A$2:$C$346,3,0))^2)/1000,0)</f>
        <v>161</v>
      </c>
    </row>
    <row r="189" spans="1:72" x14ac:dyDescent="0.2">
      <c r="A189" t="str">
        <f>városok!A189</f>
        <v>Nyergesújfalu</v>
      </c>
      <c r="B189">
        <f ca="1">ROUND(SQRT((VLOOKUP($A189,városok!$A$2:$C$346,2,0)-VLOOKUP(B$1,városok!$A$2:$C$346,2,0))^2+(VLOOKUP($A189,városok!$A$2:$C$346,3,0)-VLOOKUP(B$1,városok!$A$2:$C$346,3,0))^2)/1000,0)</f>
        <v>178</v>
      </c>
      <c r="C189">
        <f ca="1">ROUND(SQRT((VLOOKUP($A189,városok!$A$2:$C$346,2,0)-VLOOKUP(C$1,városok!$A$2:$C$346,2,0))^2+(VLOOKUP($A189,városok!$A$2:$C$346,3,0)-VLOOKUP(C$1,városok!$A$2:$C$346,3,0))^2)/1000,0)</f>
        <v>141</v>
      </c>
      <c r="D189">
        <f ca="1">ROUND(SQRT((VLOOKUP($A189,városok!$A$2:$C$346,2,0)-VLOOKUP(D$1,városok!$A$2:$C$346,2,0))^2+(VLOOKUP($A189,városok!$A$2:$C$346,3,0)-VLOOKUP(D$1,városok!$A$2:$C$346,3,0))^2)/1000,0)</f>
        <v>128</v>
      </c>
      <c r="E189">
        <f ca="1">ROUND(SQRT((VLOOKUP($A189,városok!$A$2:$C$346,2,0)-VLOOKUP(E$1,városok!$A$2:$C$346,2,0))^2+(VLOOKUP($A189,városok!$A$2:$C$346,3,0)-VLOOKUP(E$1,városok!$A$2:$C$346,3,0))^2)/1000,0)</f>
        <v>176</v>
      </c>
      <c r="F189">
        <f ca="1">ROUND(SQRT((VLOOKUP($A189,városok!$A$2:$C$346,2,0)-VLOOKUP(F$1,városok!$A$2:$C$346,2,0))^2+(VLOOKUP($A189,városok!$A$2:$C$346,3,0)-VLOOKUP(F$1,városok!$A$2:$C$346,3,0))^2)/1000,0)</f>
        <v>197</v>
      </c>
      <c r="G189">
        <f ca="1">ROUND(SQRT((VLOOKUP($A189,városok!$A$2:$C$346,2,0)-VLOOKUP(G$1,városok!$A$2:$C$346,2,0))^2+(VLOOKUP($A189,városok!$A$2:$C$346,3,0)-VLOOKUP(G$1,városok!$A$2:$C$346,3,0))^2)/1000,0)</f>
        <v>188</v>
      </c>
      <c r="H189">
        <f ca="1">ROUND(SQRT((VLOOKUP($A189,városok!$A$2:$C$346,2,0)-VLOOKUP(H$1,városok!$A$2:$C$346,2,0))^2+(VLOOKUP($A189,városok!$A$2:$C$346,3,0)-VLOOKUP(H$1,városok!$A$2:$C$346,3,0))^2)/1000,0)</f>
        <v>199</v>
      </c>
      <c r="I189">
        <f ca="1">ROUND(SQRT((VLOOKUP($A189,városok!$A$2:$C$346,2,0)-VLOOKUP(I$1,városok!$A$2:$C$346,2,0))^2+(VLOOKUP($A189,városok!$A$2:$C$346,3,0)-VLOOKUP(I$1,városok!$A$2:$C$346,3,0))^2)/1000,0)</f>
        <v>227</v>
      </c>
      <c r="J189">
        <f ca="1">ROUND(SQRT((VLOOKUP($A189,városok!$A$2:$C$346,2,0)-VLOOKUP(J$1,városok!$A$2:$C$346,2,0))^2+(VLOOKUP($A189,városok!$A$2:$C$346,3,0)-VLOOKUP(J$1,városok!$A$2:$C$346,3,0))^2)/1000,0)</f>
        <v>241</v>
      </c>
      <c r="K189">
        <f ca="1">ROUND(SQRT((VLOOKUP($A189,városok!$A$2:$C$346,2,0)-VLOOKUP(K$1,városok!$A$2:$C$346,2,0))^2+(VLOOKUP($A189,városok!$A$2:$C$346,3,0)-VLOOKUP(K$1,városok!$A$2:$C$346,3,0))^2)/1000,0)</f>
        <v>209</v>
      </c>
      <c r="L189">
        <f ca="1">ROUND(SQRT((VLOOKUP($A189,városok!$A$2:$C$346,2,0)-VLOOKUP(L$1,városok!$A$2:$C$346,2,0))^2+(VLOOKUP($A189,városok!$A$2:$C$346,3,0)-VLOOKUP(L$1,városok!$A$2:$C$346,3,0))^2)/1000,0)</f>
        <v>165</v>
      </c>
      <c r="M189">
        <f ca="1">ROUND(SQRT((VLOOKUP($A189,városok!$A$2:$C$346,2,0)-VLOOKUP(M$1,városok!$A$2:$C$346,2,0))^2+(VLOOKUP($A189,városok!$A$2:$C$346,3,0)-VLOOKUP(M$1,városok!$A$2:$C$346,3,0))^2)/1000,0)</f>
        <v>172</v>
      </c>
      <c r="N189">
        <f ca="1">ROUND(SQRT((VLOOKUP($A189,városok!$A$2:$C$346,2,0)-VLOOKUP(N$1,városok!$A$2:$C$346,2,0))^2+(VLOOKUP($A189,városok!$A$2:$C$346,3,0)-VLOOKUP(N$1,városok!$A$2:$C$346,3,0))^2)/1000,0)</f>
        <v>140</v>
      </c>
      <c r="O189">
        <f ca="1">ROUND(SQRT((VLOOKUP($A189,városok!$A$2:$C$346,2,0)-VLOOKUP(O$1,városok!$A$2:$C$346,2,0))^2+(VLOOKUP($A189,városok!$A$2:$C$346,3,0)-VLOOKUP(O$1,városok!$A$2:$C$346,3,0))^2)/1000,0)</f>
        <v>242</v>
      </c>
      <c r="P189">
        <f ca="1">ROUND(SQRT((VLOOKUP($A189,városok!$A$2:$C$346,2,0)-VLOOKUP(P$1,városok!$A$2:$C$346,2,0))^2+(VLOOKUP($A189,városok!$A$2:$C$346,3,0)-VLOOKUP(P$1,városok!$A$2:$C$346,3,0))^2)/1000,0)</f>
        <v>242</v>
      </c>
      <c r="Q189">
        <f ca="1">ROUND(SQRT((VLOOKUP($A189,városok!$A$2:$C$346,2,0)-VLOOKUP(Q$1,városok!$A$2:$C$346,2,0))^2+(VLOOKUP($A189,városok!$A$2:$C$346,3,0)-VLOOKUP(Q$1,városok!$A$2:$C$346,3,0))^2)/1000,0)</f>
        <v>201</v>
      </c>
      <c r="R189">
        <f ca="1">ROUND(SQRT((VLOOKUP($A189,városok!$A$2:$C$346,2,0)-VLOOKUP(R$1,városok!$A$2:$C$346,2,0))^2+(VLOOKUP($A189,városok!$A$2:$C$346,3,0)-VLOOKUP(R$1,városok!$A$2:$C$346,3,0))^2)/1000,0)</f>
        <v>225</v>
      </c>
      <c r="S189">
        <f ca="1">ROUND(SQRT((VLOOKUP($A189,városok!$A$2:$C$346,2,0)-VLOOKUP(S$1,városok!$A$2:$C$346,2,0))^2+(VLOOKUP($A189,városok!$A$2:$C$346,3,0)-VLOOKUP(S$1,városok!$A$2:$C$346,3,0))^2)/1000,0)</f>
        <v>208</v>
      </c>
      <c r="T189">
        <f ca="1">ROUND(SQRT((VLOOKUP($A189,városok!$A$2:$C$346,2,0)-VLOOKUP(T$1,városok!$A$2:$C$346,2,0))^2+(VLOOKUP($A189,városok!$A$2:$C$346,3,0)-VLOOKUP(T$1,városok!$A$2:$C$346,3,0))^2)/1000,0)</f>
        <v>31</v>
      </c>
      <c r="U189">
        <f ca="1">ROUND(SQRT((VLOOKUP($A189,városok!$A$2:$C$346,2,0)-VLOOKUP(U$1,városok!$A$2:$C$346,2,0))^2+(VLOOKUP($A189,városok!$A$2:$C$346,3,0)-VLOOKUP(U$1,városok!$A$2:$C$346,3,0))^2)/1000,0)</f>
        <v>93</v>
      </c>
      <c r="V189">
        <f ca="1">ROUND(SQRT((VLOOKUP($A189,városok!$A$2:$C$346,2,0)-VLOOKUP(V$1,városok!$A$2:$C$346,2,0))^2+(VLOOKUP($A189,városok!$A$2:$C$346,3,0)-VLOOKUP(V$1,városok!$A$2:$C$346,3,0))^2)/1000,0)</f>
        <v>80</v>
      </c>
      <c r="W189">
        <f ca="1">ROUND(SQRT((VLOOKUP($A189,városok!$A$2:$C$346,2,0)-VLOOKUP(W$1,városok!$A$2:$C$346,2,0))^2+(VLOOKUP($A189,városok!$A$2:$C$346,3,0)-VLOOKUP(W$1,városok!$A$2:$C$346,3,0))^2)/1000,0)</f>
        <v>97</v>
      </c>
      <c r="X189">
        <f ca="1">ROUND(SQRT((VLOOKUP($A189,városok!$A$2:$C$346,2,0)-VLOOKUP(X$1,városok!$A$2:$C$346,2,0))^2+(VLOOKUP($A189,városok!$A$2:$C$346,3,0)-VLOOKUP(X$1,városok!$A$2:$C$346,3,0))^2)/1000,0)</f>
        <v>54</v>
      </c>
      <c r="Y189">
        <f ca="1">ROUND(SQRT((VLOOKUP($A189,városok!$A$2:$C$346,2,0)-VLOOKUP(Y$1,városok!$A$2:$C$346,2,0))^2+(VLOOKUP($A189,városok!$A$2:$C$346,3,0)-VLOOKUP(Y$1,városok!$A$2:$C$346,3,0))^2)/1000,0)</f>
        <v>69</v>
      </c>
      <c r="Z189">
        <f ca="1">ROUND(SQRT((VLOOKUP($A189,városok!$A$2:$C$346,2,0)-VLOOKUP(Z$1,városok!$A$2:$C$346,2,0))^2+(VLOOKUP($A189,városok!$A$2:$C$346,3,0)-VLOOKUP(Z$1,városok!$A$2:$C$346,3,0))^2)/1000,0)</f>
        <v>87</v>
      </c>
      <c r="AA189">
        <f ca="1">ROUND(SQRT((VLOOKUP($A189,városok!$A$2:$C$346,2,0)-VLOOKUP(AA$1,városok!$A$2:$C$346,2,0))^2+(VLOOKUP($A189,városok!$A$2:$C$346,3,0)-VLOOKUP(AA$1,városok!$A$2:$C$346,3,0))^2)/1000,0)</f>
        <v>147</v>
      </c>
      <c r="AB189">
        <f ca="1">ROUND(SQRT((VLOOKUP($A189,városok!$A$2:$C$346,2,0)-VLOOKUP(AB$1,városok!$A$2:$C$346,2,0))^2+(VLOOKUP($A189,városok!$A$2:$C$346,3,0)-VLOOKUP(AB$1,városok!$A$2:$C$346,3,0))^2)/1000,0)</f>
        <v>233</v>
      </c>
      <c r="AC189">
        <f ca="1">ROUND(SQRT((VLOOKUP($A189,városok!$A$2:$C$346,2,0)-VLOOKUP(AC$1,városok!$A$2:$C$346,2,0))^2+(VLOOKUP($A189,városok!$A$2:$C$346,3,0)-VLOOKUP(AC$1,városok!$A$2:$C$346,3,0))^2)/1000,0)</f>
        <v>217</v>
      </c>
      <c r="AD189">
        <f ca="1">ROUND(SQRT((VLOOKUP($A189,városok!$A$2:$C$346,2,0)-VLOOKUP(AD$1,városok!$A$2:$C$346,2,0))^2+(VLOOKUP($A189,városok!$A$2:$C$346,3,0)-VLOOKUP(AD$1,városok!$A$2:$C$346,3,0))^2)/1000,0)</f>
        <v>200</v>
      </c>
      <c r="AE189">
        <f ca="1">ROUND(SQRT((VLOOKUP($A189,városok!$A$2:$C$346,2,0)-VLOOKUP(AE$1,városok!$A$2:$C$346,2,0))^2+(VLOOKUP($A189,városok!$A$2:$C$346,3,0)-VLOOKUP(AE$1,városok!$A$2:$C$346,3,0))^2)/1000,0)</f>
        <v>204</v>
      </c>
      <c r="AF189">
        <f ca="1">ROUND(SQRT((VLOOKUP($A189,városok!$A$2:$C$346,2,0)-VLOOKUP(AF$1,városok!$A$2:$C$346,2,0))^2+(VLOOKUP($A189,városok!$A$2:$C$346,3,0)-VLOOKUP(AF$1,városok!$A$2:$C$346,3,0))^2)/1000,0)</f>
        <v>138</v>
      </c>
      <c r="AG189">
        <f ca="1">ROUND(SQRT((VLOOKUP($A189,városok!$A$2:$C$346,2,0)-VLOOKUP(AG$1,városok!$A$2:$C$346,2,0))^2+(VLOOKUP($A189,városok!$A$2:$C$346,3,0)-VLOOKUP(AG$1,városok!$A$2:$C$346,3,0))^2)/1000,0)</f>
        <v>103</v>
      </c>
      <c r="AH189">
        <f ca="1">ROUND(SQRT((VLOOKUP($A189,városok!$A$2:$C$346,2,0)-VLOOKUP(AH$1,városok!$A$2:$C$346,2,0))^2+(VLOOKUP($A189,városok!$A$2:$C$346,3,0)-VLOOKUP(AH$1,városok!$A$2:$C$346,3,0))^2)/1000,0)</f>
        <v>85</v>
      </c>
      <c r="AI189">
        <f ca="1">ROUND(SQRT((VLOOKUP($A189,városok!$A$2:$C$346,2,0)-VLOOKUP(AI$1,városok!$A$2:$C$346,2,0))^2+(VLOOKUP($A189,városok!$A$2:$C$346,3,0)-VLOOKUP(AI$1,városok!$A$2:$C$346,3,0))^2)/1000,0)</f>
        <v>120</v>
      </c>
      <c r="AJ189">
        <f ca="1">ROUND(SQRT((VLOOKUP($A189,városok!$A$2:$C$346,2,0)-VLOOKUP(AJ$1,városok!$A$2:$C$346,2,0))^2+(VLOOKUP($A189,városok!$A$2:$C$346,3,0)-VLOOKUP(AJ$1,városok!$A$2:$C$346,3,0))^2)/1000,0)</f>
        <v>108</v>
      </c>
      <c r="AK189">
        <f ca="1">ROUND(SQRT((VLOOKUP($A189,városok!$A$2:$C$346,2,0)-VLOOKUP(AK$1,városok!$A$2:$C$346,2,0))^2+(VLOOKUP($A189,városok!$A$2:$C$346,3,0)-VLOOKUP(AK$1,városok!$A$2:$C$346,3,0))^2)/1000,0)</f>
        <v>190</v>
      </c>
      <c r="AL189">
        <f ca="1">ROUND(SQRT((VLOOKUP($A189,városok!$A$2:$C$346,2,0)-VLOOKUP(AL$1,városok!$A$2:$C$346,2,0))^2+(VLOOKUP($A189,városok!$A$2:$C$346,3,0)-VLOOKUP(AL$1,városok!$A$2:$C$346,3,0))^2)/1000,0)</f>
        <v>163</v>
      </c>
      <c r="AM189">
        <f ca="1">ROUND(SQRT((VLOOKUP($A189,városok!$A$2:$C$346,2,0)-VLOOKUP(AM$1,városok!$A$2:$C$346,2,0))^2+(VLOOKUP($A189,városok!$A$2:$C$346,3,0)-VLOOKUP(AM$1,városok!$A$2:$C$346,3,0))^2)/1000,0)</f>
        <v>139</v>
      </c>
      <c r="AN189">
        <f ca="1">ROUND(SQRT((VLOOKUP($A189,városok!$A$2:$C$346,2,0)-VLOOKUP(AN$1,városok!$A$2:$C$346,2,0))^2+(VLOOKUP($A189,városok!$A$2:$C$346,3,0)-VLOOKUP(AN$1,városok!$A$2:$C$346,3,0))^2)/1000,0)</f>
        <v>15</v>
      </c>
      <c r="AO189">
        <f ca="1">ROUND(SQRT((VLOOKUP($A189,városok!$A$2:$C$346,2,0)-VLOOKUP(AO$1,városok!$A$2:$C$346,2,0))^2+(VLOOKUP($A189,városok!$A$2:$C$346,3,0)-VLOOKUP(AO$1,városok!$A$2:$C$346,3,0))^2)/1000,0)</f>
        <v>32</v>
      </c>
      <c r="AP189">
        <f ca="1">ROUND(SQRT((VLOOKUP($A189,városok!$A$2:$C$346,2,0)-VLOOKUP(AP$1,városok!$A$2:$C$346,2,0))^2+(VLOOKUP($A189,városok!$A$2:$C$346,3,0)-VLOOKUP(AP$1,városok!$A$2:$C$346,3,0))^2)/1000,0)</f>
        <v>20</v>
      </c>
      <c r="AQ189">
        <f ca="1">ROUND(SQRT((VLOOKUP($A189,városok!$A$2:$C$346,2,0)-VLOOKUP(AQ$1,városok!$A$2:$C$346,2,0))^2+(VLOOKUP($A189,városok!$A$2:$C$346,3,0)-VLOOKUP(AQ$1,városok!$A$2:$C$346,3,0))^2)/1000,0)</f>
        <v>23</v>
      </c>
      <c r="AR189">
        <f ca="1">ROUND(SQRT((VLOOKUP($A189,városok!$A$2:$C$346,2,0)-VLOOKUP(AR$1,városok!$A$2:$C$346,2,0))^2+(VLOOKUP($A189,városok!$A$2:$C$346,3,0)-VLOOKUP(AR$1,városok!$A$2:$C$346,3,0))^2)/1000,0)</f>
        <v>88</v>
      </c>
      <c r="AS189">
        <f ca="1">ROUND(SQRT((VLOOKUP($A189,városok!$A$2:$C$346,2,0)-VLOOKUP(AS$1,városok!$A$2:$C$346,2,0))^2+(VLOOKUP($A189,városok!$A$2:$C$346,3,0)-VLOOKUP(AS$1,városok!$A$2:$C$346,3,0))^2)/1000,0)</f>
        <v>103</v>
      </c>
      <c r="AT189">
        <f ca="1">ROUND(SQRT((VLOOKUP($A189,városok!$A$2:$C$346,2,0)-VLOOKUP(AT$1,városok!$A$2:$C$346,2,0))^2+(VLOOKUP($A189,városok!$A$2:$C$346,3,0)-VLOOKUP(AT$1,városok!$A$2:$C$346,3,0))^2)/1000,0)</f>
        <v>38</v>
      </c>
      <c r="AU189">
        <f ca="1">ROUND(SQRT((VLOOKUP($A189,városok!$A$2:$C$346,2,0)-VLOOKUP(AU$1,városok!$A$2:$C$346,2,0))^2+(VLOOKUP($A189,városok!$A$2:$C$346,3,0)-VLOOKUP(AU$1,városok!$A$2:$C$346,3,0))^2)/1000,0)</f>
        <v>46</v>
      </c>
      <c r="AV189">
        <f ca="1">ROUND(SQRT((VLOOKUP($A189,városok!$A$2:$C$346,2,0)-VLOOKUP(AV$1,városok!$A$2:$C$346,2,0))^2+(VLOOKUP($A189,városok!$A$2:$C$346,3,0)-VLOOKUP(AV$1,városok!$A$2:$C$346,3,0))^2)/1000,0)</f>
        <v>49</v>
      </c>
      <c r="AW189">
        <f ca="1">ROUND(SQRT((VLOOKUP($A189,városok!$A$2:$C$346,2,0)-VLOOKUP(AW$1,városok!$A$2:$C$346,2,0))^2+(VLOOKUP($A189,városok!$A$2:$C$346,3,0)-VLOOKUP(AW$1,városok!$A$2:$C$346,3,0))^2)/1000,0)</f>
        <v>49</v>
      </c>
      <c r="AX189">
        <f ca="1">ROUND(SQRT((VLOOKUP($A189,városok!$A$2:$C$346,2,0)-VLOOKUP(AX$1,városok!$A$2:$C$346,2,0))^2+(VLOOKUP($A189,városok!$A$2:$C$346,3,0)-VLOOKUP(AX$1,városok!$A$2:$C$346,3,0))^2)/1000,0)</f>
        <v>123</v>
      </c>
      <c r="AY189">
        <f ca="1">ROUND(SQRT((VLOOKUP($A189,városok!$A$2:$C$346,2,0)-VLOOKUP(AY$1,városok!$A$2:$C$346,2,0))^2+(VLOOKUP($A189,városok!$A$2:$C$346,3,0)-VLOOKUP(AY$1,városok!$A$2:$C$346,3,0))^2)/1000,0)</f>
        <v>40</v>
      </c>
      <c r="AZ189">
        <f ca="1">ROUND(SQRT((VLOOKUP($A189,városok!$A$2:$C$346,2,0)-VLOOKUP(AZ$1,városok!$A$2:$C$346,2,0))^2+(VLOOKUP($A189,városok!$A$2:$C$346,3,0)-VLOOKUP(AZ$1,városok!$A$2:$C$346,3,0))^2)/1000,0)</f>
        <v>32</v>
      </c>
      <c r="BA189">
        <f ca="1">ROUND(SQRT((VLOOKUP($A189,városok!$A$2:$C$346,2,0)-VLOOKUP(BA$1,városok!$A$2:$C$346,2,0))^2+(VLOOKUP($A189,városok!$A$2:$C$346,3,0)-VLOOKUP(BA$1,városok!$A$2:$C$346,3,0))^2)/1000,0)</f>
        <v>126</v>
      </c>
      <c r="BB189">
        <f ca="1">ROUND(SQRT((VLOOKUP($A189,városok!$A$2:$C$346,2,0)-VLOOKUP(BB$1,városok!$A$2:$C$346,2,0))^2+(VLOOKUP($A189,városok!$A$2:$C$346,3,0)-VLOOKUP(BB$1,városok!$A$2:$C$346,3,0))^2)/1000,0)</f>
        <v>143</v>
      </c>
      <c r="BC189">
        <f ca="1">ROUND(SQRT((VLOOKUP($A189,városok!$A$2:$C$346,2,0)-VLOOKUP(BC$1,városok!$A$2:$C$346,2,0))^2+(VLOOKUP($A189,városok!$A$2:$C$346,3,0)-VLOOKUP(BC$1,városok!$A$2:$C$346,3,0))^2)/1000,0)</f>
        <v>166</v>
      </c>
      <c r="BD189">
        <f ca="1">ROUND(SQRT((VLOOKUP($A189,városok!$A$2:$C$346,2,0)-VLOOKUP(BD$1,városok!$A$2:$C$346,2,0))^2+(VLOOKUP($A189,városok!$A$2:$C$346,3,0)-VLOOKUP(BD$1,városok!$A$2:$C$346,3,0))^2)/1000,0)</f>
        <v>101</v>
      </c>
      <c r="BE189">
        <f ca="1">ROUND(SQRT((VLOOKUP($A189,városok!$A$2:$C$346,2,0)-VLOOKUP(BE$1,városok!$A$2:$C$346,2,0))^2+(VLOOKUP($A189,városok!$A$2:$C$346,3,0)-VLOOKUP(BE$1,városok!$A$2:$C$346,3,0))^2)/1000,0)</f>
        <v>309</v>
      </c>
      <c r="BF189">
        <f ca="1">ROUND(SQRT((VLOOKUP($A189,városok!$A$2:$C$346,2,0)-VLOOKUP(BF$1,városok!$A$2:$C$346,2,0))^2+(VLOOKUP($A189,városok!$A$2:$C$346,3,0)-VLOOKUP(BF$1,városok!$A$2:$C$346,3,0))^2)/1000,0)</f>
        <v>268</v>
      </c>
      <c r="BG189">
        <f ca="1">ROUND(SQRT((VLOOKUP($A189,városok!$A$2:$C$346,2,0)-VLOOKUP(BG$1,városok!$A$2:$C$346,2,0))^2+(VLOOKUP($A189,városok!$A$2:$C$346,3,0)-VLOOKUP(BG$1,városok!$A$2:$C$346,3,0))^2)/1000,0)</f>
        <v>222</v>
      </c>
      <c r="BH189">
        <f ca="1">ROUND(SQRT((VLOOKUP($A189,városok!$A$2:$C$346,2,0)-VLOOKUP(BH$1,városok!$A$2:$C$346,2,0))^2+(VLOOKUP($A189,városok!$A$2:$C$346,3,0)-VLOOKUP(BH$1,városok!$A$2:$C$346,3,0))^2)/1000,0)</f>
        <v>222</v>
      </c>
      <c r="BI189">
        <f ca="1">ROUND(SQRT((VLOOKUP($A189,városok!$A$2:$C$346,2,0)-VLOOKUP(BI$1,városok!$A$2:$C$346,2,0))^2+(VLOOKUP($A189,városok!$A$2:$C$346,3,0)-VLOOKUP(BI$1,városok!$A$2:$C$346,3,0))^2)/1000,0)</f>
        <v>151</v>
      </c>
      <c r="BJ189">
        <f ca="1">ROUND(SQRT((VLOOKUP($A189,városok!$A$2:$C$346,2,0)-VLOOKUP(BJ$1,városok!$A$2:$C$346,2,0))^2+(VLOOKUP($A189,városok!$A$2:$C$346,3,0)-VLOOKUP(BJ$1,városok!$A$2:$C$346,3,0))^2)/1000,0)</f>
        <v>164</v>
      </c>
      <c r="BK189">
        <f ca="1">ROUND(SQRT((VLOOKUP($A189,városok!$A$2:$C$346,2,0)-VLOOKUP(BK$1,városok!$A$2:$C$346,2,0))^2+(VLOOKUP($A189,városok!$A$2:$C$346,3,0)-VLOOKUP(BK$1,városok!$A$2:$C$346,3,0))^2)/1000,0)</f>
        <v>157</v>
      </c>
      <c r="BL189">
        <f ca="1">ROUND(SQRT((VLOOKUP($A189,városok!$A$2:$C$346,2,0)-VLOOKUP(BL$1,városok!$A$2:$C$346,2,0))^2+(VLOOKUP($A189,városok!$A$2:$C$346,3,0)-VLOOKUP(BL$1,városok!$A$2:$C$346,3,0))^2)/1000,0)</f>
        <v>168</v>
      </c>
      <c r="BM189">
        <f ca="1">ROUND(SQRT((VLOOKUP($A189,városok!$A$2:$C$346,2,0)-VLOOKUP(BM$1,városok!$A$2:$C$346,2,0))^2+(VLOOKUP($A189,városok!$A$2:$C$346,3,0)-VLOOKUP(BM$1,városok!$A$2:$C$346,3,0))^2)/1000,0)</f>
        <v>134</v>
      </c>
      <c r="BN189">
        <f ca="1">ROUND(SQRT((VLOOKUP($A189,városok!$A$2:$C$346,2,0)-VLOOKUP(BN$1,városok!$A$2:$C$346,2,0))^2+(VLOOKUP($A189,városok!$A$2:$C$346,3,0)-VLOOKUP(BN$1,városok!$A$2:$C$346,3,0))^2)/1000,0)</f>
        <v>156</v>
      </c>
      <c r="BO189">
        <f ca="1">ROUND(SQRT((VLOOKUP($A189,városok!$A$2:$C$346,2,0)-VLOOKUP(BO$1,városok!$A$2:$C$346,2,0))^2+(VLOOKUP($A189,városok!$A$2:$C$346,3,0)-VLOOKUP(BO$1,városok!$A$2:$C$346,3,0))^2)/1000,0)</f>
        <v>90</v>
      </c>
      <c r="BP189">
        <f ca="1">ROUND(SQRT((VLOOKUP($A189,városok!$A$2:$C$346,2,0)-VLOOKUP(BP$1,városok!$A$2:$C$346,2,0))^2+(VLOOKUP($A189,városok!$A$2:$C$346,3,0)-VLOOKUP(BP$1,városok!$A$2:$C$346,3,0))^2)/1000,0)</f>
        <v>87</v>
      </c>
      <c r="BQ189">
        <f ca="1">ROUND(SQRT((VLOOKUP($A189,városok!$A$2:$C$346,2,0)-VLOOKUP(BQ$1,városok!$A$2:$C$346,2,0))^2+(VLOOKUP($A189,városok!$A$2:$C$346,3,0)-VLOOKUP(BQ$1,városok!$A$2:$C$346,3,0))^2)/1000,0)</f>
        <v>88</v>
      </c>
      <c r="BR189">
        <f ca="1">ROUND(SQRT((VLOOKUP($A189,városok!$A$2:$C$346,2,0)-VLOOKUP(BR$1,városok!$A$2:$C$346,2,0))^2+(VLOOKUP($A189,városok!$A$2:$C$346,3,0)-VLOOKUP(BR$1,városok!$A$2:$C$346,3,0))^2)/1000,0)</f>
        <v>147</v>
      </c>
      <c r="BS189">
        <f ca="1">ROUND(SQRT((VLOOKUP($A189,városok!$A$2:$C$346,2,0)-VLOOKUP(BS$1,városok!$A$2:$C$346,2,0))^2+(VLOOKUP($A189,városok!$A$2:$C$346,3,0)-VLOOKUP(BS$1,városok!$A$2:$C$346,3,0))^2)/1000,0)</f>
        <v>187</v>
      </c>
      <c r="BT189">
        <f ca="1">ROUND(SQRT((VLOOKUP($A189,városok!$A$2:$C$346,2,0)-VLOOKUP(BT$1,városok!$A$2:$C$346,2,0))^2+(VLOOKUP($A189,városok!$A$2:$C$346,3,0)-VLOOKUP(BT$1,városok!$A$2:$C$346,3,0))^2)/1000,0)</f>
        <v>165</v>
      </c>
    </row>
    <row r="190" spans="1:72" x14ac:dyDescent="0.2">
      <c r="A190" t="str">
        <f>városok!A190</f>
        <v>Oroszlány</v>
      </c>
      <c r="B190">
        <f ca="1">ROUND(SQRT((VLOOKUP($A190,városok!$A$2:$C$346,2,0)-VLOOKUP(B$1,városok!$A$2:$C$346,2,0))^2+(VLOOKUP($A190,városok!$A$2:$C$346,3,0)-VLOOKUP(B$1,városok!$A$2:$C$346,3,0))^2)/1000,0)</f>
        <v>153</v>
      </c>
      <c r="C190">
        <f ca="1">ROUND(SQRT((VLOOKUP($A190,városok!$A$2:$C$346,2,0)-VLOOKUP(C$1,városok!$A$2:$C$346,2,0))^2+(VLOOKUP($A190,városok!$A$2:$C$346,3,0)-VLOOKUP(C$1,városok!$A$2:$C$346,3,0))^2)/1000,0)</f>
        <v>118</v>
      </c>
      <c r="D190">
        <f ca="1">ROUND(SQRT((VLOOKUP($A190,városok!$A$2:$C$346,2,0)-VLOOKUP(D$1,városok!$A$2:$C$346,2,0))^2+(VLOOKUP($A190,városok!$A$2:$C$346,3,0)-VLOOKUP(D$1,városok!$A$2:$C$346,3,0))^2)/1000,0)</f>
        <v>122</v>
      </c>
      <c r="E190">
        <f ca="1">ROUND(SQRT((VLOOKUP($A190,városok!$A$2:$C$346,2,0)-VLOOKUP(E$1,városok!$A$2:$C$346,2,0))^2+(VLOOKUP($A190,városok!$A$2:$C$346,3,0)-VLOOKUP(E$1,városok!$A$2:$C$346,3,0))^2)/1000,0)</f>
        <v>144</v>
      </c>
      <c r="F190">
        <f ca="1">ROUND(SQRT((VLOOKUP($A190,városok!$A$2:$C$346,2,0)-VLOOKUP(F$1,városok!$A$2:$C$346,2,0))^2+(VLOOKUP($A190,városok!$A$2:$C$346,3,0)-VLOOKUP(F$1,városok!$A$2:$C$346,3,0))^2)/1000,0)</f>
        <v>169</v>
      </c>
      <c r="G190">
        <f ca="1">ROUND(SQRT((VLOOKUP($A190,városok!$A$2:$C$346,2,0)-VLOOKUP(G$1,városok!$A$2:$C$346,2,0))^2+(VLOOKUP($A190,városok!$A$2:$C$346,3,0)-VLOOKUP(G$1,városok!$A$2:$C$346,3,0))^2)/1000,0)</f>
        <v>157</v>
      </c>
      <c r="H190">
        <f ca="1">ROUND(SQRT((VLOOKUP($A190,városok!$A$2:$C$346,2,0)-VLOOKUP(H$1,városok!$A$2:$C$346,2,0))^2+(VLOOKUP($A190,városok!$A$2:$C$346,3,0)-VLOOKUP(H$1,városok!$A$2:$C$346,3,0))^2)/1000,0)</f>
        <v>165</v>
      </c>
      <c r="I190">
        <f ca="1">ROUND(SQRT((VLOOKUP($A190,városok!$A$2:$C$346,2,0)-VLOOKUP(I$1,városok!$A$2:$C$346,2,0))^2+(VLOOKUP($A190,városok!$A$2:$C$346,3,0)-VLOOKUP(I$1,városok!$A$2:$C$346,3,0))^2)/1000,0)</f>
        <v>228</v>
      </c>
      <c r="J190">
        <f ca="1">ROUND(SQRT((VLOOKUP($A190,városok!$A$2:$C$346,2,0)-VLOOKUP(J$1,városok!$A$2:$C$346,2,0))^2+(VLOOKUP($A190,városok!$A$2:$C$346,3,0)-VLOOKUP(J$1,városok!$A$2:$C$346,3,0))^2)/1000,0)</f>
        <v>243</v>
      </c>
      <c r="K190">
        <f ca="1">ROUND(SQRT((VLOOKUP($A190,városok!$A$2:$C$346,2,0)-VLOOKUP(K$1,városok!$A$2:$C$346,2,0))^2+(VLOOKUP($A190,városok!$A$2:$C$346,3,0)-VLOOKUP(K$1,városok!$A$2:$C$346,3,0))^2)/1000,0)</f>
        <v>206</v>
      </c>
      <c r="L190">
        <f ca="1">ROUND(SQRT((VLOOKUP($A190,városok!$A$2:$C$346,2,0)-VLOOKUP(L$1,városok!$A$2:$C$346,2,0))^2+(VLOOKUP($A190,városok!$A$2:$C$346,3,0)-VLOOKUP(L$1,városok!$A$2:$C$346,3,0))^2)/1000,0)</f>
        <v>193</v>
      </c>
      <c r="M190">
        <f ca="1">ROUND(SQRT((VLOOKUP($A190,városok!$A$2:$C$346,2,0)-VLOOKUP(M$1,városok!$A$2:$C$346,2,0))^2+(VLOOKUP($A190,városok!$A$2:$C$346,3,0)-VLOOKUP(M$1,városok!$A$2:$C$346,3,0))^2)/1000,0)</f>
        <v>198</v>
      </c>
      <c r="N190">
        <f ca="1">ROUND(SQRT((VLOOKUP($A190,városok!$A$2:$C$346,2,0)-VLOOKUP(N$1,városok!$A$2:$C$346,2,0))^2+(VLOOKUP($A190,városok!$A$2:$C$346,3,0)-VLOOKUP(N$1,városok!$A$2:$C$346,3,0))^2)/1000,0)</f>
        <v>169</v>
      </c>
      <c r="O190">
        <f ca="1">ROUND(SQRT((VLOOKUP($A190,városok!$A$2:$C$346,2,0)-VLOOKUP(O$1,városok!$A$2:$C$346,2,0))^2+(VLOOKUP($A190,városok!$A$2:$C$346,3,0)-VLOOKUP(O$1,városok!$A$2:$C$346,3,0))^2)/1000,0)</f>
        <v>269</v>
      </c>
      <c r="P190">
        <f ca="1">ROUND(SQRT((VLOOKUP($A190,városok!$A$2:$C$346,2,0)-VLOOKUP(P$1,városok!$A$2:$C$346,2,0))^2+(VLOOKUP($A190,városok!$A$2:$C$346,3,0)-VLOOKUP(P$1,városok!$A$2:$C$346,3,0))^2)/1000,0)</f>
        <v>269</v>
      </c>
      <c r="Q190">
        <f ca="1">ROUND(SQRT((VLOOKUP($A190,városok!$A$2:$C$346,2,0)-VLOOKUP(Q$1,városok!$A$2:$C$346,2,0))^2+(VLOOKUP($A190,városok!$A$2:$C$346,3,0)-VLOOKUP(Q$1,városok!$A$2:$C$346,3,0))^2)/1000,0)</f>
        <v>193</v>
      </c>
      <c r="R190">
        <f ca="1">ROUND(SQRT((VLOOKUP($A190,városok!$A$2:$C$346,2,0)-VLOOKUP(R$1,városok!$A$2:$C$346,2,0))^2+(VLOOKUP($A190,városok!$A$2:$C$346,3,0)-VLOOKUP(R$1,városok!$A$2:$C$346,3,0))^2)/1000,0)</f>
        <v>217</v>
      </c>
      <c r="S190">
        <f ca="1">ROUND(SQRT((VLOOKUP($A190,városok!$A$2:$C$346,2,0)-VLOOKUP(S$1,városok!$A$2:$C$346,2,0))^2+(VLOOKUP($A190,városok!$A$2:$C$346,3,0)-VLOOKUP(S$1,városok!$A$2:$C$346,3,0))^2)/1000,0)</f>
        <v>197</v>
      </c>
      <c r="T190">
        <f ca="1">ROUND(SQRT((VLOOKUP($A190,városok!$A$2:$C$346,2,0)-VLOOKUP(T$1,városok!$A$2:$C$346,2,0))^2+(VLOOKUP($A190,városok!$A$2:$C$346,3,0)-VLOOKUP(T$1,városok!$A$2:$C$346,3,0))^2)/1000,0)</f>
        <v>24</v>
      </c>
      <c r="U190">
        <f ca="1">ROUND(SQRT((VLOOKUP($A190,városok!$A$2:$C$346,2,0)-VLOOKUP(U$1,városok!$A$2:$C$346,2,0))^2+(VLOOKUP($A190,városok!$A$2:$C$346,3,0)-VLOOKUP(U$1,városok!$A$2:$C$346,3,0))^2)/1000,0)</f>
        <v>74</v>
      </c>
      <c r="V190">
        <f ca="1">ROUND(SQRT((VLOOKUP($A190,városok!$A$2:$C$346,2,0)-VLOOKUP(V$1,városok!$A$2:$C$346,2,0))^2+(VLOOKUP($A190,városok!$A$2:$C$346,3,0)-VLOOKUP(V$1,városok!$A$2:$C$346,3,0))^2)/1000,0)</f>
        <v>47</v>
      </c>
      <c r="W190">
        <f ca="1">ROUND(SQRT((VLOOKUP($A190,városok!$A$2:$C$346,2,0)-VLOOKUP(W$1,városok!$A$2:$C$346,2,0))^2+(VLOOKUP($A190,városok!$A$2:$C$346,3,0)-VLOOKUP(W$1,városok!$A$2:$C$346,3,0))^2)/1000,0)</f>
        <v>71</v>
      </c>
      <c r="X190">
        <f ca="1">ROUND(SQRT((VLOOKUP($A190,városok!$A$2:$C$346,2,0)-VLOOKUP(X$1,városok!$A$2:$C$346,2,0))^2+(VLOOKUP($A190,városok!$A$2:$C$346,3,0)-VLOOKUP(X$1,városok!$A$2:$C$346,3,0))^2)/1000,0)</f>
        <v>22</v>
      </c>
      <c r="Y190">
        <f ca="1">ROUND(SQRT((VLOOKUP($A190,városok!$A$2:$C$346,2,0)-VLOOKUP(Y$1,városok!$A$2:$C$346,2,0))^2+(VLOOKUP($A190,városok!$A$2:$C$346,3,0)-VLOOKUP(Y$1,városok!$A$2:$C$346,3,0))^2)/1000,0)</f>
        <v>56</v>
      </c>
      <c r="Z190">
        <f ca="1">ROUND(SQRT((VLOOKUP($A190,városok!$A$2:$C$346,2,0)-VLOOKUP(Z$1,városok!$A$2:$C$346,2,0))^2+(VLOOKUP($A190,városok!$A$2:$C$346,3,0)-VLOOKUP(Z$1,városok!$A$2:$C$346,3,0))^2)/1000,0)</f>
        <v>75</v>
      </c>
      <c r="AA190">
        <f ca="1">ROUND(SQRT((VLOOKUP($A190,városok!$A$2:$C$346,2,0)-VLOOKUP(AA$1,városok!$A$2:$C$346,2,0))^2+(VLOOKUP($A190,városok!$A$2:$C$346,3,0)-VLOOKUP(AA$1,városok!$A$2:$C$346,3,0))^2)/1000,0)</f>
        <v>132</v>
      </c>
      <c r="AB190">
        <f ca="1">ROUND(SQRT((VLOOKUP($A190,városok!$A$2:$C$346,2,0)-VLOOKUP(AB$1,városok!$A$2:$C$346,2,0))^2+(VLOOKUP($A190,városok!$A$2:$C$346,3,0)-VLOOKUP(AB$1,városok!$A$2:$C$346,3,0))^2)/1000,0)</f>
        <v>250</v>
      </c>
      <c r="AC190">
        <f ca="1">ROUND(SQRT((VLOOKUP($A190,városok!$A$2:$C$346,2,0)-VLOOKUP(AC$1,városok!$A$2:$C$346,2,0))^2+(VLOOKUP($A190,városok!$A$2:$C$346,3,0)-VLOOKUP(AC$1,városok!$A$2:$C$346,3,0))^2)/1000,0)</f>
        <v>232</v>
      </c>
      <c r="AD190">
        <f ca="1">ROUND(SQRT((VLOOKUP($A190,városok!$A$2:$C$346,2,0)-VLOOKUP(AD$1,városok!$A$2:$C$346,2,0))^2+(VLOOKUP($A190,városok!$A$2:$C$346,3,0)-VLOOKUP(AD$1,városok!$A$2:$C$346,3,0))^2)/1000,0)</f>
        <v>215</v>
      </c>
      <c r="AE190">
        <f ca="1">ROUND(SQRT((VLOOKUP($A190,városok!$A$2:$C$346,2,0)-VLOOKUP(AE$1,városok!$A$2:$C$346,2,0))^2+(VLOOKUP($A190,városok!$A$2:$C$346,3,0)-VLOOKUP(AE$1,városok!$A$2:$C$346,3,0))^2)/1000,0)</f>
        <v>217</v>
      </c>
      <c r="AF190">
        <f ca="1">ROUND(SQRT((VLOOKUP($A190,városok!$A$2:$C$346,2,0)-VLOOKUP(AF$1,városok!$A$2:$C$346,2,0))^2+(VLOOKUP($A190,városok!$A$2:$C$346,3,0)-VLOOKUP(AF$1,városok!$A$2:$C$346,3,0))^2)/1000,0)</f>
        <v>161</v>
      </c>
      <c r="AG190">
        <f ca="1">ROUND(SQRT((VLOOKUP($A190,városok!$A$2:$C$346,2,0)-VLOOKUP(AG$1,városok!$A$2:$C$346,2,0))^2+(VLOOKUP($A190,városok!$A$2:$C$346,3,0)-VLOOKUP(AG$1,városok!$A$2:$C$346,3,0))^2)/1000,0)</f>
        <v>125</v>
      </c>
      <c r="AH190">
        <f ca="1">ROUND(SQRT((VLOOKUP($A190,városok!$A$2:$C$346,2,0)-VLOOKUP(AH$1,városok!$A$2:$C$346,2,0))^2+(VLOOKUP($A190,városok!$A$2:$C$346,3,0)-VLOOKUP(AH$1,városok!$A$2:$C$346,3,0))^2)/1000,0)</f>
        <v>104</v>
      </c>
      <c r="AI190">
        <f ca="1">ROUND(SQRT((VLOOKUP($A190,városok!$A$2:$C$346,2,0)-VLOOKUP(AI$1,városok!$A$2:$C$346,2,0))^2+(VLOOKUP($A190,városok!$A$2:$C$346,3,0)-VLOOKUP(AI$1,városok!$A$2:$C$346,3,0))^2)/1000,0)</f>
        <v>146</v>
      </c>
      <c r="AJ190">
        <f ca="1">ROUND(SQRT((VLOOKUP($A190,városok!$A$2:$C$346,2,0)-VLOOKUP(AJ$1,városok!$A$2:$C$346,2,0))^2+(VLOOKUP($A190,városok!$A$2:$C$346,3,0)-VLOOKUP(AJ$1,városok!$A$2:$C$346,3,0))^2)/1000,0)</f>
        <v>126</v>
      </c>
      <c r="AK190">
        <f ca="1">ROUND(SQRT((VLOOKUP($A190,városok!$A$2:$C$346,2,0)-VLOOKUP(AK$1,városok!$A$2:$C$346,2,0))^2+(VLOOKUP($A190,városok!$A$2:$C$346,3,0)-VLOOKUP(AK$1,városok!$A$2:$C$346,3,0))^2)/1000,0)</f>
        <v>202</v>
      </c>
      <c r="AL190">
        <f ca="1">ROUND(SQRT((VLOOKUP($A190,városok!$A$2:$C$346,2,0)-VLOOKUP(AL$1,városok!$A$2:$C$346,2,0))^2+(VLOOKUP($A190,városok!$A$2:$C$346,3,0)-VLOOKUP(AL$1,városok!$A$2:$C$346,3,0))^2)/1000,0)</f>
        <v>175</v>
      </c>
      <c r="AM190">
        <f ca="1">ROUND(SQRT((VLOOKUP($A190,városok!$A$2:$C$346,2,0)-VLOOKUP(AM$1,városok!$A$2:$C$346,2,0))^2+(VLOOKUP($A190,városok!$A$2:$C$346,3,0)-VLOOKUP(AM$1,városok!$A$2:$C$346,3,0))^2)/1000,0)</f>
        <v>145</v>
      </c>
      <c r="AN190">
        <f ca="1">ROUND(SQRT((VLOOKUP($A190,városok!$A$2:$C$346,2,0)-VLOOKUP(AN$1,városok!$A$2:$C$346,2,0))^2+(VLOOKUP($A190,városok!$A$2:$C$346,3,0)-VLOOKUP(AN$1,városok!$A$2:$C$346,3,0))^2)/1000,0)</f>
        <v>47</v>
      </c>
      <c r="AO190">
        <f ca="1">ROUND(SQRT((VLOOKUP($A190,városok!$A$2:$C$346,2,0)-VLOOKUP(AO$1,városok!$A$2:$C$346,2,0))^2+(VLOOKUP($A190,városok!$A$2:$C$346,3,0)-VLOOKUP(AO$1,városok!$A$2:$C$346,3,0))^2)/1000,0)</f>
        <v>32</v>
      </c>
      <c r="AP190">
        <f ca="1">ROUND(SQRT((VLOOKUP($A190,városok!$A$2:$C$346,2,0)-VLOOKUP(AP$1,városok!$A$2:$C$346,2,0))^2+(VLOOKUP($A190,városok!$A$2:$C$346,3,0)-VLOOKUP(AP$1,városok!$A$2:$C$346,3,0))^2)/1000,0)</f>
        <v>18</v>
      </c>
      <c r="AQ190">
        <f ca="1">ROUND(SQRT((VLOOKUP($A190,városok!$A$2:$C$346,2,0)-VLOOKUP(AQ$1,városok!$A$2:$C$346,2,0))^2+(VLOOKUP($A190,városok!$A$2:$C$346,3,0)-VLOOKUP(AQ$1,városok!$A$2:$C$346,3,0))^2)/1000,0)</f>
        <v>11</v>
      </c>
      <c r="AR190">
        <f ca="1">ROUND(SQRT((VLOOKUP($A190,városok!$A$2:$C$346,2,0)-VLOOKUP(AR$1,városok!$A$2:$C$346,2,0))^2+(VLOOKUP($A190,városok!$A$2:$C$346,3,0)-VLOOKUP(AR$1,városok!$A$2:$C$346,3,0))^2)/1000,0)</f>
        <v>114</v>
      </c>
      <c r="AS190">
        <f ca="1">ROUND(SQRT((VLOOKUP($A190,városok!$A$2:$C$346,2,0)-VLOOKUP(AS$1,városok!$A$2:$C$346,2,0))^2+(VLOOKUP($A190,városok!$A$2:$C$346,3,0)-VLOOKUP(AS$1,városok!$A$2:$C$346,3,0))^2)/1000,0)</f>
        <v>132</v>
      </c>
      <c r="AT190">
        <f ca="1">ROUND(SQRT((VLOOKUP($A190,városok!$A$2:$C$346,2,0)-VLOOKUP(AT$1,városok!$A$2:$C$346,2,0))^2+(VLOOKUP($A190,városok!$A$2:$C$346,3,0)-VLOOKUP(AT$1,városok!$A$2:$C$346,3,0))^2)/1000,0)</f>
        <v>38</v>
      </c>
      <c r="AU190">
        <f ca="1">ROUND(SQRT((VLOOKUP($A190,városok!$A$2:$C$346,2,0)-VLOOKUP(AU$1,városok!$A$2:$C$346,2,0))^2+(VLOOKUP($A190,városok!$A$2:$C$346,3,0)-VLOOKUP(AU$1,városok!$A$2:$C$346,3,0))^2)/1000,0)</f>
        <v>49</v>
      </c>
      <c r="AV190">
        <f ca="1">ROUND(SQRT((VLOOKUP($A190,városok!$A$2:$C$346,2,0)-VLOOKUP(AV$1,városok!$A$2:$C$346,2,0))^2+(VLOOKUP($A190,városok!$A$2:$C$346,3,0)-VLOOKUP(AV$1,városok!$A$2:$C$346,3,0))^2)/1000,0)</f>
        <v>49</v>
      </c>
      <c r="AW190">
        <f ca="1">ROUND(SQRT((VLOOKUP($A190,városok!$A$2:$C$346,2,0)-VLOOKUP(AW$1,városok!$A$2:$C$346,2,0))^2+(VLOOKUP($A190,városok!$A$2:$C$346,3,0)-VLOOKUP(AW$1,városok!$A$2:$C$346,3,0))^2)/1000,0)</f>
        <v>46</v>
      </c>
      <c r="AX190">
        <f ca="1">ROUND(SQRT((VLOOKUP($A190,városok!$A$2:$C$346,2,0)-VLOOKUP(AX$1,városok!$A$2:$C$346,2,0))^2+(VLOOKUP($A190,városok!$A$2:$C$346,3,0)-VLOOKUP(AX$1,városok!$A$2:$C$346,3,0))^2)/1000,0)</f>
        <v>122</v>
      </c>
      <c r="AY190">
        <f ca="1">ROUND(SQRT((VLOOKUP($A190,városok!$A$2:$C$346,2,0)-VLOOKUP(AY$1,városok!$A$2:$C$346,2,0))^2+(VLOOKUP($A190,városok!$A$2:$C$346,3,0)-VLOOKUP(AY$1,városok!$A$2:$C$346,3,0))^2)/1000,0)</f>
        <v>60</v>
      </c>
      <c r="AZ190">
        <f ca="1">ROUND(SQRT((VLOOKUP($A190,városok!$A$2:$C$346,2,0)-VLOOKUP(AZ$1,városok!$A$2:$C$346,2,0))^2+(VLOOKUP($A190,városok!$A$2:$C$346,3,0)-VLOOKUP(AZ$1,városok!$A$2:$C$346,3,0))^2)/1000,0)</f>
        <v>59</v>
      </c>
      <c r="BA190">
        <f ca="1">ROUND(SQRT((VLOOKUP($A190,városok!$A$2:$C$346,2,0)-VLOOKUP(BA$1,városok!$A$2:$C$346,2,0))^2+(VLOOKUP($A190,városok!$A$2:$C$346,3,0)-VLOOKUP(BA$1,városok!$A$2:$C$346,3,0))^2)/1000,0)</f>
        <v>91</v>
      </c>
      <c r="BB190">
        <f ca="1">ROUND(SQRT((VLOOKUP($A190,városok!$A$2:$C$346,2,0)-VLOOKUP(BB$1,városok!$A$2:$C$346,2,0))^2+(VLOOKUP($A190,városok!$A$2:$C$346,3,0)-VLOOKUP(BB$1,városok!$A$2:$C$346,3,0))^2)/1000,0)</f>
        <v>109</v>
      </c>
      <c r="BC190">
        <f ca="1">ROUND(SQRT((VLOOKUP($A190,városok!$A$2:$C$346,2,0)-VLOOKUP(BC$1,városok!$A$2:$C$346,2,0))^2+(VLOOKUP($A190,városok!$A$2:$C$346,3,0)-VLOOKUP(BC$1,városok!$A$2:$C$346,3,0))^2)/1000,0)</f>
        <v>132</v>
      </c>
      <c r="BD190">
        <f ca="1">ROUND(SQRT((VLOOKUP($A190,városok!$A$2:$C$346,2,0)-VLOOKUP(BD$1,városok!$A$2:$C$346,2,0))^2+(VLOOKUP($A190,városok!$A$2:$C$346,3,0)-VLOOKUP(BD$1,városok!$A$2:$C$346,3,0))^2)/1000,0)</f>
        <v>67</v>
      </c>
      <c r="BE190">
        <f ca="1">ROUND(SQRT((VLOOKUP($A190,városok!$A$2:$C$346,2,0)-VLOOKUP(BE$1,városok!$A$2:$C$346,2,0))^2+(VLOOKUP($A190,városok!$A$2:$C$346,3,0)-VLOOKUP(BE$1,városok!$A$2:$C$346,3,0))^2)/1000,0)</f>
        <v>329</v>
      </c>
      <c r="BF190">
        <f ca="1">ROUND(SQRT((VLOOKUP($A190,városok!$A$2:$C$346,2,0)-VLOOKUP(BF$1,városok!$A$2:$C$346,2,0))^2+(VLOOKUP($A190,városok!$A$2:$C$346,3,0)-VLOOKUP(BF$1,városok!$A$2:$C$346,3,0))^2)/1000,0)</f>
        <v>293</v>
      </c>
      <c r="BG190">
        <f ca="1">ROUND(SQRT((VLOOKUP($A190,városok!$A$2:$C$346,2,0)-VLOOKUP(BG$1,városok!$A$2:$C$346,2,0))^2+(VLOOKUP($A190,városok!$A$2:$C$346,3,0)-VLOOKUP(BG$1,városok!$A$2:$C$346,3,0))^2)/1000,0)</f>
        <v>246</v>
      </c>
      <c r="BH190">
        <f ca="1">ROUND(SQRT((VLOOKUP($A190,városok!$A$2:$C$346,2,0)-VLOOKUP(BH$1,városok!$A$2:$C$346,2,0))^2+(VLOOKUP($A190,városok!$A$2:$C$346,3,0)-VLOOKUP(BH$1,városok!$A$2:$C$346,3,0))^2)/1000,0)</f>
        <v>246</v>
      </c>
      <c r="BI190">
        <f ca="1">ROUND(SQRT((VLOOKUP($A190,városok!$A$2:$C$346,2,0)-VLOOKUP(BI$1,városok!$A$2:$C$346,2,0))^2+(VLOOKUP($A190,városok!$A$2:$C$346,3,0)-VLOOKUP(BI$1,városok!$A$2:$C$346,3,0))^2)/1000,0)</f>
        <v>123</v>
      </c>
      <c r="BJ190">
        <f ca="1">ROUND(SQRT((VLOOKUP($A190,városok!$A$2:$C$346,2,0)-VLOOKUP(BJ$1,városok!$A$2:$C$346,2,0))^2+(VLOOKUP($A190,városok!$A$2:$C$346,3,0)-VLOOKUP(BJ$1,városok!$A$2:$C$346,3,0))^2)/1000,0)</f>
        <v>134</v>
      </c>
      <c r="BK190">
        <f ca="1">ROUND(SQRT((VLOOKUP($A190,városok!$A$2:$C$346,2,0)-VLOOKUP(BK$1,városok!$A$2:$C$346,2,0))^2+(VLOOKUP($A190,városok!$A$2:$C$346,3,0)-VLOOKUP(BK$1,városok!$A$2:$C$346,3,0))^2)/1000,0)</f>
        <v>130</v>
      </c>
      <c r="BL190">
        <f ca="1">ROUND(SQRT((VLOOKUP($A190,városok!$A$2:$C$346,2,0)-VLOOKUP(BL$1,városok!$A$2:$C$346,2,0))^2+(VLOOKUP($A190,városok!$A$2:$C$346,3,0)-VLOOKUP(BL$1,városok!$A$2:$C$346,3,0))^2)/1000,0)</f>
        <v>140</v>
      </c>
      <c r="BM190">
        <f ca="1">ROUND(SQRT((VLOOKUP($A190,városok!$A$2:$C$346,2,0)-VLOOKUP(BM$1,városok!$A$2:$C$346,2,0))^2+(VLOOKUP($A190,városok!$A$2:$C$346,3,0)-VLOOKUP(BM$1,városok!$A$2:$C$346,3,0))^2)/1000,0)</f>
        <v>108</v>
      </c>
      <c r="BN190">
        <f ca="1">ROUND(SQRT((VLOOKUP($A190,városok!$A$2:$C$346,2,0)-VLOOKUP(BN$1,városok!$A$2:$C$346,2,0))^2+(VLOOKUP($A190,városok!$A$2:$C$346,3,0)-VLOOKUP(BN$1,városok!$A$2:$C$346,3,0))^2)/1000,0)</f>
        <v>131</v>
      </c>
      <c r="BO190">
        <f ca="1">ROUND(SQRT((VLOOKUP($A190,városok!$A$2:$C$346,2,0)-VLOOKUP(BO$1,városok!$A$2:$C$346,2,0))^2+(VLOOKUP($A190,városok!$A$2:$C$346,3,0)-VLOOKUP(BO$1,városok!$A$2:$C$346,3,0))^2)/1000,0)</f>
        <v>56</v>
      </c>
      <c r="BP190">
        <f ca="1">ROUND(SQRT((VLOOKUP($A190,városok!$A$2:$C$346,2,0)-VLOOKUP(BP$1,városok!$A$2:$C$346,2,0))^2+(VLOOKUP($A190,városok!$A$2:$C$346,3,0)-VLOOKUP(BP$1,városok!$A$2:$C$346,3,0))^2)/1000,0)</f>
        <v>52</v>
      </c>
      <c r="BQ190">
        <f ca="1">ROUND(SQRT((VLOOKUP($A190,városok!$A$2:$C$346,2,0)-VLOOKUP(BQ$1,városok!$A$2:$C$346,2,0))^2+(VLOOKUP($A190,városok!$A$2:$C$346,3,0)-VLOOKUP(BQ$1,városok!$A$2:$C$346,3,0))^2)/1000,0)</f>
        <v>54</v>
      </c>
      <c r="BR190">
        <f ca="1">ROUND(SQRT((VLOOKUP($A190,városok!$A$2:$C$346,2,0)-VLOOKUP(BR$1,városok!$A$2:$C$346,2,0))^2+(VLOOKUP($A190,városok!$A$2:$C$346,3,0)-VLOOKUP(BR$1,városok!$A$2:$C$346,3,0))^2)/1000,0)</f>
        <v>113</v>
      </c>
      <c r="BS190">
        <f ca="1">ROUND(SQRT((VLOOKUP($A190,városok!$A$2:$C$346,2,0)-VLOOKUP(BS$1,városok!$A$2:$C$346,2,0))^2+(VLOOKUP($A190,városok!$A$2:$C$346,3,0)-VLOOKUP(BS$1,városok!$A$2:$C$346,3,0))^2)/1000,0)</f>
        <v>153</v>
      </c>
      <c r="BT190">
        <f ca="1">ROUND(SQRT((VLOOKUP($A190,városok!$A$2:$C$346,2,0)-VLOOKUP(BT$1,városok!$A$2:$C$346,2,0))^2+(VLOOKUP($A190,városok!$A$2:$C$346,3,0)-VLOOKUP(BT$1,városok!$A$2:$C$346,3,0))^2)/1000,0)</f>
        <v>133</v>
      </c>
    </row>
    <row r="191" spans="1:72" x14ac:dyDescent="0.2">
      <c r="A191" t="str">
        <f>városok!A191</f>
        <v>Tát</v>
      </c>
      <c r="B191">
        <f ca="1">ROUND(SQRT((VLOOKUP($A191,városok!$A$2:$C$346,2,0)-VLOOKUP(B$1,városok!$A$2:$C$346,2,0))^2+(VLOOKUP($A191,városok!$A$2:$C$346,3,0)-VLOOKUP(B$1,városok!$A$2:$C$346,3,0))^2)/1000,0)</f>
        <v>174</v>
      </c>
      <c r="C191">
        <f ca="1">ROUND(SQRT((VLOOKUP($A191,városok!$A$2:$C$346,2,0)-VLOOKUP(C$1,városok!$A$2:$C$346,2,0))^2+(VLOOKUP($A191,városok!$A$2:$C$346,3,0)-VLOOKUP(C$1,városok!$A$2:$C$346,3,0))^2)/1000,0)</f>
        <v>137</v>
      </c>
      <c r="D191">
        <f ca="1">ROUND(SQRT((VLOOKUP($A191,városok!$A$2:$C$346,2,0)-VLOOKUP(D$1,városok!$A$2:$C$346,2,0))^2+(VLOOKUP($A191,városok!$A$2:$C$346,3,0)-VLOOKUP(D$1,városok!$A$2:$C$346,3,0))^2)/1000,0)</f>
        <v>122</v>
      </c>
      <c r="E191">
        <f ca="1">ROUND(SQRT((VLOOKUP($A191,városok!$A$2:$C$346,2,0)-VLOOKUP(E$1,városok!$A$2:$C$346,2,0))^2+(VLOOKUP($A191,városok!$A$2:$C$346,3,0)-VLOOKUP(E$1,városok!$A$2:$C$346,3,0))^2)/1000,0)</f>
        <v>175</v>
      </c>
      <c r="F191">
        <f ca="1">ROUND(SQRT((VLOOKUP($A191,városok!$A$2:$C$346,2,0)-VLOOKUP(F$1,városok!$A$2:$C$346,2,0))^2+(VLOOKUP($A191,városok!$A$2:$C$346,3,0)-VLOOKUP(F$1,városok!$A$2:$C$346,3,0))^2)/1000,0)</f>
        <v>194</v>
      </c>
      <c r="G191">
        <f ca="1">ROUND(SQRT((VLOOKUP($A191,városok!$A$2:$C$346,2,0)-VLOOKUP(G$1,városok!$A$2:$C$346,2,0))^2+(VLOOKUP($A191,városok!$A$2:$C$346,3,0)-VLOOKUP(G$1,városok!$A$2:$C$346,3,0))^2)/1000,0)</f>
        <v>187</v>
      </c>
      <c r="H191">
        <f ca="1">ROUND(SQRT((VLOOKUP($A191,városok!$A$2:$C$346,2,0)-VLOOKUP(H$1,városok!$A$2:$C$346,2,0))^2+(VLOOKUP($A191,városok!$A$2:$C$346,3,0)-VLOOKUP(H$1,városok!$A$2:$C$346,3,0))^2)/1000,0)</f>
        <v>199</v>
      </c>
      <c r="I191">
        <f ca="1">ROUND(SQRT((VLOOKUP($A191,városok!$A$2:$C$346,2,0)-VLOOKUP(I$1,városok!$A$2:$C$346,2,0))^2+(VLOOKUP($A191,városok!$A$2:$C$346,3,0)-VLOOKUP(I$1,városok!$A$2:$C$346,3,0))^2)/1000,0)</f>
        <v>219</v>
      </c>
      <c r="J191">
        <f ca="1">ROUND(SQRT((VLOOKUP($A191,városok!$A$2:$C$346,2,0)-VLOOKUP(J$1,városok!$A$2:$C$346,2,0))^2+(VLOOKUP($A191,városok!$A$2:$C$346,3,0)-VLOOKUP(J$1,városok!$A$2:$C$346,3,0))^2)/1000,0)</f>
        <v>234</v>
      </c>
      <c r="K191">
        <f ca="1">ROUND(SQRT((VLOOKUP($A191,városok!$A$2:$C$346,2,0)-VLOOKUP(K$1,városok!$A$2:$C$346,2,0))^2+(VLOOKUP($A191,városok!$A$2:$C$346,3,0)-VLOOKUP(K$1,városok!$A$2:$C$346,3,0))^2)/1000,0)</f>
        <v>202</v>
      </c>
      <c r="L191">
        <f ca="1">ROUND(SQRT((VLOOKUP($A191,városok!$A$2:$C$346,2,0)-VLOOKUP(L$1,városok!$A$2:$C$346,2,0))^2+(VLOOKUP($A191,városok!$A$2:$C$346,3,0)-VLOOKUP(L$1,városok!$A$2:$C$346,3,0))^2)/1000,0)</f>
        <v>159</v>
      </c>
      <c r="M191">
        <f ca="1">ROUND(SQRT((VLOOKUP($A191,városok!$A$2:$C$346,2,0)-VLOOKUP(M$1,városok!$A$2:$C$346,2,0))^2+(VLOOKUP($A191,városok!$A$2:$C$346,3,0)-VLOOKUP(M$1,városok!$A$2:$C$346,3,0))^2)/1000,0)</f>
        <v>166</v>
      </c>
      <c r="N191">
        <f ca="1">ROUND(SQRT((VLOOKUP($A191,városok!$A$2:$C$346,2,0)-VLOOKUP(N$1,városok!$A$2:$C$346,2,0))^2+(VLOOKUP($A191,városok!$A$2:$C$346,3,0)-VLOOKUP(N$1,városok!$A$2:$C$346,3,0))^2)/1000,0)</f>
        <v>134</v>
      </c>
      <c r="O191">
        <f ca="1">ROUND(SQRT((VLOOKUP($A191,városok!$A$2:$C$346,2,0)-VLOOKUP(O$1,városok!$A$2:$C$346,2,0))^2+(VLOOKUP($A191,városok!$A$2:$C$346,3,0)-VLOOKUP(O$1,városok!$A$2:$C$346,3,0))^2)/1000,0)</f>
        <v>236</v>
      </c>
      <c r="P191">
        <f ca="1">ROUND(SQRT((VLOOKUP($A191,városok!$A$2:$C$346,2,0)-VLOOKUP(P$1,városok!$A$2:$C$346,2,0))^2+(VLOOKUP($A191,városok!$A$2:$C$346,3,0)-VLOOKUP(P$1,városok!$A$2:$C$346,3,0))^2)/1000,0)</f>
        <v>236</v>
      </c>
      <c r="Q191">
        <f ca="1">ROUND(SQRT((VLOOKUP($A191,városok!$A$2:$C$346,2,0)-VLOOKUP(Q$1,városok!$A$2:$C$346,2,0))^2+(VLOOKUP($A191,városok!$A$2:$C$346,3,0)-VLOOKUP(Q$1,városok!$A$2:$C$346,3,0))^2)/1000,0)</f>
        <v>194</v>
      </c>
      <c r="R191">
        <f ca="1">ROUND(SQRT((VLOOKUP($A191,városok!$A$2:$C$346,2,0)-VLOOKUP(R$1,városok!$A$2:$C$346,2,0))^2+(VLOOKUP($A191,városok!$A$2:$C$346,3,0)-VLOOKUP(R$1,városok!$A$2:$C$346,3,0))^2)/1000,0)</f>
        <v>219</v>
      </c>
      <c r="S191">
        <f ca="1">ROUND(SQRT((VLOOKUP($A191,városok!$A$2:$C$346,2,0)-VLOOKUP(S$1,városok!$A$2:$C$346,2,0))^2+(VLOOKUP($A191,városok!$A$2:$C$346,3,0)-VLOOKUP(S$1,városok!$A$2:$C$346,3,0))^2)/1000,0)</f>
        <v>202</v>
      </c>
      <c r="T191">
        <f ca="1">ROUND(SQRT((VLOOKUP($A191,városok!$A$2:$C$346,2,0)-VLOOKUP(T$1,városok!$A$2:$C$346,2,0))^2+(VLOOKUP($A191,városok!$A$2:$C$346,3,0)-VLOOKUP(T$1,városok!$A$2:$C$346,3,0))^2)/1000,0)</f>
        <v>28</v>
      </c>
      <c r="U191">
        <f ca="1">ROUND(SQRT((VLOOKUP($A191,városok!$A$2:$C$346,2,0)-VLOOKUP(U$1,városok!$A$2:$C$346,2,0))^2+(VLOOKUP($A191,városok!$A$2:$C$346,3,0)-VLOOKUP(U$1,városok!$A$2:$C$346,3,0))^2)/1000,0)</f>
        <v>89</v>
      </c>
      <c r="V191">
        <f ca="1">ROUND(SQRT((VLOOKUP($A191,városok!$A$2:$C$346,2,0)-VLOOKUP(V$1,városok!$A$2:$C$346,2,0))^2+(VLOOKUP($A191,városok!$A$2:$C$346,3,0)-VLOOKUP(V$1,városok!$A$2:$C$346,3,0))^2)/1000,0)</f>
        <v>80</v>
      </c>
      <c r="W191">
        <f ca="1">ROUND(SQRT((VLOOKUP($A191,városok!$A$2:$C$346,2,0)-VLOOKUP(W$1,városok!$A$2:$C$346,2,0))^2+(VLOOKUP($A191,városok!$A$2:$C$346,3,0)-VLOOKUP(W$1,városok!$A$2:$C$346,3,0))^2)/1000,0)</f>
        <v>95</v>
      </c>
      <c r="X191">
        <f ca="1">ROUND(SQRT((VLOOKUP($A191,városok!$A$2:$C$346,2,0)-VLOOKUP(X$1,városok!$A$2:$C$346,2,0))^2+(VLOOKUP($A191,városok!$A$2:$C$346,3,0)-VLOOKUP(X$1,városok!$A$2:$C$346,3,0))^2)/1000,0)</f>
        <v>55</v>
      </c>
      <c r="Y191">
        <f ca="1">ROUND(SQRT((VLOOKUP($A191,városok!$A$2:$C$346,2,0)-VLOOKUP(Y$1,városok!$A$2:$C$346,2,0))^2+(VLOOKUP($A191,városok!$A$2:$C$346,3,0)-VLOOKUP(Y$1,városok!$A$2:$C$346,3,0))^2)/1000,0)</f>
        <v>76</v>
      </c>
      <c r="Z191">
        <f ca="1">ROUND(SQRT((VLOOKUP($A191,városok!$A$2:$C$346,2,0)-VLOOKUP(Z$1,városok!$A$2:$C$346,2,0))^2+(VLOOKUP($A191,városok!$A$2:$C$346,3,0)-VLOOKUP(Z$1,városok!$A$2:$C$346,3,0))^2)/1000,0)</f>
        <v>94</v>
      </c>
      <c r="AA191">
        <f ca="1">ROUND(SQRT((VLOOKUP($A191,városok!$A$2:$C$346,2,0)-VLOOKUP(AA$1,városok!$A$2:$C$346,2,0))^2+(VLOOKUP($A191,városok!$A$2:$C$346,3,0)-VLOOKUP(AA$1,városok!$A$2:$C$346,3,0))^2)/1000,0)</f>
        <v>155</v>
      </c>
      <c r="AB191">
        <f ca="1">ROUND(SQRT((VLOOKUP($A191,városok!$A$2:$C$346,2,0)-VLOOKUP(AB$1,városok!$A$2:$C$346,2,0))^2+(VLOOKUP($A191,városok!$A$2:$C$346,3,0)-VLOOKUP(AB$1,városok!$A$2:$C$346,3,0))^2)/1000,0)</f>
        <v>226</v>
      </c>
      <c r="AC191">
        <f ca="1">ROUND(SQRT((VLOOKUP($A191,városok!$A$2:$C$346,2,0)-VLOOKUP(AC$1,városok!$A$2:$C$346,2,0))^2+(VLOOKUP($A191,városok!$A$2:$C$346,3,0)-VLOOKUP(AC$1,városok!$A$2:$C$346,3,0))^2)/1000,0)</f>
        <v>210</v>
      </c>
      <c r="AD191">
        <f ca="1">ROUND(SQRT((VLOOKUP($A191,városok!$A$2:$C$346,2,0)-VLOOKUP(AD$1,városok!$A$2:$C$346,2,0))^2+(VLOOKUP($A191,városok!$A$2:$C$346,3,0)-VLOOKUP(AD$1,városok!$A$2:$C$346,3,0))^2)/1000,0)</f>
        <v>192</v>
      </c>
      <c r="AE191">
        <f ca="1">ROUND(SQRT((VLOOKUP($A191,városok!$A$2:$C$346,2,0)-VLOOKUP(AE$1,városok!$A$2:$C$346,2,0))^2+(VLOOKUP($A191,városok!$A$2:$C$346,3,0)-VLOOKUP(AE$1,városok!$A$2:$C$346,3,0))^2)/1000,0)</f>
        <v>197</v>
      </c>
      <c r="AF191">
        <f ca="1">ROUND(SQRT((VLOOKUP($A191,városok!$A$2:$C$346,2,0)-VLOOKUP(AF$1,városok!$A$2:$C$346,2,0))^2+(VLOOKUP($A191,városok!$A$2:$C$346,3,0)-VLOOKUP(AF$1,városok!$A$2:$C$346,3,0))^2)/1000,0)</f>
        <v>131</v>
      </c>
      <c r="AG191">
        <f ca="1">ROUND(SQRT((VLOOKUP($A191,városok!$A$2:$C$346,2,0)-VLOOKUP(AG$1,városok!$A$2:$C$346,2,0))^2+(VLOOKUP($A191,városok!$A$2:$C$346,3,0)-VLOOKUP(AG$1,városok!$A$2:$C$346,3,0))^2)/1000,0)</f>
        <v>96</v>
      </c>
      <c r="AH191">
        <f ca="1">ROUND(SQRT((VLOOKUP($A191,városok!$A$2:$C$346,2,0)-VLOOKUP(AH$1,városok!$A$2:$C$346,2,0))^2+(VLOOKUP($A191,városok!$A$2:$C$346,3,0)-VLOOKUP(AH$1,városok!$A$2:$C$346,3,0))^2)/1000,0)</f>
        <v>78</v>
      </c>
      <c r="AI191">
        <f ca="1">ROUND(SQRT((VLOOKUP($A191,városok!$A$2:$C$346,2,0)-VLOOKUP(AI$1,városok!$A$2:$C$346,2,0))^2+(VLOOKUP($A191,városok!$A$2:$C$346,3,0)-VLOOKUP(AI$1,városok!$A$2:$C$346,3,0))^2)/1000,0)</f>
        <v>113</v>
      </c>
      <c r="AJ191">
        <f ca="1">ROUND(SQRT((VLOOKUP($A191,városok!$A$2:$C$346,2,0)-VLOOKUP(AJ$1,városok!$A$2:$C$346,2,0))^2+(VLOOKUP($A191,városok!$A$2:$C$346,3,0)-VLOOKUP(AJ$1,városok!$A$2:$C$346,3,0))^2)/1000,0)</f>
        <v>101</v>
      </c>
      <c r="AK191">
        <f ca="1">ROUND(SQRT((VLOOKUP($A191,városok!$A$2:$C$346,2,0)-VLOOKUP(AK$1,városok!$A$2:$C$346,2,0))^2+(VLOOKUP($A191,városok!$A$2:$C$346,3,0)-VLOOKUP(AK$1,városok!$A$2:$C$346,3,0))^2)/1000,0)</f>
        <v>183</v>
      </c>
      <c r="AL191">
        <f ca="1">ROUND(SQRT((VLOOKUP($A191,városok!$A$2:$C$346,2,0)-VLOOKUP(AL$1,városok!$A$2:$C$346,2,0))^2+(VLOOKUP($A191,városok!$A$2:$C$346,3,0)-VLOOKUP(AL$1,városok!$A$2:$C$346,3,0))^2)/1000,0)</f>
        <v>155</v>
      </c>
      <c r="AM191">
        <f ca="1">ROUND(SQRT((VLOOKUP($A191,városok!$A$2:$C$346,2,0)-VLOOKUP(AM$1,városok!$A$2:$C$346,2,0))^2+(VLOOKUP($A191,városok!$A$2:$C$346,3,0)-VLOOKUP(AM$1,városok!$A$2:$C$346,3,0))^2)/1000,0)</f>
        <v>132</v>
      </c>
      <c r="AN191">
        <f ca="1">ROUND(SQRT((VLOOKUP($A191,városok!$A$2:$C$346,2,0)-VLOOKUP(AN$1,városok!$A$2:$C$346,2,0))^2+(VLOOKUP($A191,városok!$A$2:$C$346,3,0)-VLOOKUP(AN$1,városok!$A$2:$C$346,3,0))^2)/1000,0)</f>
        <v>9</v>
      </c>
      <c r="AO191">
        <f ca="1">ROUND(SQRT((VLOOKUP($A191,városok!$A$2:$C$346,2,0)-VLOOKUP(AO$1,városok!$A$2:$C$346,2,0))^2+(VLOOKUP($A191,városok!$A$2:$C$346,3,0)-VLOOKUP(AO$1,városok!$A$2:$C$346,3,0))^2)/1000,0)</f>
        <v>39</v>
      </c>
      <c r="AP191">
        <f ca="1">ROUND(SQRT((VLOOKUP($A191,városok!$A$2:$C$346,2,0)-VLOOKUP(AP$1,városok!$A$2:$C$346,2,0))^2+(VLOOKUP($A191,városok!$A$2:$C$346,3,0)-VLOOKUP(AP$1,városok!$A$2:$C$346,3,0))^2)/1000,0)</f>
        <v>26</v>
      </c>
      <c r="AQ191">
        <f ca="1">ROUND(SQRT((VLOOKUP($A191,városok!$A$2:$C$346,2,0)-VLOOKUP(AQ$1,városok!$A$2:$C$346,2,0))^2+(VLOOKUP($A191,városok!$A$2:$C$346,3,0)-VLOOKUP(AQ$1,városok!$A$2:$C$346,3,0))^2)/1000,0)</f>
        <v>26</v>
      </c>
      <c r="AR191">
        <f ca="1">ROUND(SQRT((VLOOKUP($A191,városok!$A$2:$C$346,2,0)-VLOOKUP(AR$1,városok!$A$2:$C$346,2,0))^2+(VLOOKUP($A191,városok!$A$2:$C$346,3,0)-VLOOKUP(AR$1,városok!$A$2:$C$346,3,0))^2)/1000,0)</f>
        <v>81</v>
      </c>
      <c r="AS191">
        <f ca="1">ROUND(SQRT((VLOOKUP($A191,városok!$A$2:$C$346,2,0)-VLOOKUP(AS$1,városok!$A$2:$C$346,2,0))^2+(VLOOKUP($A191,városok!$A$2:$C$346,3,0)-VLOOKUP(AS$1,városok!$A$2:$C$346,3,0))^2)/1000,0)</f>
        <v>97</v>
      </c>
      <c r="AT191">
        <f ca="1">ROUND(SQRT((VLOOKUP($A191,városok!$A$2:$C$346,2,0)-VLOOKUP(AT$1,városok!$A$2:$C$346,2,0))^2+(VLOOKUP($A191,városok!$A$2:$C$346,3,0)-VLOOKUP(AT$1,városok!$A$2:$C$346,3,0))^2)/1000,0)</f>
        <v>32</v>
      </c>
      <c r="AU191">
        <f ca="1">ROUND(SQRT((VLOOKUP($A191,városok!$A$2:$C$346,2,0)-VLOOKUP(AU$1,városok!$A$2:$C$346,2,0))^2+(VLOOKUP($A191,városok!$A$2:$C$346,3,0)-VLOOKUP(AU$1,városok!$A$2:$C$346,3,0))^2)/1000,0)</f>
        <v>39</v>
      </c>
      <c r="AV191">
        <f ca="1">ROUND(SQRT((VLOOKUP($A191,városok!$A$2:$C$346,2,0)-VLOOKUP(AV$1,városok!$A$2:$C$346,2,0))^2+(VLOOKUP($A191,városok!$A$2:$C$346,3,0)-VLOOKUP(AV$1,városok!$A$2:$C$346,3,0))^2)/1000,0)</f>
        <v>43</v>
      </c>
      <c r="AW191">
        <f ca="1">ROUND(SQRT((VLOOKUP($A191,városok!$A$2:$C$346,2,0)-VLOOKUP(AW$1,városok!$A$2:$C$346,2,0))^2+(VLOOKUP($A191,városok!$A$2:$C$346,3,0)-VLOOKUP(AW$1,városok!$A$2:$C$346,3,0))^2)/1000,0)</f>
        <v>43</v>
      </c>
      <c r="AX191">
        <f ca="1">ROUND(SQRT((VLOOKUP($A191,városok!$A$2:$C$346,2,0)-VLOOKUP(AX$1,városok!$A$2:$C$346,2,0))^2+(VLOOKUP($A191,városok!$A$2:$C$346,3,0)-VLOOKUP(AX$1,városok!$A$2:$C$346,3,0))^2)/1000,0)</f>
        <v>116</v>
      </c>
      <c r="AY191">
        <f ca="1">ROUND(SQRT((VLOOKUP($A191,városok!$A$2:$C$346,2,0)-VLOOKUP(AY$1,városok!$A$2:$C$346,2,0))^2+(VLOOKUP($A191,városok!$A$2:$C$346,3,0)-VLOOKUP(AY$1,városok!$A$2:$C$346,3,0))^2)/1000,0)</f>
        <v>32</v>
      </c>
      <c r="AZ191">
        <f ca="1">ROUND(SQRT((VLOOKUP($A191,városok!$A$2:$C$346,2,0)-VLOOKUP(AZ$1,városok!$A$2:$C$346,2,0))^2+(VLOOKUP($A191,városok!$A$2:$C$346,3,0)-VLOOKUP(AZ$1,városok!$A$2:$C$346,3,0))^2)/1000,0)</f>
        <v>25</v>
      </c>
      <c r="BA191">
        <f ca="1">ROUND(SQRT((VLOOKUP($A191,városok!$A$2:$C$346,2,0)-VLOOKUP(BA$1,városok!$A$2:$C$346,2,0))^2+(VLOOKUP($A191,városok!$A$2:$C$346,3,0)-VLOOKUP(BA$1,városok!$A$2:$C$346,3,0))^2)/1000,0)</f>
        <v>128</v>
      </c>
      <c r="BB191">
        <f ca="1">ROUND(SQRT((VLOOKUP($A191,városok!$A$2:$C$346,2,0)-VLOOKUP(BB$1,városok!$A$2:$C$346,2,0))^2+(VLOOKUP($A191,városok!$A$2:$C$346,3,0)-VLOOKUP(BB$1,városok!$A$2:$C$346,3,0))^2)/1000,0)</f>
        <v>144</v>
      </c>
      <c r="BC191">
        <f ca="1">ROUND(SQRT((VLOOKUP($A191,városok!$A$2:$C$346,2,0)-VLOOKUP(BC$1,városok!$A$2:$C$346,2,0))^2+(VLOOKUP($A191,városok!$A$2:$C$346,3,0)-VLOOKUP(BC$1,városok!$A$2:$C$346,3,0))^2)/1000,0)</f>
        <v>167</v>
      </c>
      <c r="BD191">
        <f ca="1">ROUND(SQRT((VLOOKUP($A191,városok!$A$2:$C$346,2,0)-VLOOKUP(BD$1,városok!$A$2:$C$346,2,0))^2+(VLOOKUP($A191,városok!$A$2:$C$346,3,0)-VLOOKUP(BD$1,városok!$A$2:$C$346,3,0))^2)/1000,0)</f>
        <v>102</v>
      </c>
      <c r="BE191">
        <f ca="1">ROUND(SQRT((VLOOKUP($A191,városok!$A$2:$C$346,2,0)-VLOOKUP(BE$1,városok!$A$2:$C$346,2,0))^2+(VLOOKUP($A191,városok!$A$2:$C$346,3,0)-VLOOKUP(BE$1,városok!$A$2:$C$346,3,0))^2)/1000,0)</f>
        <v>302</v>
      </c>
      <c r="BF191">
        <f ca="1">ROUND(SQRT((VLOOKUP($A191,városok!$A$2:$C$346,2,0)-VLOOKUP(BF$1,városok!$A$2:$C$346,2,0))^2+(VLOOKUP($A191,városok!$A$2:$C$346,3,0)-VLOOKUP(BF$1,városok!$A$2:$C$346,3,0))^2)/1000,0)</f>
        <v>262</v>
      </c>
      <c r="BG191">
        <f ca="1">ROUND(SQRT((VLOOKUP($A191,városok!$A$2:$C$346,2,0)-VLOOKUP(BG$1,városok!$A$2:$C$346,2,0))^2+(VLOOKUP($A191,városok!$A$2:$C$346,3,0)-VLOOKUP(BG$1,városok!$A$2:$C$346,3,0))^2)/1000,0)</f>
        <v>215</v>
      </c>
      <c r="BH191">
        <f ca="1">ROUND(SQRT((VLOOKUP($A191,városok!$A$2:$C$346,2,0)-VLOOKUP(BH$1,városok!$A$2:$C$346,2,0))^2+(VLOOKUP($A191,városok!$A$2:$C$346,3,0)-VLOOKUP(BH$1,városok!$A$2:$C$346,3,0))^2)/1000,0)</f>
        <v>215</v>
      </c>
      <c r="BI191">
        <f ca="1">ROUND(SQRT((VLOOKUP($A191,városok!$A$2:$C$346,2,0)-VLOOKUP(BI$1,városok!$A$2:$C$346,2,0))^2+(VLOOKUP($A191,városok!$A$2:$C$346,3,0)-VLOOKUP(BI$1,városok!$A$2:$C$346,3,0))^2)/1000,0)</f>
        <v>149</v>
      </c>
      <c r="BJ191">
        <f ca="1">ROUND(SQRT((VLOOKUP($A191,városok!$A$2:$C$346,2,0)-VLOOKUP(BJ$1,városok!$A$2:$C$346,2,0))^2+(VLOOKUP($A191,városok!$A$2:$C$346,3,0)-VLOOKUP(BJ$1,városok!$A$2:$C$346,3,0))^2)/1000,0)</f>
        <v>162</v>
      </c>
      <c r="BK191">
        <f ca="1">ROUND(SQRT((VLOOKUP($A191,városok!$A$2:$C$346,2,0)-VLOOKUP(BK$1,városok!$A$2:$C$346,2,0))^2+(VLOOKUP($A191,városok!$A$2:$C$346,3,0)-VLOOKUP(BK$1,városok!$A$2:$C$346,3,0))^2)/1000,0)</f>
        <v>154</v>
      </c>
      <c r="BL191">
        <f ca="1">ROUND(SQRT((VLOOKUP($A191,városok!$A$2:$C$346,2,0)-VLOOKUP(BL$1,városok!$A$2:$C$346,2,0))^2+(VLOOKUP($A191,városok!$A$2:$C$346,3,0)-VLOOKUP(BL$1,városok!$A$2:$C$346,3,0))^2)/1000,0)</f>
        <v>174</v>
      </c>
      <c r="BM191">
        <f ca="1">ROUND(SQRT((VLOOKUP($A191,városok!$A$2:$C$346,2,0)-VLOOKUP(BM$1,városok!$A$2:$C$346,2,0))^2+(VLOOKUP($A191,városok!$A$2:$C$346,3,0)-VLOOKUP(BM$1,városok!$A$2:$C$346,3,0))^2)/1000,0)</f>
        <v>140</v>
      </c>
      <c r="BN191">
        <f ca="1">ROUND(SQRT((VLOOKUP($A191,városok!$A$2:$C$346,2,0)-VLOOKUP(BN$1,városok!$A$2:$C$346,2,0))^2+(VLOOKUP($A191,városok!$A$2:$C$346,3,0)-VLOOKUP(BN$1,városok!$A$2:$C$346,3,0))^2)/1000,0)</f>
        <v>162</v>
      </c>
      <c r="BO191">
        <f ca="1">ROUND(SQRT((VLOOKUP($A191,városok!$A$2:$C$346,2,0)-VLOOKUP(BO$1,városok!$A$2:$C$346,2,0))^2+(VLOOKUP($A191,városok!$A$2:$C$346,3,0)-VLOOKUP(BO$1,városok!$A$2:$C$346,3,0))^2)/1000,0)</f>
        <v>92</v>
      </c>
      <c r="BP191">
        <f ca="1">ROUND(SQRT((VLOOKUP($A191,városok!$A$2:$C$346,2,0)-VLOOKUP(BP$1,városok!$A$2:$C$346,2,0))^2+(VLOOKUP($A191,városok!$A$2:$C$346,3,0)-VLOOKUP(BP$1,városok!$A$2:$C$346,3,0))^2)/1000,0)</f>
        <v>88</v>
      </c>
      <c r="BQ191">
        <f ca="1">ROUND(SQRT((VLOOKUP($A191,városok!$A$2:$C$346,2,0)-VLOOKUP(BQ$1,városok!$A$2:$C$346,2,0))^2+(VLOOKUP($A191,városok!$A$2:$C$346,3,0)-VLOOKUP(BQ$1,városok!$A$2:$C$346,3,0))^2)/1000,0)</f>
        <v>91</v>
      </c>
      <c r="BR191">
        <f ca="1">ROUND(SQRT((VLOOKUP($A191,városok!$A$2:$C$346,2,0)-VLOOKUP(BR$1,városok!$A$2:$C$346,2,0))^2+(VLOOKUP($A191,városok!$A$2:$C$346,3,0)-VLOOKUP(BR$1,városok!$A$2:$C$346,3,0))^2)/1000,0)</f>
        <v>150</v>
      </c>
      <c r="BS191">
        <f ca="1">ROUND(SQRT((VLOOKUP($A191,városok!$A$2:$C$346,2,0)-VLOOKUP(BS$1,városok!$A$2:$C$346,2,0))^2+(VLOOKUP($A191,városok!$A$2:$C$346,3,0)-VLOOKUP(BS$1,városok!$A$2:$C$346,3,0))^2)/1000,0)</f>
        <v>190</v>
      </c>
      <c r="BT191">
        <f ca="1">ROUND(SQRT((VLOOKUP($A191,városok!$A$2:$C$346,2,0)-VLOOKUP(BT$1,városok!$A$2:$C$346,2,0))^2+(VLOOKUP($A191,városok!$A$2:$C$346,3,0)-VLOOKUP(BT$1,városok!$A$2:$C$346,3,0))^2)/1000,0)</f>
        <v>169</v>
      </c>
    </row>
    <row r="192" spans="1:72" x14ac:dyDescent="0.2">
      <c r="A192" t="str">
        <f>városok!A192</f>
        <v>Tata</v>
      </c>
      <c r="B192">
        <f ca="1">ROUND(SQRT((VLOOKUP($A192,városok!$A$2:$C$346,2,0)-VLOOKUP(B$1,városok!$A$2:$C$346,2,0))^2+(VLOOKUP($A192,városok!$A$2:$C$346,3,0)-VLOOKUP(B$1,városok!$A$2:$C$346,3,0))^2)/1000,0)</f>
        <v>169</v>
      </c>
      <c r="C192">
        <f ca="1">ROUND(SQRT((VLOOKUP($A192,városok!$A$2:$C$346,2,0)-VLOOKUP(C$1,városok!$A$2:$C$346,2,0))^2+(VLOOKUP($A192,városok!$A$2:$C$346,3,0)-VLOOKUP(C$1,városok!$A$2:$C$346,3,0))^2)/1000,0)</f>
        <v>133</v>
      </c>
      <c r="D192">
        <f ca="1">ROUND(SQRT((VLOOKUP($A192,városok!$A$2:$C$346,2,0)-VLOOKUP(D$1,városok!$A$2:$C$346,2,0))^2+(VLOOKUP($A192,városok!$A$2:$C$346,3,0)-VLOOKUP(D$1,városok!$A$2:$C$346,3,0))^2)/1000,0)</f>
        <v>131</v>
      </c>
      <c r="E192">
        <f ca="1">ROUND(SQRT((VLOOKUP($A192,városok!$A$2:$C$346,2,0)-VLOOKUP(E$1,városok!$A$2:$C$346,2,0))^2+(VLOOKUP($A192,városok!$A$2:$C$346,3,0)-VLOOKUP(E$1,városok!$A$2:$C$346,3,0))^2)/1000,0)</f>
        <v>162</v>
      </c>
      <c r="F192">
        <f ca="1">ROUND(SQRT((VLOOKUP($A192,városok!$A$2:$C$346,2,0)-VLOOKUP(F$1,városok!$A$2:$C$346,2,0))^2+(VLOOKUP($A192,városok!$A$2:$C$346,3,0)-VLOOKUP(F$1,városok!$A$2:$C$346,3,0))^2)/1000,0)</f>
        <v>186</v>
      </c>
      <c r="G192">
        <f ca="1">ROUND(SQRT((VLOOKUP($A192,városok!$A$2:$C$346,2,0)-VLOOKUP(G$1,városok!$A$2:$C$346,2,0))^2+(VLOOKUP($A192,városok!$A$2:$C$346,3,0)-VLOOKUP(G$1,városok!$A$2:$C$346,3,0))^2)/1000,0)</f>
        <v>174</v>
      </c>
      <c r="H192">
        <f ca="1">ROUND(SQRT((VLOOKUP($A192,városok!$A$2:$C$346,2,0)-VLOOKUP(H$1,városok!$A$2:$C$346,2,0))^2+(VLOOKUP($A192,városok!$A$2:$C$346,3,0)-VLOOKUP(H$1,városok!$A$2:$C$346,3,0))^2)/1000,0)</f>
        <v>182</v>
      </c>
      <c r="I192">
        <f ca="1">ROUND(SQRT((VLOOKUP($A192,városok!$A$2:$C$346,2,0)-VLOOKUP(I$1,városok!$A$2:$C$346,2,0))^2+(VLOOKUP($A192,városok!$A$2:$C$346,3,0)-VLOOKUP(I$1,városok!$A$2:$C$346,3,0))^2)/1000,0)</f>
        <v>235</v>
      </c>
      <c r="J192">
        <f ca="1">ROUND(SQRT((VLOOKUP($A192,városok!$A$2:$C$346,2,0)-VLOOKUP(J$1,városok!$A$2:$C$346,2,0))^2+(VLOOKUP($A192,városok!$A$2:$C$346,3,0)-VLOOKUP(J$1,városok!$A$2:$C$346,3,0))^2)/1000,0)</f>
        <v>249</v>
      </c>
      <c r="K192">
        <f ca="1">ROUND(SQRT((VLOOKUP($A192,városok!$A$2:$C$346,2,0)-VLOOKUP(K$1,városok!$A$2:$C$346,2,0))^2+(VLOOKUP($A192,városok!$A$2:$C$346,3,0)-VLOOKUP(K$1,városok!$A$2:$C$346,3,0))^2)/1000,0)</f>
        <v>214</v>
      </c>
      <c r="L192">
        <f ca="1">ROUND(SQRT((VLOOKUP($A192,városok!$A$2:$C$346,2,0)-VLOOKUP(L$1,városok!$A$2:$C$346,2,0))^2+(VLOOKUP($A192,városok!$A$2:$C$346,3,0)-VLOOKUP(L$1,városok!$A$2:$C$346,3,0))^2)/1000,0)</f>
        <v>185</v>
      </c>
      <c r="M192">
        <f ca="1">ROUND(SQRT((VLOOKUP($A192,városok!$A$2:$C$346,2,0)-VLOOKUP(M$1,városok!$A$2:$C$346,2,0))^2+(VLOOKUP($A192,városok!$A$2:$C$346,3,0)-VLOOKUP(M$1,városok!$A$2:$C$346,3,0))^2)/1000,0)</f>
        <v>191</v>
      </c>
      <c r="N192">
        <f ca="1">ROUND(SQRT((VLOOKUP($A192,városok!$A$2:$C$346,2,0)-VLOOKUP(N$1,városok!$A$2:$C$346,2,0))^2+(VLOOKUP($A192,városok!$A$2:$C$346,3,0)-VLOOKUP(N$1,városok!$A$2:$C$346,3,0))^2)/1000,0)</f>
        <v>160</v>
      </c>
      <c r="O192">
        <f ca="1">ROUND(SQRT((VLOOKUP($A192,városok!$A$2:$C$346,2,0)-VLOOKUP(O$1,városok!$A$2:$C$346,2,0))^2+(VLOOKUP($A192,városok!$A$2:$C$346,3,0)-VLOOKUP(O$1,városok!$A$2:$C$346,3,0))^2)/1000,0)</f>
        <v>261</v>
      </c>
      <c r="P192">
        <f ca="1">ROUND(SQRT((VLOOKUP($A192,városok!$A$2:$C$346,2,0)-VLOOKUP(P$1,városok!$A$2:$C$346,2,0))^2+(VLOOKUP($A192,városok!$A$2:$C$346,3,0)-VLOOKUP(P$1,városok!$A$2:$C$346,3,0))^2)/1000,0)</f>
        <v>261</v>
      </c>
      <c r="Q192">
        <f ca="1">ROUND(SQRT((VLOOKUP($A192,városok!$A$2:$C$346,2,0)-VLOOKUP(Q$1,városok!$A$2:$C$346,2,0))^2+(VLOOKUP($A192,városok!$A$2:$C$346,3,0)-VLOOKUP(Q$1,városok!$A$2:$C$346,3,0))^2)/1000,0)</f>
        <v>203</v>
      </c>
      <c r="R192">
        <f ca="1">ROUND(SQRT((VLOOKUP($A192,városok!$A$2:$C$346,2,0)-VLOOKUP(R$1,városok!$A$2:$C$346,2,0))^2+(VLOOKUP($A192,városok!$A$2:$C$346,3,0)-VLOOKUP(R$1,városok!$A$2:$C$346,3,0))^2)/1000,0)</f>
        <v>228</v>
      </c>
      <c r="S192">
        <f ca="1">ROUND(SQRT((VLOOKUP($A192,városok!$A$2:$C$346,2,0)-VLOOKUP(S$1,városok!$A$2:$C$346,2,0))^2+(VLOOKUP($A192,városok!$A$2:$C$346,3,0)-VLOOKUP(S$1,városok!$A$2:$C$346,3,0))^2)/1000,0)</f>
        <v>208</v>
      </c>
      <c r="T192">
        <f ca="1">ROUND(SQRT((VLOOKUP($A192,városok!$A$2:$C$346,2,0)-VLOOKUP(T$1,városok!$A$2:$C$346,2,0))^2+(VLOOKUP($A192,városok!$A$2:$C$346,3,0)-VLOOKUP(T$1,városok!$A$2:$C$346,3,0))^2)/1000,0)</f>
        <v>29</v>
      </c>
      <c r="U192">
        <f ca="1">ROUND(SQRT((VLOOKUP($A192,városok!$A$2:$C$346,2,0)-VLOOKUP(U$1,városok!$A$2:$C$346,2,0))^2+(VLOOKUP($A192,városok!$A$2:$C$346,3,0)-VLOOKUP(U$1,városok!$A$2:$C$346,3,0))^2)/1000,0)</f>
        <v>88</v>
      </c>
      <c r="V192">
        <f ca="1">ROUND(SQRT((VLOOKUP($A192,városok!$A$2:$C$346,2,0)-VLOOKUP(V$1,városok!$A$2:$C$346,2,0))^2+(VLOOKUP($A192,városok!$A$2:$C$346,3,0)-VLOOKUP(V$1,városok!$A$2:$C$346,3,0))^2)/1000,0)</f>
        <v>65</v>
      </c>
      <c r="W192">
        <f ca="1">ROUND(SQRT((VLOOKUP($A192,városok!$A$2:$C$346,2,0)-VLOOKUP(W$1,városok!$A$2:$C$346,2,0))^2+(VLOOKUP($A192,városok!$A$2:$C$346,3,0)-VLOOKUP(W$1,városok!$A$2:$C$346,3,0))^2)/1000,0)</f>
        <v>87</v>
      </c>
      <c r="X192">
        <f ca="1">ROUND(SQRT((VLOOKUP($A192,városok!$A$2:$C$346,2,0)-VLOOKUP(X$1,városok!$A$2:$C$346,2,0))^2+(VLOOKUP($A192,városok!$A$2:$C$346,3,0)-VLOOKUP(X$1,városok!$A$2:$C$346,3,0))^2)/1000,0)</f>
        <v>39</v>
      </c>
      <c r="Y192">
        <f ca="1">ROUND(SQRT((VLOOKUP($A192,városok!$A$2:$C$346,2,0)-VLOOKUP(Y$1,városok!$A$2:$C$346,2,0))^2+(VLOOKUP($A192,városok!$A$2:$C$346,3,0)-VLOOKUP(Y$1,városok!$A$2:$C$346,3,0))^2)/1000,0)</f>
        <v>53</v>
      </c>
      <c r="Z192">
        <f ca="1">ROUND(SQRT((VLOOKUP($A192,városok!$A$2:$C$346,2,0)-VLOOKUP(Z$1,városok!$A$2:$C$346,2,0))^2+(VLOOKUP($A192,városok!$A$2:$C$346,3,0)-VLOOKUP(Z$1,városok!$A$2:$C$346,3,0))^2)/1000,0)</f>
        <v>71</v>
      </c>
      <c r="AA192">
        <f ca="1">ROUND(SQRT((VLOOKUP($A192,városok!$A$2:$C$346,2,0)-VLOOKUP(AA$1,városok!$A$2:$C$346,2,0))^2+(VLOOKUP($A192,városok!$A$2:$C$346,3,0)-VLOOKUP(AA$1,városok!$A$2:$C$346,3,0))^2)/1000,0)</f>
        <v>131</v>
      </c>
      <c r="AB192">
        <f ca="1">ROUND(SQRT((VLOOKUP($A192,városok!$A$2:$C$346,2,0)-VLOOKUP(AB$1,városok!$A$2:$C$346,2,0))^2+(VLOOKUP($A192,városok!$A$2:$C$346,3,0)-VLOOKUP(AB$1,városok!$A$2:$C$346,3,0))^2)/1000,0)</f>
        <v>248</v>
      </c>
      <c r="AC192">
        <f ca="1">ROUND(SQRT((VLOOKUP($A192,városok!$A$2:$C$346,2,0)-VLOOKUP(AC$1,városok!$A$2:$C$346,2,0))^2+(VLOOKUP($A192,városok!$A$2:$C$346,3,0)-VLOOKUP(AC$1,városok!$A$2:$C$346,3,0))^2)/1000,0)</f>
        <v>232</v>
      </c>
      <c r="AD192">
        <f ca="1">ROUND(SQRT((VLOOKUP($A192,városok!$A$2:$C$346,2,0)-VLOOKUP(AD$1,városok!$A$2:$C$346,2,0))^2+(VLOOKUP($A192,városok!$A$2:$C$346,3,0)-VLOOKUP(AD$1,városok!$A$2:$C$346,3,0))^2)/1000,0)</f>
        <v>214</v>
      </c>
      <c r="AE192">
        <f ca="1">ROUND(SQRT((VLOOKUP($A192,városok!$A$2:$C$346,2,0)-VLOOKUP(AE$1,városok!$A$2:$C$346,2,0))^2+(VLOOKUP($A192,városok!$A$2:$C$346,3,0)-VLOOKUP(AE$1,városok!$A$2:$C$346,3,0))^2)/1000,0)</f>
        <v>218</v>
      </c>
      <c r="AF192">
        <f ca="1">ROUND(SQRT((VLOOKUP($A192,városok!$A$2:$C$346,2,0)-VLOOKUP(AF$1,városok!$A$2:$C$346,2,0))^2+(VLOOKUP($A192,városok!$A$2:$C$346,3,0)-VLOOKUP(AF$1,városok!$A$2:$C$346,3,0))^2)/1000,0)</f>
        <v>156</v>
      </c>
      <c r="AG192">
        <f ca="1">ROUND(SQRT((VLOOKUP($A192,városok!$A$2:$C$346,2,0)-VLOOKUP(AG$1,városok!$A$2:$C$346,2,0))^2+(VLOOKUP($A192,városok!$A$2:$C$346,3,0)-VLOOKUP(AG$1,városok!$A$2:$C$346,3,0))^2)/1000,0)</f>
        <v>121</v>
      </c>
      <c r="AH192">
        <f ca="1">ROUND(SQRT((VLOOKUP($A192,városok!$A$2:$C$346,2,0)-VLOOKUP(AH$1,városok!$A$2:$C$346,2,0))^2+(VLOOKUP($A192,városok!$A$2:$C$346,3,0)-VLOOKUP(AH$1,városok!$A$2:$C$346,3,0))^2)/1000,0)</f>
        <v>101</v>
      </c>
      <c r="AI192">
        <f ca="1">ROUND(SQRT((VLOOKUP($A192,városok!$A$2:$C$346,2,0)-VLOOKUP(AI$1,városok!$A$2:$C$346,2,0))^2+(VLOOKUP($A192,városok!$A$2:$C$346,3,0)-VLOOKUP(AI$1,városok!$A$2:$C$346,3,0))^2)/1000,0)</f>
        <v>139</v>
      </c>
      <c r="AJ192">
        <f ca="1">ROUND(SQRT((VLOOKUP($A192,városok!$A$2:$C$346,2,0)-VLOOKUP(AJ$1,városok!$A$2:$C$346,2,0))^2+(VLOOKUP($A192,városok!$A$2:$C$346,3,0)-VLOOKUP(AJ$1,városok!$A$2:$C$346,3,0))^2)/1000,0)</f>
        <v>124</v>
      </c>
      <c r="AK192">
        <f ca="1">ROUND(SQRT((VLOOKUP($A192,városok!$A$2:$C$346,2,0)-VLOOKUP(AK$1,városok!$A$2:$C$346,2,0))^2+(VLOOKUP($A192,városok!$A$2:$C$346,3,0)-VLOOKUP(AK$1,városok!$A$2:$C$346,3,0))^2)/1000,0)</f>
        <v>203</v>
      </c>
      <c r="AL192">
        <f ca="1">ROUND(SQRT((VLOOKUP($A192,városok!$A$2:$C$346,2,0)-VLOOKUP(AL$1,városok!$A$2:$C$346,2,0))^2+(VLOOKUP($A192,városok!$A$2:$C$346,3,0)-VLOOKUP(AL$1,városok!$A$2:$C$346,3,0))^2)/1000,0)</f>
        <v>176</v>
      </c>
      <c r="AM192">
        <f ca="1">ROUND(SQRT((VLOOKUP($A192,városok!$A$2:$C$346,2,0)-VLOOKUP(AM$1,városok!$A$2:$C$346,2,0))^2+(VLOOKUP($A192,városok!$A$2:$C$346,3,0)-VLOOKUP(AM$1,városok!$A$2:$C$346,3,0))^2)/1000,0)</f>
        <v>149</v>
      </c>
      <c r="AN192">
        <f ca="1">ROUND(SQRT((VLOOKUP($A192,városok!$A$2:$C$346,2,0)-VLOOKUP(AN$1,városok!$A$2:$C$346,2,0))^2+(VLOOKUP($A192,városok!$A$2:$C$346,3,0)-VLOOKUP(AN$1,városok!$A$2:$C$346,3,0))^2)/1000,0)</f>
        <v>35</v>
      </c>
      <c r="AO192">
        <f ca="1">ROUND(SQRT((VLOOKUP($A192,városok!$A$2:$C$346,2,0)-VLOOKUP(AO$1,városok!$A$2:$C$346,2,0))^2+(VLOOKUP($A192,városok!$A$2:$C$346,3,0)-VLOOKUP(AO$1,városok!$A$2:$C$346,3,0))^2)/1000,0)</f>
        <v>19</v>
      </c>
      <c r="AP192">
        <f ca="1">ROUND(SQRT((VLOOKUP($A192,városok!$A$2:$C$346,2,0)-VLOOKUP(AP$1,városok!$A$2:$C$346,2,0))^2+(VLOOKUP($A192,városok!$A$2:$C$346,3,0)-VLOOKUP(AP$1,városok!$A$2:$C$346,3,0))^2)/1000,0)</f>
        <v>0</v>
      </c>
      <c r="AQ192">
        <f ca="1">ROUND(SQRT((VLOOKUP($A192,városok!$A$2:$C$346,2,0)-VLOOKUP(AQ$1,városok!$A$2:$C$346,2,0))^2+(VLOOKUP($A192,városok!$A$2:$C$346,3,0)-VLOOKUP(AQ$1,városok!$A$2:$C$346,3,0))^2)/1000,0)</f>
        <v>10</v>
      </c>
      <c r="AR192">
        <f ca="1">ROUND(SQRT((VLOOKUP($A192,városok!$A$2:$C$346,2,0)-VLOOKUP(AR$1,városok!$A$2:$C$346,2,0))^2+(VLOOKUP($A192,városok!$A$2:$C$346,3,0)-VLOOKUP(AR$1,városok!$A$2:$C$346,3,0))^2)/1000,0)</f>
        <v>107</v>
      </c>
      <c r="AS192">
        <f ca="1">ROUND(SQRT((VLOOKUP($A192,városok!$A$2:$C$346,2,0)-VLOOKUP(AS$1,városok!$A$2:$C$346,2,0))^2+(VLOOKUP($A192,városok!$A$2:$C$346,3,0)-VLOOKUP(AS$1,városok!$A$2:$C$346,3,0))^2)/1000,0)</f>
        <v>122</v>
      </c>
      <c r="AT192">
        <f ca="1">ROUND(SQRT((VLOOKUP($A192,városok!$A$2:$C$346,2,0)-VLOOKUP(AT$1,városok!$A$2:$C$346,2,0))^2+(VLOOKUP($A192,városok!$A$2:$C$346,3,0)-VLOOKUP(AT$1,városok!$A$2:$C$346,3,0))^2)/1000,0)</f>
        <v>41</v>
      </c>
      <c r="AU192">
        <f ca="1">ROUND(SQRT((VLOOKUP($A192,városok!$A$2:$C$346,2,0)-VLOOKUP(AU$1,városok!$A$2:$C$346,2,0))^2+(VLOOKUP($A192,városok!$A$2:$C$346,3,0)-VLOOKUP(AU$1,városok!$A$2:$C$346,3,0))^2)/1000,0)</f>
        <v>52</v>
      </c>
      <c r="AV192">
        <f ca="1">ROUND(SQRT((VLOOKUP($A192,városok!$A$2:$C$346,2,0)-VLOOKUP(AV$1,városok!$A$2:$C$346,2,0))^2+(VLOOKUP($A192,városok!$A$2:$C$346,3,0)-VLOOKUP(AV$1,városok!$A$2:$C$346,3,0))^2)/1000,0)</f>
        <v>53</v>
      </c>
      <c r="AW192">
        <f ca="1">ROUND(SQRT((VLOOKUP($A192,városok!$A$2:$C$346,2,0)-VLOOKUP(AW$1,városok!$A$2:$C$346,2,0))^2+(VLOOKUP($A192,városok!$A$2:$C$346,3,0)-VLOOKUP(AW$1,városok!$A$2:$C$346,3,0))^2)/1000,0)</f>
        <v>52</v>
      </c>
      <c r="AX192">
        <f ca="1">ROUND(SQRT((VLOOKUP($A192,városok!$A$2:$C$346,2,0)-VLOOKUP(AX$1,városok!$A$2:$C$346,2,0))^2+(VLOOKUP($A192,városok!$A$2:$C$346,3,0)-VLOOKUP(AX$1,városok!$A$2:$C$346,3,0))^2)/1000,0)</f>
        <v>129</v>
      </c>
      <c r="AY192">
        <f ca="1">ROUND(SQRT((VLOOKUP($A192,városok!$A$2:$C$346,2,0)-VLOOKUP(AY$1,városok!$A$2:$C$346,2,0))^2+(VLOOKUP($A192,városok!$A$2:$C$346,3,0)-VLOOKUP(AY$1,városok!$A$2:$C$346,3,0))^2)/1000,0)</f>
        <v>55</v>
      </c>
      <c r="AZ192">
        <f ca="1">ROUND(SQRT((VLOOKUP($A192,városok!$A$2:$C$346,2,0)-VLOOKUP(AZ$1,városok!$A$2:$C$346,2,0))^2+(VLOOKUP($A192,városok!$A$2:$C$346,3,0)-VLOOKUP(AZ$1,városok!$A$2:$C$346,3,0))^2)/1000,0)</f>
        <v>50</v>
      </c>
      <c r="BA192">
        <f ca="1">ROUND(SQRT((VLOOKUP($A192,városok!$A$2:$C$346,2,0)-VLOOKUP(BA$1,városok!$A$2:$C$346,2,0))^2+(VLOOKUP($A192,városok!$A$2:$C$346,3,0)-VLOOKUP(BA$1,városok!$A$2:$C$346,3,0))^2)/1000,0)</f>
        <v>107</v>
      </c>
      <c r="BB192">
        <f ca="1">ROUND(SQRT((VLOOKUP($A192,városok!$A$2:$C$346,2,0)-VLOOKUP(BB$1,városok!$A$2:$C$346,2,0))^2+(VLOOKUP($A192,városok!$A$2:$C$346,3,0)-VLOOKUP(BB$1,városok!$A$2:$C$346,3,0))^2)/1000,0)</f>
        <v>127</v>
      </c>
      <c r="BC192">
        <f ca="1">ROUND(SQRT((VLOOKUP($A192,városok!$A$2:$C$346,2,0)-VLOOKUP(BC$1,városok!$A$2:$C$346,2,0))^2+(VLOOKUP($A192,városok!$A$2:$C$346,3,0)-VLOOKUP(BC$1,városok!$A$2:$C$346,3,0))^2)/1000,0)</f>
        <v>149</v>
      </c>
      <c r="BD192">
        <f ca="1">ROUND(SQRT((VLOOKUP($A192,városok!$A$2:$C$346,2,0)-VLOOKUP(BD$1,városok!$A$2:$C$346,2,0))^2+(VLOOKUP($A192,városok!$A$2:$C$346,3,0)-VLOOKUP(BD$1,városok!$A$2:$C$346,3,0))^2)/1000,0)</f>
        <v>84</v>
      </c>
      <c r="BE192">
        <f ca="1">ROUND(SQRT((VLOOKUP($A192,városok!$A$2:$C$346,2,0)-VLOOKUP(BE$1,városok!$A$2:$C$346,2,0))^2+(VLOOKUP($A192,városok!$A$2:$C$346,3,0)-VLOOKUP(BE$1,városok!$A$2:$C$346,3,0))^2)/1000,0)</f>
        <v>326</v>
      </c>
      <c r="BF192">
        <f ca="1">ROUND(SQRT((VLOOKUP($A192,városok!$A$2:$C$346,2,0)-VLOOKUP(BF$1,városok!$A$2:$C$346,2,0))^2+(VLOOKUP($A192,városok!$A$2:$C$346,3,0)-VLOOKUP(BF$1,városok!$A$2:$C$346,3,0))^2)/1000,0)</f>
        <v>287</v>
      </c>
      <c r="BG192">
        <f ca="1">ROUND(SQRT((VLOOKUP($A192,városok!$A$2:$C$346,2,0)-VLOOKUP(BG$1,városok!$A$2:$C$346,2,0))^2+(VLOOKUP($A192,városok!$A$2:$C$346,3,0)-VLOOKUP(BG$1,városok!$A$2:$C$346,3,0))^2)/1000,0)</f>
        <v>240</v>
      </c>
      <c r="BH192">
        <f ca="1">ROUND(SQRT((VLOOKUP($A192,városok!$A$2:$C$346,2,0)-VLOOKUP(BH$1,városok!$A$2:$C$346,2,0))^2+(VLOOKUP($A192,városok!$A$2:$C$346,3,0)-VLOOKUP(BH$1,városok!$A$2:$C$346,3,0))^2)/1000,0)</f>
        <v>240</v>
      </c>
      <c r="BI192">
        <f ca="1">ROUND(SQRT((VLOOKUP($A192,városok!$A$2:$C$346,2,0)-VLOOKUP(BI$1,városok!$A$2:$C$346,2,0))^2+(VLOOKUP($A192,városok!$A$2:$C$346,3,0)-VLOOKUP(BI$1,városok!$A$2:$C$346,3,0))^2)/1000,0)</f>
        <v>140</v>
      </c>
      <c r="BJ192">
        <f ca="1">ROUND(SQRT((VLOOKUP($A192,városok!$A$2:$C$346,2,0)-VLOOKUP(BJ$1,városok!$A$2:$C$346,2,0))^2+(VLOOKUP($A192,városok!$A$2:$C$346,3,0)-VLOOKUP(BJ$1,városok!$A$2:$C$346,3,0))^2)/1000,0)</f>
        <v>152</v>
      </c>
      <c r="BK192">
        <f ca="1">ROUND(SQRT((VLOOKUP($A192,városok!$A$2:$C$346,2,0)-VLOOKUP(BK$1,városok!$A$2:$C$346,2,0))^2+(VLOOKUP($A192,városok!$A$2:$C$346,3,0)-VLOOKUP(BK$1,városok!$A$2:$C$346,3,0))^2)/1000,0)</f>
        <v>147</v>
      </c>
      <c r="BL192">
        <f ca="1">ROUND(SQRT((VLOOKUP($A192,városok!$A$2:$C$346,2,0)-VLOOKUP(BL$1,városok!$A$2:$C$346,2,0))^2+(VLOOKUP($A192,városok!$A$2:$C$346,3,0)-VLOOKUP(BL$1,városok!$A$2:$C$346,3,0))^2)/1000,0)</f>
        <v>148</v>
      </c>
      <c r="BM192">
        <f ca="1">ROUND(SQRT((VLOOKUP($A192,városok!$A$2:$C$346,2,0)-VLOOKUP(BM$1,városok!$A$2:$C$346,2,0))^2+(VLOOKUP($A192,városok!$A$2:$C$346,3,0)-VLOOKUP(BM$1,városok!$A$2:$C$346,3,0))^2)/1000,0)</f>
        <v>114</v>
      </c>
      <c r="BN192">
        <f ca="1">ROUND(SQRT((VLOOKUP($A192,városok!$A$2:$C$346,2,0)-VLOOKUP(BN$1,városok!$A$2:$C$346,2,0))^2+(VLOOKUP($A192,városok!$A$2:$C$346,3,0)-VLOOKUP(BN$1,városok!$A$2:$C$346,3,0))^2)/1000,0)</f>
        <v>137</v>
      </c>
      <c r="BO192">
        <f ca="1">ROUND(SQRT((VLOOKUP($A192,városok!$A$2:$C$346,2,0)-VLOOKUP(BO$1,városok!$A$2:$C$346,2,0))^2+(VLOOKUP($A192,városok!$A$2:$C$346,3,0)-VLOOKUP(BO$1,városok!$A$2:$C$346,3,0))^2)/1000,0)</f>
        <v>72</v>
      </c>
      <c r="BP192">
        <f ca="1">ROUND(SQRT((VLOOKUP($A192,városok!$A$2:$C$346,2,0)-VLOOKUP(BP$1,városok!$A$2:$C$346,2,0))^2+(VLOOKUP($A192,városok!$A$2:$C$346,3,0)-VLOOKUP(BP$1,városok!$A$2:$C$346,3,0))^2)/1000,0)</f>
        <v>70</v>
      </c>
      <c r="BQ192">
        <f ca="1">ROUND(SQRT((VLOOKUP($A192,városok!$A$2:$C$346,2,0)-VLOOKUP(BQ$1,városok!$A$2:$C$346,2,0))^2+(VLOOKUP($A192,városok!$A$2:$C$346,3,0)-VLOOKUP(BQ$1,városok!$A$2:$C$346,3,0))^2)/1000,0)</f>
        <v>69</v>
      </c>
      <c r="BR192">
        <f ca="1">ROUND(SQRT((VLOOKUP($A192,városok!$A$2:$C$346,2,0)-VLOOKUP(BR$1,városok!$A$2:$C$346,2,0))^2+(VLOOKUP($A192,városok!$A$2:$C$346,3,0)-VLOOKUP(BR$1,városok!$A$2:$C$346,3,0))^2)/1000,0)</f>
        <v>127</v>
      </c>
      <c r="BS192">
        <f ca="1">ROUND(SQRT((VLOOKUP($A192,városok!$A$2:$C$346,2,0)-VLOOKUP(BS$1,városok!$A$2:$C$346,2,0))^2+(VLOOKUP($A192,városok!$A$2:$C$346,3,0)-VLOOKUP(BS$1,városok!$A$2:$C$346,3,0))^2)/1000,0)</f>
        <v>167</v>
      </c>
      <c r="BT192">
        <f ca="1">ROUND(SQRT((VLOOKUP($A192,városok!$A$2:$C$346,2,0)-VLOOKUP(BT$1,városok!$A$2:$C$346,2,0))^2+(VLOOKUP($A192,városok!$A$2:$C$346,3,0)-VLOOKUP(BT$1,városok!$A$2:$C$346,3,0))^2)/1000,0)</f>
        <v>144</v>
      </c>
    </row>
    <row r="193" spans="1:72" x14ac:dyDescent="0.2">
      <c r="A193" t="str">
        <f>városok!A193</f>
        <v>Tatabánya</v>
      </c>
      <c r="B193">
        <f ca="1">ROUND(SQRT((VLOOKUP($A193,városok!$A$2:$C$346,2,0)-VLOOKUP(B$1,városok!$A$2:$C$346,2,0))^2+(VLOOKUP($A193,városok!$A$2:$C$346,3,0)-VLOOKUP(B$1,városok!$A$2:$C$346,3,0))^2)/1000,0)</f>
        <v>159</v>
      </c>
      <c r="C193">
        <f ca="1">ROUND(SQRT((VLOOKUP($A193,városok!$A$2:$C$346,2,0)-VLOOKUP(C$1,városok!$A$2:$C$346,2,0))^2+(VLOOKUP($A193,városok!$A$2:$C$346,3,0)-VLOOKUP(C$1,városok!$A$2:$C$346,3,0))^2)/1000,0)</f>
        <v>123</v>
      </c>
      <c r="D193">
        <f ca="1">ROUND(SQRT((VLOOKUP($A193,városok!$A$2:$C$346,2,0)-VLOOKUP(D$1,városok!$A$2:$C$346,2,0))^2+(VLOOKUP($A193,városok!$A$2:$C$346,3,0)-VLOOKUP(D$1,városok!$A$2:$C$346,3,0))^2)/1000,0)</f>
        <v>122</v>
      </c>
      <c r="E193">
        <f ca="1">ROUND(SQRT((VLOOKUP($A193,városok!$A$2:$C$346,2,0)-VLOOKUP(E$1,városok!$A$2:$C$346,2,0))^2+(VLOOKUP($A193,városok!$A$2:$C$346,3,0)-VLOOKUP(E$1,városok!$A$2:$C$346,3,0))^2)/1000,0)</f>
        <v>154</v>
      </c>
      <c r="F193">
        <f ca="1">ROUND(SQRT((VLOOKUP($A193,városok!$A$2:$C$346,2,0)-VLOOKUP(F$1,városok!$A$2:$C$346,2,0))^2+(VLOOKUP($A193,városok!$A$2:$C$346,3,0)-VLOOKUP(F$1,városok!$A$2:$C$346,3,0))^2)/1000,0)</f>
        <v>177</v>
      </c>
      <c r="G193">
        <f ca="1">ROUND(SQRT((VLOOKUP($A193,városok!$A$2:$C$346,2,0)-VLOOKUP(G$1,városok!$A$2:$C$346,2,0))^2+(VLOOKUP($A193,városok!$A$2:$C$346,3,0)-VLOOKUP(G$1,városok!$A$2:$C$346,3,0))^2)/1000,0)</f>
        <v>166</v>
      </c>
      <c r="H193">
        <f ca="1">ROUND(SQRT((VLOOKUP($A193,városok!$A$2:$C$346,2,0)-VLOOKUP(H$1,városok!$A$2:$C$346,2,0))^2+(VLOOKUP($A193,városok!$A$2:$C$346,3,0)-VLOOKUP(H$1,városok!$A$2:$C$346,3,0))^2)/1000,0)</f>
        <v>175</v>
      </c>
      <c r="I193">
        <f ca="1">ROUND(SQRT((VLOOKUP($A193,városok!$A$2:$C$346,2,0)-VLOOKUP(I$1,városok!$A$2:$C$346,2,0))^2+(VLOOKUP($A193,városok!$A$2:$C$346,3,0)-VLOOKUP(I$1,városok!$A$2:$C$346,3,0))^2)/1000,0)</f>
        <v>226</v>
      </c>
      <c r="J193">
        <f ca="1">ROUND(SQRT((VLOOKUP($A193,városok!$A$2:$C$346,2,0)-VLOOKUP(J$1,városok!$A$2:$C$346,2,0))^2+(VLOOKUP($A193,városok!$A$2:$C$346,3,0)-VLOOKUP(J$1,városok!$A$2:$C$346,3,0))^2)/1000,0)</f>
        <v>240</v>
      </c>
      <c r="K193">
        <f ca="1">ROUND(SQRT((VLOOKUP($A193,városok!$A$2:$C$346,2,0)-VLOOKUP(K$1,városok!$A$2:$C$346,2,0))^2+(VLOOKUP($A193,városok!$A$2:$C$346,3,0)-VLOOKUP(K$1,városok!$A$2:$C$346,3,0))^2)/1000,0)</f>
        <v>205</v>
      </c>
      <c r="L193">
        <f ca="1">ROUND(SQRT((VLOOKUP($A193,városok!$A$2:$C$346,2,0)-VLOOKUP(L$1,városok!$A$2:$C$346,2,0))^2+(VLOOKUP($A193,városok!$A$2:$C$346,3,0)-VLOOKUP(L$1,városok!$A$2:$C$346,3,0))^2)/1000,0)</f>
        <v>183</v>
      </c>
      <c r="M193">
        <f ca="1">ROUND(SQRT((VLOOKUP($A193,városok!$A$2:$C$346,2,0)-VLOOKUP(M$1,városok!$A$2:$C$346,2,0))^2+(VLOOKUP($A193,városok!$A$2:$C$346,3,0)-VLOOKUP(M$1,városok!$A$2:$C$346,3,0))^2)/1000,0)</f>
        <v>188</v>
      </c>
      <c r="N193">
        <f ca="1">ROUND(SQRT((VLOOKUP($A193,városok!$A$2:$C$346,2,0)-VLOOKUP(N$1,városok!$A$2:$C$346,2,0))^2+(VLOOKUP($A193,városok!$A$2:$C$346,3,0)-VLOOKUP(N$1,városok!$A$2:$C$346,3,0))^2)/1000,0)</f>
        <v>158</v>
      </c>
      <c r="O193">
        <f ca="1">ROUND(SQRT((VLOOKUP($A193,városok!$A$2:$C$346,2,0)-VLOOKUP(O$1,városok!$A$2:$C$346,2,0))^2+(VLOOKUP($A193,városok!$A$2:$C$346,3,0)-VLOOKUP(O$1,városok!$A$2:$C$346,3,0))^2)/1000,0)</f>
        <v>259</v>
      </c>
      <c r="P193">
        <f ca="1">ROUND(SQRT((VLOOKUP($A193,városok!$A$2:$C$346,2,0)-VLOOKUP(P$1,városok!$A$2:$C$346,2,0))^2+(VLOOKUP($A193,városok!$A$2:$C$346,3,0)-VLOOKUP(P$1,városok!$A$2:$C$346,3,0))^2)/1000,0)</f>
        <v>259</v>
      </c>
      <c r="Q193">
        <f ca="1">ROUND(SQRT((VLOOKUP($A193,városok!$A$2:$C$346,2,0)-VLOOKUP(Q$1,városok!$A$2:$C$346,2,0))^2+(VLOOKUP($A193,városok!$A$2:$C$346,3,0)-VLOOKUP(Q$1,városok!$A$2:$C$346,3,0))^2)/1000,0)</f>
        <v>194</v>
      </c>
      <c r="R193">
        <f ca="1">ROUND(SQRT((VLOOKUP($A193,városok!$A$2:$C$346,2,0)-VLOOKUP(R$1,városok!$A$2:$C$346,2,0))^2+(VLOOKUP($A193,városok!$A$2:$C$346,3,0)-VLOOKUP(R$1,városok!$A$2:$C$346,3,0))^2)/1000,0)</f>
        <v>218</v>
      </c>
      <c r="S193">
        <f ca="1">ROUND(SQRT((VLOOKUP($A193,városok!$A$2:$C$346,2,0)-VLOOKUP(S$1,városok!$A$2:$C$346,2,0))^2+(VLOOKUP($A193,városok!$A$2:$C$346,3,0)-VLOOKUP(S$1,városok!$A$2:$C$346,3,0))^2)/1000,0)</f>
        <v>198</v>
      </c>
      <c r="T193">
        <f ca="1">ROUND(SQRT((VLOOKUP($A193,városok!$A$2:$C$346,2,0)-VLOOKUP(T$1,városok!$A$2:$C$346,2,0))^2+(VLOOKUP($A193,városok!$A$2:$C$346,3,0)-VLOOKUP(T$1,városok!$A$2:$C$346,3,0))^2)/1000,0)</f>
        <v>19</v>
      </c>
      <c r="U193">
        <f ca="1">ROUND(SQRT((VLOOKUP($A193,városok!$A$2:$C$346,2,0)-VLOOKUP(U$1,városok!$A$2:$C$346,2,0))^2+(VLOOKUP($A193,városok!$A$2:$C$346,3,0)-VLOOKUP(U$1,városok!$A$2:$C$346,3,0))^2)/1000,0)</f>
        <v>78</v>
      </c>
      <c r="V193">
        <f ca="1">ROUND(SQRT((VLOOKUP($A193,városok!$A$2:$C$346,2,0)-VLOOKUP(V$1,városok!$A$2:$C$346,2,0))^2+(VLOOKUP($A193,városok!$A$2:$C$346,3,0)-VLOOKUP(V$1,városok!$A$2:$C$346,3,0))^2)/1000,0)</f>
        <v>57</v>
      </c>
      <c r="W193">
        <f ca="1">ROUND(SQRT((VLOOKUP($A193,városok!$A$2:$C$346,2,0)-VLOOKUP(W$1,városok!$A$2:$C$346,2,0))^2+(VLOOKUP($A193,városok!$A$2:$C$346,3,0)-VLOOKUP(W$1,városok!$A$2:$C$346,3,0))^2)/1000,0)</f>
        <v>77</v>
      </c>
      <c r="X193">
        <f ca="1">ROUND(SQRT((VLOOKUP($A193,városok!$A$2:$C$346,2,0)-VLOOKUP(X$1,városok!$A$2:$C$346,2,0))^2+(VLOOKUP($A193,városok!$A$2:$C$346,3,0)-VLOOKUP(X$1,városok!$A$2:$C$346,3,0))^2)/1000,0)</f>
        <v>31</v>
      </c>
      <c r="Y193">
        <f ca="1">ROUND(SQRT((VLOOKUP($A193,városok!$A$2:$C$346,2,0)-VLOOKUP(Y$1,városok!$A$2:$C$346,2,0))^2+(VLOOKUP($A193,városok!$A$2:$C$346,3,0)-VLOOKUP(Y$1,városok!$A$2:$C$346,3,0))^2)/1000,0)</f>
        <v>60</v>
      </c>
      <c r="Z193">
        <f ca="1">ROUND(SQRT((VLOOKUP($A193,városok!$A$2:$C$346,2,0)-VLOOKUP(Z$1,városok!$A$2:$C$346,2,0))^2+(VLOOKUP($A193,városok!$A$2:$C$346,3,0)-VLOOKUP(Z$1,városok!$A$2:$C$346,3,0))^2)/1000,0)</f>
        <v>79</v>
      </c>
      <c r="AA193">
        <f ca="1">ROUND(SQRT((VLOOKUP($A193,városok!$A$2:$C$346,2,0)-VLOOKUP(AA$1,városok!$A$2:$C$346,2,0))^2+(VLOOKUP($A193,városok!$A$2:$C$346,3,0)-VLOOKUP(AA$1,városok!$A$2:$C$346,3,0))^2)/1000,0)</f>
        <v>138</v>
      </c>
      <c r="AB193">
        <f ca="1">ROUND(SQRT((VLOOKUP($A193,városok!$A$2:$C$346,2,0)-VLOOKUP(AB$1,városok!$A$2:$C$346,2,0))^2+(VLOOKUP($A193,városok!$A$2:$C$346,3,0)-VLOOKUP(AB$1,városok!$A$2:$C$346,3,0))^2)/1000,0)</f>
        <v>243</v>
      </c>
      <c r="AC193">
        <f ca="1">ROUND(SQRT((VLOOKUP($A193,városok!$A$2:$C$346,2,0)-VLOOKUP(AC$1,városok!$A$2:$C$346,2,0))^2+(VLOOKUP($A193,városok!$A$2:$C$346,3,0)-VLOOKUP(AC$1,városok!$A$2:$C$346,3,0))^2)/1000,0)</f>
        <v>225</v>
      </c>
      <c r="AD193">
        <f ca="1">ROUND(SQRT((VLOOKUP($A193,városok!$A$2:$C$346,2,0)-VLOOKUP(AD$1,városok!$A$2:$C$346,2,0))^2+(VLOOKUP($A193,városok!$A$2:$C$346,3,0)-VLOOKUP(AD$1,városok!$A$2:$C$346,3,0))^2)/1000,0)</f>
        <v>208</v>
      </c>
      <c r="AE193">
        <f ca="1">ROUND(SQRT((VLOOKUP($A193,városok!$A$2:$C$346,2,0)-VLOOKUP(AE$1,városok!$A$2:$C$346,2,0))^2+(VLOOKUP($A193,városok!$A$2:$C$346,3,0)-VLOOKUP(AE$1,városok!$A$2:$C$346,3,0))^2)/1000,0)</f>
        <v>211</v>
      </c>
      <c r="AF193">
        <f ca="1">ROUND(SQRT((VLOOKUP($A193,városok!$A$2:$C$346,2,0)-VLOOKUP(AF$1,városok!$A$2:$C$346,2,0))^2+(VLOOKUP($A193,városok!$A$2:$C$346,3,0)-VLOOKUP(AF$1,városok!$A$2:$C$346,3,0))^2)/1000,0)</f>
        <v>152</v>
      </c>
      <c r="AG193">
        <f ca="1">ROUND(SQRT((VLOOKUP($A193,városok!$A$2:$C$346,2,0)-VLOOKUP(AG$1,városok!$A$2:$C$346,2,0))^2+(VLOOKUP($A193,városok!$A$2:$C$346,3,0)-VLOOKUP(AG$1,városok!$A$2:$C$346,3,0))^2)/1000,0)</f>
        <v>116</v>
      </c>
      <c r="AH193">
        <f ca="1">ROUND(SQRT((VLOOKUP($A193,városok!$A$2:$C$346,2,0)-VLOOKUP(AH$1,városok!$A$2:$C$346,2,0))^2+(VLOOKUP($A193,városok!$A$2:$C$346,3,0)-VLOOKUP(AH$1,városok!$A$2:$C$346,3,0))^2)/1000,0)</f>
        <v>96</v>
      </c>
      <c r="AI193">
        <f ca="1">ROUND(SQRT((VLOOKUP($A193,városok!$A$2:$C$346,2,0)-VLOOKUP(AI$1,városok!$A$2:$C$346,2,0))^2+(VLOOKUP($A193,városok!$A$2:$C$346,3,0)-VLOOKUP(AI$1,városok!$A$2:$C$346,3,0))^2)/1000,0)</f>
        <v>136</v>
      </c>
      <c r="AJ193">
        <f ca="1">ROUND(SQRT((VLOOKUP($A193,városok!$A$2:$C$346,2,0)-VLOOKUP(AJ$1,városok!$A$2:$C$346,2,0))^2+(VLOOKUP($A193,városok!$A$2:$C$346,3,0)-VLOOKUP(AJ$1,városok!$A$2:$C$346,3,0))^2)/1000,0)</f>
        <v>118</v>
      </c>
      <c r="AK193">
        <f ca="1">ROUND(SQRT((VLOOKUP($A193,városok!$A$2:$C$346,2,0)-VLOOKUP(AK$1,városok!$A$2:$C$346,2,0))^2+(VLOOKUP($A193,városok!$A$2:$C$346,3,0)-VLOOKUP(AK$1,városok!$A$2:$C$346,3,0))^2)/1000,0)</f>
        <v>196</v>
      </c>
      <c r="AL193">
        <f ca="1">ROUND(SQRT((VLOOKUP($A193,városok!$A$2:$C$346,2,0)-VLOOKUP(AL$1,városok!$A$2:$C$346,2,0))^2+(VLOOKUP($A193,városok!$A$2:$C$346,3,0)-VLOOKUP(AL$1,városok!$A$2:$C$346,3,0))^2)/1000,0)</f>
        <v>169</v>
      </c>
      <c r="AM193">
        <f ca="1">ROUND(SQRT((VLOOKUP($A193,városok!$A$2:$C$346,2,0)-VLOOKUP(AM$1,városok!$A$2:$C$346,2,0))^2+(VLOOKUP($A193,városok!$A$2:$C$346,3,0)-VLOOKUP(AM$1,városok!$A$2:$C$346,3,0))^2)/1000,0)</f>
        <v>141</v>
      </c>
      <c r="AN193">
        <f ca="1">ROUND(SQRT((VLOOKUP($A193,városok!$A$2:$C$346,2,0)-VLOOKUP(AN$1,városok!$A$2:$C$346,2,0))^2+(VLOOKUP($A193,városok!$A$2:$C$346,3,0)-VLOOKUP(AN$1,városok!$A$2:$C$346,3,0))^2)/1000,0)</f>
        <v>35</v>
      </c>
      <c r="AO193">
        <f ca="1">ROUND(SQRT((VLOOKUP($A193,városok!$A$2:$C$346,2,0)-VLOOKUP(AO$1,városok!$A$2:$C$346,2,0))^2+(VLOOKUP($A193,városok!$A$2:$C$346,3,0)-VLOOKUP(AO$1,városok!$A$2:$C$346,3,0))^2)/1000,0)</f>
        <v>29</v>
      </c>
      <c r="AP193">
        <f ca="1">ROUND(SQRT((VLOOKUP($A193,városok!$A$2:$C$346,2,0)-VLOOKUP(AP$1,városok!$A$2:$C$346,2,0))^2+(VLOOKUP($A193,városok!$A$2:$C$346,3,0)-VLOOKUP(AP$1,városok!$A$2:$C$346,3,0))^2)/1000,0)</f>
        <v>10</v>
      </c>
      <c r="AQ193">
        <f ca="1">ROUND(SQRT((VLOOKUP($A193,városok!$A$2:$C$346,2,0)-VLOOKUP(AQ$1,városok!$A$2:$C$346,2,0))^2+(VLOOKUP($A193,városok!$A$2:$C$346,3,0)-VLOOKUP(AQ$1,városok!$A$2:$C$346,3,0))^2)/1000,0)</f>
        <v>0</v>
      </c>
      <c r="AR193">
        <f ca="1">ROUND(SQRT((VLOOKUP($A193,városok!$A$2:$C$346,2,0)-VLOOKUP(AR$1,városok!$A$2:$C$346,2,0))^2+(VLOOKUP($A193,városok!$A$2:$C$346,3,0)-VLOOKUP(AR$1,városok!$A$2:$C$346,3,0))^2)/1000,0)</f>
        <v>104</v>
      </c>
      <c r="AS193">
        <f ca="1">ROUND(SQRT((VLOOKUP($A193,városok!$A$2:$C$346,2,0)-VLOOKUP(AS$1,városok!$A$2:$C$346,2,0))^2+(VLOOKUP($A193,városok!$A$2:$C$346,3,0)-VLOOKUP(AS$1,városok!$A$2:$C$346,3,0))^2)/1000,0)</f>
        <v>121</v>
      </c>
      <c r="AT193">
        <f ca="1">ROUND(SQRT((VLOOKUP($A193,városok!$A$2:$C$346,2,0)-VLOOKUP(AT$1,városok!$A$2:$C$346,2,0))^2+(VLOOKUP($A193,városok!$A$2:$C$346,3,0)-VLOOKUP(AT$1,városok!$A$2:$C$346,3,0))^2)/1000,0)</f>
        <v>33</v>
      </c>
      <c r="AU193">
        <f ca="1">ROUND(SQRT((VLOOKUP($A193,városok!$A$2:$C$346,2,0)-VLOOKUP(AU$1,városok!$A$2:$C$346,2,0))^2+(VLOOKUP($A193,városok!$A$2:$C$346,3,0)-VLOOKUP(AU$1,városok!$A$2:$C$346,3,0))^2)/1000,0)</f>
        <v>43</v>
      </c>
      <c r="AV193">
        <f ca="1">ROUND(SQRT((VLOOKUP($A193,városok!$A$2:$C$346,2,0)-VLOOKUP(AV$1,városok!$A$2:$C$346,2,0))^2+(VLOOKUP($A193,városok!$A$2:$C$346,3,0)-VLOOKUP(AV$1,városok!$A$2:$C$346,3,0))^2)/1000,0)</f>
        <v>44</v>
      </c>
      <c r="AW193">
        <f ca="1">ROUND(SQRT((VLOOKUP($A193,városok!$A$2:$C$346,2,0)-VLOOKUP(AW$1,városok!$A$2:$C$346,2,0))^2+(VLOOKUP($A193,városok!$A$2:$C$346,3,0)-VLOOKUP(AW$1,városok!$A$2:$C$346,3,0))^2)/1000,0)</f>
        <v>42</v>
      </c>
      <c r="AX193">
        <f ca="1">ROUND(SQRT((VLOOKUP($A193,városok!$A$2:$C$346,2,0)-VLOOKUP(AX$1,városok!$A$2:$C$346,2,0))^2+(VLOOKUP($A193,városok!$A$2:$C$346,3,0)-VLOOKUP(AX$1,városok!$A$2:$C$346,3,0))^2)/1000,0)</f>
        <v>120</v>
      </c>
      <c r="AY193">
        <f ca="1">ROUND(SQRT((VLOOKUP($A193,városok!$A$2:$C$346,2,0)-VLOOKUP(AY$1,városok!$A$2:$C$346,2,0))^2+(VLOOKUP($A193,városok!$A$2:$C$346,3,0)-VLOOKUP(AY$1,városok!$A$2:$C$346,3,0))^2)/1000,0)</f>
        <v>51</v>
      </c>
      <c r="AZ193">
        <f ca="1">ROUND(SQRT((VLOOKUP($A193,városok!$A$2:$C$346,2,0)-VLOOKUP(AZ$1,városok!$A$2:$C$346,2,0))^2+(VLOOKUP($A193,városok!$A$2:$C$346,3,0)-VLOOKUP(AZ$1,városok!$A$2:$C$346,3,0))^2)/1000,0)</f>
        <v>49</v>
      </c>
      <c r="BA193">
        <f ca="1">ROUND(SQRT((VLOOKUP($A193,városok!$A$2:$C$346,2,0)-VLOOKUP(BA$1,városok!$A$2:$C$346,2,0))^2+(VLOOKUP($A193,városok!$A$2:$C$346,3,0)-VLOOKUP(BA$1,városok!$A$2:$C$346,3,0))^2)/1000,0)</f>
        <v>103</v>
      </c>
      <c r="BB193">
        <f ca="1">ROUND(SQRT((VLOOKUP($A193,városok!$A$2:$C$346,2,0)-VLOOKUP(BB$1,városok!$A$2:$C$346,2,0))^2+(VLOOKUP($A193,városok!$A$2:$C$346,3,0)-VLOOKUP(BB$1,városok!$A$2:$C$346,3,0))^2)/1000,0)</f>
        <v>120</v>
      </c>
      <c r="BC193">
        <f ca="1">ROUND(SQRT((VLOOKUP($A193,városok!$A$2:$C$346,2,0)-VLOOKUP(BC$1,városok!$A$2:$C$346,2,0))^2+(VLOOKUP($A193,városok!$A$2:$C$346,3,0)-VLOOKUP(BC$1,városok!$A$2:$C$346,3,0))^2)/1000,0)</f>
        <v>143</v>
      </c>
      <c r="BD193">
        <f ca="1">ROUND(SQRT((VLOOKUP($A193,városok!$A$2:$C$346,2,0)-VLOOKUP(BD$1,városok!$A$2:$C$346,2,0))^2+(VLOOKUP($A193,városok!$A$2:$C$346,3,0)-VLOOKUP(BD$1,városok!$A$2:$C$346,3,0))^2)/1000,0)</f>
        <v>78</v>
      </c>
      <c r="BE193">
        <f ca="1">ROUND(SQRT((VLOOKUP($A193,városok!$A$2:$C$346,2,0)-VLOOKUP(BE$1,városok!$A$2:$C$346,2,0))^2+(VLOOKUP($A193,városok!$A$2:$C$346,3,0)-VLOOKUP(BE$1,városok!$A$2:$C$346,3,0))^2)/1000,0)</f>
        <v>321</v>
      </c>
      <c r="BF193">
        <f ca="1">ROUND(SQRT((VLOOKUP($A193,városok!$A$2:$C$346,2,0)-VLOOKUP(BF$1,városok!$A$2:$C$346,2,0))^2+(VLOOKUP($A193,városok!$A$2:$C$346,3,0)-VLOOKUP(BF$1,városok!$A$2:$C$346,3,0))^2)/1000,0)</f>
        <v>284</v>
      </c>
      <c r="BG193">
        <f ca="1">ROUND(SQRT((VLOOKUP($A193,városok!$A$2:$C$346,2,0)-VLOOKUP(BG$1,városok!$A$2:$C$346,2,0))^2+(VLOOKUP($A193,városok!$A$2:$C$346,3,0)-VLOOKUP(BG$1,városok!$A$2:$C$346,3,0))^2)/1000,0)</f>
        <v>237</v>
      </c>
      <c r="BH193">
        <f ca="1">ROUND(SQRT((VLOOKUP($A193,városok!$A$2:$C$346,2,0)-VLOOKUP(BH$1,városok!$A$2:$C$346,2,0))^2+(VLOOKUP($A193,városok!$A$2:$C$346,3,0)-VLOOKUP(BH$1,városok!$A$2:$C$346,3,0))^2)/1000,0)</f>
        <v>237</v>
      </c>
      <c r="BI193">
        <f ca="1">ROUND(SQRT((VLOOKUP($A193,városok!$A$2:$C$346,2,0)-VLOOKUP(BI$1,városok!$A$2:$C$346,2,0))^2+(VLOOKUP($A193,városok!$A$2:$C$346,3,0)-VLOOKUP(BI$1,városok!$A$2:$C$346,3,0))^2)/1000,0)</f>
        <v>131</v>
      </c>
      <c r="BJ193">
        <f ca="1">ROUND(SQRT((VLOOKUP($A193,városok!$A$2:$C$346,2,0)-VLOOKUP(BJ$1,városok!$A$2:$C$346,2,0))^2+(VLOOKUP($A193,városok!$A$2:$C$346,3,0)-VLOOKUP(BJ$1,városok!$A$2:$C$346,3,0))^2)/1000,0)</f>
        <v>143</v>
      </c>
      <c r="BK193">
        <f ca="1">ROUND(SQRT((VLOOKUP($A193,városok!$A$2:$C$346,2,0)-VLOOKUP(BK$1,városok!$A$2:$C$346,2,0))^2+(VLOOKUP($A193,városok!$A$2:$C$346,3,0)-VLOOKUP(BK$1,városok!$A$2:$C$346,3,0))^2)/1000,0)</f>
        <v>137</v>
      </c>
      <c r="BL193">
        <f ca="1">ROUND(SQRT((VLOOKUP($A193,városok!$A$2:$C$346,2,0)-VLOOKUP(BL$1,városok!$A$2:$C$346,2,0))^2+(VLOOKUP($A193,városok!$A$2:$C$346,3,0)-VLOOKUP(BL$1,városok!$A$2:$C$346,3,0))^2)/1000,0)</f>
        <v>150</v>
      </c>
      <c r="BM193">
        <f ca="1">ROUND(SQRT((VLOOKUP($A193,városok!$A$2:$C$346,2,0)-VLOOKUP(BM$1,városok!$A$2:$C$346,2,0))^2+(VLOOKUP($A193,városok!$A$2:$C$346,3,0)-VLOOKUP(BM$1,városok!$A$2:$C$346,3,0))^2)/1000,0)</f>
        <v>117</v>
      </c>
      <c r="BN193">
        <f ca="1">ROUND(SQRT((VLOOKUP($A193,városok!$A$2:$C$346,2,0)-VLOOKUP(BN$1,városok!$A$2:$C$346,2,0))^2+(VLOOKUP($A193,városok!$A$2:$C$346,3,0)-VLOOKUP(BN$1,városok!$A$2:$C$346,3,0))^2)/1000,0)</f>
        <v>140</v>
      </c>
      <c r="BO193">
        <f ca="1">ROUND(SQRT((VLOOKUP($A193,városok!$A$2:$C$346,2,0)-VLOOKUP(BO$1,városok!$A$2:$C$346,2,0))^2+(VLOOKUP($A193,városok!$A$2:$C$346,3,0)-VLOOKUP(BO$1,városok!$A$2:$C$346,3,0))^2)/1000,0)</f>
        <v>67</v>
      </c>
      <c r="BP193">
        <f ca="1">ROUND(SQRT((VLOOKUP($A193,városok!$A$2:$C$346,2,0)-VLOOKUP(BP$1,városok!$A$2:$C$346,2,0))^2+(VLOOKUP($A193,városok!$A$2:$C$346,3,0)-VLOOKUP(BP$1,városok!$A$2:$C$346,3,0))^2)/1000,0)</f>
        <v>63</v>
      </c>
      <c r="BQ193">
        <f ca="1">ROUND(SQRT((VLOOKUP($A193,városok!$A$2:$C$346,2,0)-VLOOKUP(BQ$1,városok!$A$2:$C$346,2,0))^2+(VLOOKUP($A193,városok!$A$2:$C$346,3,0)-VLOOKUP(BQ$1,városok!$A$2:$C$346,3,0))^2)/1000,0)</f>
        <v>65</v>
      </c>
      <c r="BR193">
        <f ca="1">ROUND(SQRT((VLOOKUP($A193,városok!$A$2:$C$346,2,0)-VLOOKUP(BR$1,városok!$A$2:$C$346,2,0))^2+(VLOOKUP($A193,városok!$A$2:$C$346,3,0)-VLOOKUP(BR$1,városok!$A$2:$C$346,3,0))^2)/1000,0)</f>
        <v>125</v>
      </c>
      <c r="BS193">
        <f ca="1">ROUND(SQRT((VLOOKUP($A193,városok!$A$2:$C$346,2,0)-VLOOKUP(BS$1,városok!$A$2:$C$346,2,0))^2+(VLOOKUP($A193,városok!$A$2:$C$346,3,0)-VLOOKUP(BS$1,városok!$A$2:$C$346,3,0))^2)/1000,0)</f>
        <v>164</v>
      </c>
      <c r="BT193">
        <f ca="1">ROUND(SQRT((VLOOKUP($A193,városok!$A$2:$C$346,2,0)-VLOOKUP(BT$1,városok!$A$2:$C$346,2,0))^2+(VLOOKUP($A193,városok!$A$2:$C$346,3,0)-VLOOKUP(BT$1,városok!$A$2:$C$346,3,0))^2)/1000,0)</f>
        <v>144</v>
      </c>
    </row>
    <row r="194" spans="1:72" x14ac:dyDescent="0.2">
      <c r="A194" t="str">
        <f>városok!A194</f>
        <v>Balassagyarmat</v>
      </c>
      <c r="B194">
        <f ca="1">ROUND(SQRT((VLOOKUP($A194,városok!$A$2:$C$346,2,0)-VLOOKUP(B$1,városok!$A$2:$C$346,2,0))^2+(VLOOKUP($A194,városok!$A$2:$C$346,3,0)-VLOOKUP(B$1,városok!$A$2:$C$346,3,0))^2)/1000,0)</f>
        <v>212</v>
      </c>
      <c r="C194">
        <f ca="1">ROUND(SQRT((VLOOKUP($A194,városok!$A$2:$C$346,2,0)-VLOOKUP(C$1,városok!$A$2:$C$346,2,0))^2+(VLOOKUP($A194,városok!$A$2:$C$346,3,0)-VLOOKUP(C$1,városok!$A$2:$C$346,3,0))^2)/1000,0)</f>
        <v>174</v>
      </c>
      <c r="D194">
        <f ca="1">ROUND(SQRT((VLOOKUP($A194,városok!$A$2:$C$346,2,0)-VLOOKUP(D$1,városok!$A$2:$C$346,2,0))^2+(VLOOKUP($A194,városok!$A$2:$C$346,3,0)-VLOOKUP(D$1,városok!$A$2:$C$346,3,0))^2)/1000,0)</f>
        <v>133</v>
      </c>
      <c r="E194">
        <f ca="1">ROUND(SQRT((VLOOKUP($A194,városok!$A$2:$C$346,2,0)-VLOOKUP(E$1,városok!$A$2:$C$346,2,0))^2+(VLOOKUP($A194,városok!$A$2:$C$346,3,0)-VLOOKUP(E$1,városok!$A$2:$C$346,3,0))^2)/1000,0)</f>
        <v>224</v>
      </c>
      <c r="F194">
        <f ca="1">ROUND(SQRT((VLOOKUP($A194,városok!$A$2:$C$346,2,0)-VLOOKUP(F$1,városok!$A$2:$C$346,2,0))^2+(VLOOKUP($A194,városok!$A$2:$C$346,3,0)-VLOOKUP(F$1,városok!$A$2:$C$346,3,0))^2)/1000,0)</f>
        <v>236</v>
      </c>
      <c r="G194">
        <f ca="1">ROUND(SQRT((VLOOKUP($A194,városok!$A$2:$C$346,2,0)-VLOOKUP(G$1,városok!$A$2:$C$346,2,0))^2+(VLOOKUP($A194,városok!$A$2:$C$346,3,0)-VLOOKUP(G$1,városok!$A$2:$C$346,3,0))^2)/1000,0)</f>
        <v>236</v>
      </c>
      <c r="H194">
        <f ca="1">ROUND(SQRT((VLOOKUP($A194,városok!$A$2:$C$346,2,0)-VLOOKUP(H$1,városok!$A$2:$C$346,2,0))^2+(VLOOKUP($A194,városok!$A$2:$C$346,3,0)-VLOOKUP(H$1,városok!$A$2:$C$346,3,0))^2)/1000,0)</f>
        <v>253</v>
      </c>
      <c r="I194">
        <f ca="1">ROUND(SQRT((VLOOKUP($A194,városok!$A$2:$C$346,2,0)-VLOOKUP(I$1,városok!$A$2:$C$346,2,0))^2+(VLOOKUP($A194,városok!$A$2:$C$346,3,0)-VLOOKUP(I$1,városok!$A$2:$C$346,3,0))^2)/1000,0)</f>
        <v>206</v>
      </c>
      <c r="J194">
        <f ca="1">ROUND(SQRT((VLOOKUP($A194,városok!$A$2:$C$346,2,0)-VLOOKUP(J$1,városok!$A$2:$C$346,2,0))^2+(VLOOKUP($A194,városok!$A$2:$C$346,3,0)-VLOOKUP(J$1,városok!$A$2:$C$346,3,0))^2)/1000,0)</f>
        <v>218</v>
      </c>
      <c r="K194">
        <f ca="1">ROUND(SQRT((VLOOKUP($A194,városok!$A$2:$C$346,2,0)-VLOOKUP(K$1,városok!$A$2:$C$346,2,0))^2+(VLOOKUP($A194,városok!$A$2:$C$346,3,0)-VLOOKUP(K$1,városok!$A$2:$C$346,3,0))^2)/1000,0)</f>
        <v>198</v>
      </c>
      <c r="L194">
        <f ca="1">ROUND(SQRT((VLOOKUP($A194,városok!$A$2:$C$346,2,0)-VLOOKUP(L$1,városok!$A$2:$C$346,2,0))^2+(VLOOKUP($A194,városok!$A$2:$C$346,3,0)-VLOOKUP(L$1,városok!$A$2:$C$346,3,0))^2)/1000,0)</f>
        <v>102</v>
      </c>
      <c r="M194">
        <f ca="1">ROUND(SQRT((VLOOKUP($A194,városok!$A$2:$C$346,2,0)-VLOOKUP(M$1,városok!$A$2:$C$346,2,0))^2+(VLOOKUP($A194,városok!$A$2:$C$346,3,0)-VLOOKUP(M$1,városok!$A$2:$C$346,3,0))^2)/1000,0)</f>
        <v>112</v>
      </c>
      <c r="N194">
        <f ca="1">ROUND(SQRT((VLOOKUP($A194,városok!$A$2:$C$346,2,0)-VLOOKUP(N$1,városok!$A$2:$C$346,2,0))^2+(VLOOKUP($A194,városok!$A$2:$C$346,3,0)-VLOOKUP(N$1,városok!$A$2:$C$346,3,0))^2)/1000,0)</f>
        <v>76</v>
      </c>
      <c r="O194">
        <f ca="1">ROUND(SQRT((VLOOKUP($A194,városok!$A$2:$C$346,2,0)-VLOOKUP(O$1,városok!$A$2:$C$346,2,0))^2+(VLOOKUP($A194,városok!$A$2:$C$346,3,0)-VLOOKUP(O$1,városok!$A$2:$C$346,3,0))^2)/1000,0)</f>
        <v>179</v>
      </c>
      <c r="P194">
        <f ca="1">ROUND(SQRT((VLOOKUP($A194,városok!$A$2:$C$346,2,0)-VLOOKUP(P$1,városok!$A$2:$C$346,2,0))^2+(VLOOKUP($A194,városok!$A$2:$C$346,3,0)-VLOOKUP(P$1,városok!$A$2:$C$346,3,0))^2)/1000,0)</f>
        <v>179</v>
      </c>
      <c r="Q194">
        <f ca="1">ROUND(SQRT((VLOOKUP($A194,városok!$A$2:$C$346,2,0)-VLOOKUP(Q$1,városok!$A$2:$C$346,2,0))^2+(VLOOKUP($A194,városok!$A$2:$C$346,3,0)-VLOOKUP(Q$1,városok!$A$2:$C$346,3,0))^2)/1000,0)</f>
        <v>200</v>
      </c>
      <c r="R194">
        <f ca="1">ROUND(SQRT((VLOOKUP($A194,városok!$A$2:$C$346,2,0)-VLOOKUP(R$1,városok!$A$2:$C$346,2,0))^2+(VLOOKUP($A194,városok!$A$2:$C$346,3,0)-VLOOKUP(R$1,városok!$A$2:$C$346,3,0))^2)/1000,0)</f>
        <v>225</v>
      </c>
      <c r="S194">
        <f ca="1">ROUND(SQRT((VLOOKUP($A194,városok!$A$2:$C$346,2,0)-VLOOKUP(S$1,városok!$A$2:$C$346,2,0))^2+(VLOOKUP($A194,városok!$A$2:$C$346,3,0)-VLOOKUP(S$1,városok!$A$2:$C$346,3,0))^2)/1000,0)</f>
        <v>214</v>
      </c>
      <c r="T194">
        <f ca="1">ROUND(SQRT((VLOOKUP($A194,városok!$A$2:$C$346,2,0)-VLOOKUP(T$1,városok!$A$2:$C$346,2,0))^2+(VLOOKUP($A194,városok!$A$2:$C$346,3,0)-VLOOKUP(T$1,városok!$A$2:$C$346,3,0))^2)/1000,0)</f>
        <v>82</v>
      </c>
      <c r="U194">
        <f ca="1">ROUND(SQRT((VLOOKUP($A194,városok!$A$2:$C$346,2,0)-VLOOKUP(U$1,városok!$A$2:$C$346,2,0))^2+(VLOOKUP($A194,városok!$A$2:$C$346,3,0)-VLOOKUP(U$1,városok!$A$2:$C$346,3,0))^2)/1000,0)</f>
        <v>126</v>
      </c>
      <c r="V194">
        <f ca="1">ROUND(SQRT((VLOOKUP($A194,városok!$A$2:$C$346,2,0)-VLOOKUP(V$1,városok!$A$2:$C$346,2,0))^2+(VLOOKUP($A194,városok!$A$2:$C$346,3,0)-VLOOKUP(V$1,városok!$A$2:$C$346,3,0))^2)/1000,0)</f>
        <v>135</v>
      </c>
      <c r="W194">
        <f ca="1">ROUND(SQRT((VLOOKUP($A194,városok!$A$2:$C$346,2,0)-VLOOKUP(W$1,városok!$A$2:$C$346,2,0))^2+(VLOOKUP($A194,városok!$A$2:$C$346,3,0)-VLOOKUP(W$1,városok!$A$2:$C$346,3,0))^2)/1000,0)</f>
        <v>142</v>
      </c>
      <c r="X194">
        <f ca="1">ROUND(SQRT((VLOOKUP($A194,városok!$A$2:$C$346,2,0)-VLOOKUP(X$1,városok!$A$2:$C$346,2,0))^2+(VLOOKUP($A194,városok!$A$2:$C$346,3,0)-VLOOKUP(X$1,városok!$A$2:$C$346,3,0))^2)/1000,0)</f>
        <v>114</v>
      </c>
      <c r="Y194">
        <f ca="1">ROUND(SQRT((VLOOKUP($A194,városok!$A$2:$C$346,2,0)-VLOOKUP(Y$1,városok!$A$2:$C$346,2,0))^2+(VLOOKUP($A194,városok!$A$2:$C$346,3,0)-VLOOKUP(Y$1,városok!$A$2:$C$346,3,0))^2)/1000,0)</f>
        <v>131</v>
      </c>
      <c r="Z194">
        <f ca="1">ROUND(SQRT((VLOOKUP($A194,városok!$A$2:$C$346,2,0)-VLOOKUP(Z$1,városok!$A$2:$C$346,2,0))^2+(VLOOKUP($A194,városok!$A$2:$C$346,3,0)-VLOOKUP(Z$1,városok!$A$2:$C$346,3,0))^2)/1000,0)</f>
        <v>147</v>
      </c>
      <c r="AA194">
        <f ca="1">ROUND(SQRT((VLOOKUP($A194,városok!$A$2:$C$346,2,0)-VLOOKUP(AA$1,városok!$A$2:$C$346,2,0))^2+(VLOOKUP($A194,városok!$A$2:$C$346,3,0)-VLOOKUP(AA$1,városok!$A$2:$C$346,3,0))^2)/1000,0)</f>
        <v>207</v>
      </c>
      <c r="AB194">
        <f ca="1">ROUND(SQRT((VLOOKUP($A194,városok!$A$2:$C$346,2,0)-VLOOKUP(AB$1,városok!$A$2:$C$346,2,0))^2+(VLOOKUP($A194,városok!$A$2:$C$346,3,0)-VLOOKUP(AB$1,városok!$A$2:$C$346,3,0))^2)/1000,0)</f>
        <v>185</v>
      </c>
      <c r="AC194">
        <f ca="1">ROUND(SQRT((VLOOKUP($A194,városok!$A$2:$C$346,2,0)-VLOOKUP(AC$1,városok!$A$2:$C$346,2,0))^2+(VLOOKUP($A194,városok!$A$2:$C$346,3,0)-VLOOKUP(AC$1,városok!$A$2:$C$346,3,0))^2)/1000,0)</f>
        <v>172</v>
      </c>
      <c r="AD194">
        <f ca="1">ROUND(SQRT((VLOOKUP($A194,városok!$A$2:$C$346,2,0)-VLOOKUP(AD$1,városok!$A$2:$C$346,2,0))^2+(VLOOKUP($A194,városok!$A$2:$C$346,3,0)-VLOOKUP(AD$1,városok!$A$2:$C$346,3,0))^2)/1000,0)</f>
        <v>157</v>
      </c>
      <c r="AE194">
        <f ca="1">ROUND(SQRT((VLOOKUP($A194,városok!$A$2:$C$346,2,0)-VLOOKUP(AE$1,városok!$A$2:$C$346,2,0))^2+(VLOOKUP($A194,városok!$A$2:$C$346,3,0)-VLOOKUP(AE$1,városok!$A$2:$C$346,3,0))^2)/1000,0)</f>
        <v>166</v>
      </c>
      <c r="AF194">
        <f ca="1">ROUND(SQRT((VLOOKUP($A194,városok!$A$2:$C$346,2,0)-VLOOKUP(AF$1,városok!$A$2:$C$346,2,0))^2+(VLOOKUP($A194,városok!$A$2:$C$346,3,0)-VLOOKUP(AF$1,városok!$A$2:$C$346,3,0))^2)/1000,0)</f>
        <v>83</v>
      </c>
      <c r="AG194">
        <f ca="1">ROUND(SQRT((VLOOKUP($A194,városok!$A$2:$C$346,2,0)-VLOOKUP(AG$1,városok!$A$2:$C$346,2,0))^2+(VLOOKUP($A194,városok!$A$2:$C$346,3,0)-VLOOKUP(AG$1,városok!$A$2:$C$346,3,0))^2)/1000,0)</f>
        <v>57</v>
      </c>
      <c r="AH194">
        <f ca="1">ROUND(SQRT((VLOOKUP($A194,városok!$A$2:$C$346,2,0)-VLOOKUP(AH$1,városok!$A$2:$C$346,2,0))^2+(VLOOKUP($A194,városok!$A$2:$C$346,3,0)-VLOOKUP(AH$1,városok!$A$2:$C$346,3,0))^2)/1000,0)</f>
        <v>54</v>
      </c>
      <c r="AI194">
        <f ca="1">ROUND(SQRT((VLOOKUP($A194,városok!$A$2:$C$346,2,0)-VLOOKUP(AI$1,városok!$A$2:$C$346,2,0))^2+(VLOOKUP($A194,városok!$A$2:$C$346,3,0)-VLOOKUP(AI$1,városok!$A$2:$C$346,3,0))^2)/1000,0)</f>
        <v>60</v>
      </c>
      <c r="AJ194">
        <f ca="1">ROUND(SQRT((VLOOKUP($A194,városok!$A$2:$C$346,2,0)-VLOOKUP(AJ$1,városok!$A$2:$C$346,2,0))^2+(VLOOKUP($A194,városok!$A$2:$C$346,3,0)-VLOOKUP(AJ$1,városok!$A$2:$C$346,3,0))^2)/1000,0)</f>
        <v>70</v>
      </c>
      <c r="AK194">
        <f ca="1">ROUND(SQRT((VLOOKUP($A194,városok!$A$2:$C$346,2,0)-VLOOKUP(AK$1,városok!$A$2:$C$346,2,0))^2+(VLOOKUP($A194,városok!$A$2:$C$346,3,0)-VLOOKUP(AK$1,városok!$A$2:$C$346,3,0))^2)/1000,0)</f>
        <v>154</v>
      </c>
      <c r="AL194">
        <f ca="1">ROUND(SQRT((VLOOKUP($A194,városok!$A$2:$C$346,2,0)-VLOOKUP(AL$1,városok!$A$2:$C$346,2,0))^2+(VLOOKUP($A194,városok!$A$2:$C$346,3,0)-VLOOKUP(AL$1,városok!$A$2:$C$346,3,0))^2)/1000,0)</f>
        <v>127</v>
      </c>
      <c r="AM194">
        <f ca="1">ROUND(SQRT((VLOOKUP($A194,városok!$A$2:$C$346,2,0)-VLOOKUP(AM$1,városok!$A$2:$C$346,2,0))^2+(VLOOKUP($A194,városok!$A$2:$C$346,3,0)-VLOOKUP(AM$1,városok!$A$2:$C$346,3,0))^2)/1000,0)</f>
        <v>120</v>
      </c>
      <c r="AN194">
        <f ca="1">ROUND(SQRT((VLOOKUP($A194,városok!$A$2:$C$346,2,0)-VLOOKUP(AN$1,városok!$A$2:$C$346,2,0))^2+(VLOOKUP($A194,városok!$A$2:$C$346,3,0)-VLOOKUP(AN$1,városok!$A$2:$C$346,3,0))^2)/1000,0)</f>
        <v>52</v>
      </c>
      <c r="AO194">
        <f ca="1">ROUND(SQRT((VLOOKUP($A194,városok!$A$2:$C$346,2,0)-VLOOKUP(AO$1,városok!$A$2:$C$346,2,0))^2+(VLOOKUP($A194,városok!$A$2:$C$346,3,0)-VLOOKUP(AO$1,városok!$A$2:$C$346,3,0))^2)/1000,0)</f>
        <v>95</v>
      </c>
      <c r="AP194">
        <f ca="1">ROUND(SQRT((VLOOKUP($A194,városok!$A$2:$C$346,2,0)-VLOOKUP(AP$1,városok!$A$2:$C$346,2,0))^2+(VLOOKUP($A194,városok!$A$2:$C$346,3,0)-VLOOKUP(AP$1,városok!$A$2:$C$346,3,0))^2)/1000,0)</f>
        <v>86</v>
      </c>
      <c r="AQ194">
        <f ca="1">ROUND(SQRT((VLOOKUP($A194,városok!$A$2:$C$346,2,0)-VLOOKUP(AQ$1,városok!$A$2:$C$346,2,0))^2+(VLOOKUP($A194,városok!$A$2:$C$346,3,0)-VLOOKUP(AQ$1,városok!$A$2:$C$346,3,0))^2)/1000,0)</f>
        <v>87</v>
      </c>
      <c r="AR194">
        <f ca="1">ROUND(SQRT((VLOOKUP($A194,városok!$A$2:$C$346,2,0)-VLOOKUP(AR$1,városok!$A$2:$C$346,2,0))^2+(VLOOKUP($A194,városok!$A$2:$C$346,3,0)-VLOOKUP(AR$1,városok!$A$2:$C$346,3,0))^2)/1000,0)</f>
        <v>34</v>
      </c>
      <c r="AS194">
        <f ca="1">ROUND(SQRT((VLOOKUP($A194,városok!$A$2:$C$346,2,0)-VLOOKUP(AS$1,városok!$A$2:$C$346,2,0))^2+(VLOOKUP($A194,városok!$A$2:$C$346,3,0)-VLOOKUP(AS$1,városok!$A$2:$C$346,3,0))^2)/1000,0)</f>
        <v>39</v>
      </c>
      <c r="AT194">
        <f ca="1">ROUND(SQRT((VLOOKUP($A194,városok!$A$2:$C$346,2,0)-VLOOKUP(AT$1,városok!$A$2:$C$346,2,0))^2+(VLOOKUP($A194,városok!$A$2:$C$346,3,0)-VLOOKUP(AT$1,városok!$A$2:$C$346,3,0))^2)/1000,0)</f>
        <v>76</v>
      </c>
      <c r="AU194">
        <f ca="1">ROUND(SQRT((VLOOKUP($A194,városok!$A$2:$C$346,2,0)-VLOOKUP(AU$1,városok!$A$2:$C$346,2,0))^2+(VLOOKUP($A194,városok!$A$2:$C$346,3,0)-VLOOKUP(AU$1,városok!$A$2:$C$346,3,0))^2)/1000,0)</f>
        <v>73</v>
      </c>
      <c r="AV194">
        <f ca="1">ROUND(SQRT((VLOOKUP($A194,városok!$A$2:$C$346,2,0)-VLOOKUP(AV$1,városok!$A$2:$C$346,2,0))^2+(VLOOKUP($A194,városok!$A$2:$C$346,3,0)-VLOOKUP(AV$1,városok!$A$2:$C$346,3,0))^2)/1000,0)</f>
        <v>78</v>
      </c>
      <c r="AW194">
        <f ca="1">ROUND(SQRT((VLOOKUP($A194,városok!$A$2:$C$346,2,0)-VLOOKUP(AW$1,városok!$A$2:$C$346,2,0))^2+(VLOOKUP($A194,városok!$A$2:$C$346,3,0)-VLOOKUP(AW$1,városok!$A$2:$C$346,3,0))^2)/1000,0)</f>
        <v>81</v>
      </c>
      <c r="AX194">
        <f ca="1">ROUND(SQRT((VLOOKUP($A194,városok!$A$2:$C$346,2,0)-VLOOKUP(AX$1,városok!$A$2:$C$346,2,0))^2+(VLOOKUP($A194,városok!$A$2:$C$346,3,0)-VLOOKUP(AX$1,városok!$A$2:$C$346,3,0))^2)/1000,0)</f>
        <v>122</v>
      </c>
      <c r="AY194">
        <f ca="1">ROUND(SQRT((VLOOKUP($A194,városok!$A$2:$C$346,2,0)-VLOOKUP(AY$1,városok!$A$2:$C$346,2,0))^2+(VLOOKUP($A194,városok!$A$2:$C$346,3,0)-VLOOKUP(AY$1,városok!$A$2:$C$346,3,0))^2)/1000,0)</f>
        <v>47</v>
      </c>
      <c r="AZ194">
        <f ca="1">ROUND(SQRT((VLOOKUP($A194,városok!$A$2:$C$346,2,0)-VLOOKUP(AZ$1,városok!$A$2:$C$346,2,0))^2+(VLOOKUP($A194,városok!$A$2:$C$346,3,0)-VLOOKUP(AZ$1,városok!$A$2:$C$346,3,0))^2)/1000,0)</f>
        <v>40</v>
      </c>
      <c r="BA194">
        <f ca="1">ROUND(SQRT((VLOOKUP($A194,városok!$A$2:$C$346,2,0)-VLOOKUP(BA$1,városok!$A$2:$C$346,2,0))^2+(VLOOKUP($A194,városok!$A$2:$C$346,3,0)-VLOOKUP(BA$1,városok!$A$2:$C$346,3,0))^2)/1000,0)</f>
        <v>187</v>
      </c>
      <c r="BB194">
        <f ca="1">ROUND(SQRT((VLOOKUP($A194,városok!$A$2:$C$346,2,0)-VLOOKUP(BB$1,városok!$A$2:$C$346,2,0))^2+(VLOOKUP($A194,városok!$A$2:$C$346,3,0)-VLOOKUP(BB$1,városok!$A$2:$C$346,3,0))^2)/1000,0)</f>
        <v>199</v>
      </c>
      <c r="BC194">
        <f ca="1">ROUND(SQRT((VLOOKUP($A194,városok!$A$2:$C$346,2,0)-VLOOKUP(BC$1,városok!$A$2:$C$346,2,0))^2+(VLOOKUP($A194,városok!$A$2:$C$346,3,0)-VLOOKUP(BC$1,városok!$A$2:$C$346,3,0))^2)/1000,0)</f>
        <v>222</v>
      </c>
      <c r="BD194">
        <f ca="1">ROUND(SQRT((VLOOKUP($A194,városok!$A$2:$C$346,2,0)-VLOOKUP(BD$1,városok!$A$2:$C$346,2,0))^2+(VLOOKUP($A194,városok!$A$2:$C$346,3,0)-VLOOKUP(BD$1,városok!$A$2:$C$346,3,0))^2)/1000,0)</f>
        <v>159</v>
      </c>
      <c r="BE194">
        <f ca="1">ROUND(SQRT((VLOOKUP($A194,városok!$A$2:$C$346,2,0)-VLOOKUP(BE$1,városok!$A$2:$C$346,2,0))^2+(VLOOKUP($A194,városok!$A$2:$C$346,3,0)-VLOOKUP(BE$1,városok!$A$2:$C$346,3,0))^2)/1000,0)</f>
        <v>253</v>
      </c>
      <c r="BF194">
        <f ca="1">ROUND(SQRT((VLOOKUP($A194,városok!$A$2:$C$346,2,0)-VLOOKUP(BF$1,városok!$A$2:$C$346,2,0))^2+(VLOOKUP($A194,városok!$A$2:$C$346,3,0)-VLOOKUP(BF$1,városok!$A$2:$C$346,3,0))^2)/1000,0)</f>
        <v>207</v>
      </c>
      <c r="BG194">
        <f ca="1">ROUND(SQRT((VLOOKUP($A194,városok!$A$2:$C$346,2,0)-VLOOKUP(BG$1,városok!$A$2:$C$346,2,0))^2+(VLOOKUP($A194,városok!$A$2:$C$346,3,0)-VLOOKUP(BG$1,városok!$A$2:$C$346,3,0))^2)/1000,0)</f>
        <v>162</v>
      </c>
      <c r="BH194">
        <f ca="1">ROUND(SQRT((VLOOKUP($A194,városok!$A$2:$C$346,2,0)-VLOOKUP(BH$1,városok!$A$2:$C$346,2,0))^2+(VLOOKUP($A194,városok!$A$2:$C$346,3,0)-VLOOKUP(BH$1,városok!$A$2:$C$346,3,0))^2)/1000,0)</f>
        <v>162</v>
      </c>
      <c r="BI194">
        <f ca="1">ROUND(SQRT((VLOOKUP($A194,városok!$A$2:$C$346,2,0)-VLOOKUP(BI$1,városok!$A$2:$C$346,2,0))^2+(VLOOKUP($A194,városok!$A$2:$C$346,3,0)-VLOOKUP(BI$1,városok!$A$2:$C$346,3,0))^2)/1000,0)</f>
        <v>193</v>
      </c>
      <c r="BJ194">
        <f ca="1">ROUND(SQRT((VLOOKUP($A194,városok!$A$2:$C$346,2,0)-VLOOKUP(BJ$1,városok!$A$2:$C$346,2,0))^2+(VLOOKUP($A194,városok!$A$2:$C$346,3,0)-VLOOKUP(BJ$1,városok!$A$2:$C$346,3,0))^2)/1000,0)</f>
        <v>209</v>
      </c>
      <c r="BK194">
        <f ca="1">ROUND(SQRT((VLOOKUP($A194,városok!$A$2:$C$346,2,0)-VLOOKUP(BK$1,városok!$A$2:$C$346,2,0))^2+(VLOOKUP($A194,városok!$A$2:$C$346,3,0)-VLOOKUP(BK$1,városok!$A$2:$C$346,3,0))^2)/1000,0)</f>
        <v>197</v>
      </c>
      <c r="BL194">
        <f ca="1">ROUND(SQRT((VLOOKUP($A194,városok!$A$2:$C$346,2,0)-VLOOKUP(BL$1,városok!$A$2:$C$346,2,0))^2+(VLOOKUP($A194,városok!$A$2:$C$346,3,0)-VLOOKUP(BL$1,városok!$A$2:$C$346,3,0))^2)/1000,0)</f>
        <v>234</v>
      </c>
      <c r="BM194">
        <f ca="1">ROUND(SQRT((VLOOKUP($A194,városok!$A$2:$C$346,2,0)-VLOOKUP(BM$1,városok!$A$2:$C$346,2,0))^2+(VLOOKUP($A194,városok!$A$2:$C$346,3,0)-VLOOKUP(BM$1,városok!$A$2:$C$346,3,0))^2)/1000,0)</f>
        <v>199</v>
      </c>
      <c r="BN194">
        <f ca="1">ROUND(SQRT((VLOOKUP($A194,városok!$A$2:$C$346,2,0)-VLOOKUP(BN$1,városok!$A$2:$C$346,2,0))^2+(VLOOKUP($A194,városok!$A$2:$C$346,3,0)-VLOOKUP(BN$1,városok!$A$2:$C$346,3,0))^2)/1000,0)</f>
        <v>221</v>
      </c>
      <c r="BO194">
        <f ca="1">ROUND(SQRT((VLOOKUP($A194,városok!$A$2:$C$346,2,0)-VLOOKUP(BO$1,városok!$A$2:$C$346,2,0))^2+(VLOOKUP($A194,városok!$A$2:$C$346,3,0)-VLOOKUP(BO$1,városok!$A$2:$C$346,3,0))^2)/1000,0)</f>
        <v>151</v>
      </c>
      <c r="BP194">
        <f ca="1">ROUND(SQRT((VLOOKUP($A194,városok!$A$2:$C$346,2,0)-VLOOKUP(BP$1,városok!$A$2:$C$346,2,0))^2+(VLOOKUP($A194,városok!$A$2:$C$346,3,0)-VLOOKUP(BP$1,városok!$A$2:$C$346,3,0))^2)/1000,0)</f>
        <v>146</v>
      </c>
      <c r="BQ194">
        <f ca="1">ROUND(SQRT((VLOOKUP($A194,városok!$A$2:$C$346,2,0)-VLOOKUP(BQ$1,városok!$A$2:$C$346,2,0))^2+(VLOOKUP($A194,városok!$A$2:$C$346,3,0)-VLOOKUP(BQ$1,városok!$A$2:$C$346,3,0))^2)/1000,0)</f>
        <v>151</v>
      </c>
      <c r="BR194">
        <f ca="1">ROUND(SQRT((VLOOKUP($A194,városok!$A$2:$C$346,2,0)-VLOOKUP(BR$1,városok!$A$2:$C$346,2,0))^2+(VLOOKUP($A194,városok!$A$2:$C$346,3,0)-VLOOKUP(BR$1,városok!$A$2:$C$346,3,0))^2)/1000,0)</f>
        <v>212</v>
      </c>
      <c r="BS194">
        <f ca="1">ROUND(SQRT((VLOOKUP($A194,városok!$A$2:$C$346,2,0)-VLOOKUP(BS$1,városok!$A$2:$C$346,2,0))^2+(VLOOKUP($A194,városok!$A$2:$C$346,3,0)-VLOOKUP(BS$1,városok!$A$2:$C$346,3,0))^2)/1000,0)</f>
        <v>251</v>
      </c>
      <c r="BT194">
        <f ca="1">ROUND(SQRT((VLOOKUP($A194,városok!$A$2:$C$346,2,0)-VLOOKUP(BT$1,városok!$A$2:$C$346,2,0))^2+(VLOOKUP($A194,városok!$A$2:$C$346,3,0)-VLOOKUP(BT$1,városok!$A$2:$C$346,3,0))^2)/1000,0)</f>
        <v>231</v>
      </c>
    </row>
    <row r="195" spans="1:72" x14ac:dyDescent="0.2">
      <c r="A195" t="str">
        <f>városok!A195</f>
        <v>Bátonyterenye</v>
      </c>
      <c r="B195">
        <f ca="1">ROUND(SQRT((VLOOKUP($A195,városok!$A$2:$C$346,2,0)-VLOOKUP(B$1,városok!$A$2:$C$346,2,0))^2+(VLOOKUP($A195,városok!$A$2:$C$346,3,0)-VLOOKUP(B$1,városok!$A$2:$C$346,3,0))^2)/1000,0)</f>
        <v>211</v>
      </c>
      <c r="C195">
        <f ca="1">ROUND(SQRT((VLOOKUP($A195,városok!$A$2:$C$346,2,0)-VLOOKUP(C$1,városok!$A$2:$C$346,2,0))^2+(VLOOKUP($A195,városok!$A$2:$C$346,3,0)-VLOOKUP(C$1,városok!$A$2:$C$346,3,0))^2)/1000,0)</f>
        <v>175</v>
      </c>
      <c r="D195">
        <f ca="1">ROUND(SQRT((VLOOKUP($A195,városok!$A$2:$C$346,2,0)-VLOOKUP(D$1,városok!$A$2:$C$346,2,0))^2+(VLOOKUP($A195,városok!$A$2:$C$346,3,0)-VLOOKUP(D$1,városok!$A$2:$C$346,3,0))^2)/1000,0)</f>
        <v>121</v>
      </c>
      <c r="E195">
        <f ca="1">ROUND(SQRT((VLOOKUP($A195,városok!$A$2:$C$346,2,0)-VLOOKUP(E$1,városok!$A$2:$C$346,2,0))^2+(VLOOKUP($A195,városok!$A$2:$C$346,3,0)-VLOOKUP(E$1,városok!$A$2:$C$346,3,0))^2)/1000,0)</f>
        <v>233</v>
      </c>
      <c r="F195">
        <f ca="1">ROUND(SQRT((VLOOKUP($A195,városok!$A$2:$C$346,2,0)-VLOOKUP(F$1,városok!$A$2:$C$346,2,0))^2+(VLOOKUP($A195,városok!$A$2:$C$346,3,0)-VLOOKUP(F$1,városok!$A$2:$C$346,3,0))^2)/1000,0)</f>
        <v>239</v>
      </c>
      <c r="G195">
        <f ca="1">ROUND(SQRT((VLOOKUP($A195,városok!$A$2:$C$346,2,0)-VLOOKUP(G$1,városok!$A$2:$C$346,2,0))^2+(VLOOKUP($A195,városok!$A$2:$C$346,3,0)-VLOOKUP(G$1,városok!$A$2:$C$346,3,0))^2)/1000,0)</f>
        <v>244</v>
      </c>
      <c r="H195">
        <f ca="1">ROUND(SQRT((VLOOKUP($A195,városok!$A$2:$C$346,2,0)-VLOOKUP(H$1,városok!$A$2:$C$346,2,0))^2+(VLOOKUP($A195,városok!$A$2:$C$346,3,0)-VLOOKUP(H$1,városok!$A$2:$C$346,3,0))^2)/1000,0)</f>
        <v>266</v>
      </c>
      <c r="I195">
        <f ca="1">ROUND(SQRT((VLOOKUP($A195,városok!$A$2:$C$346,2,0)-VLOOKUP(I$1,városok!$A$2:$C$346,2,0))^2+(VLOOKUP($A195,városok!$A$2:$C$346,3,0)-VLOOKUP(I$1,városok!$A$2:$C$346,3,0))^2)/1000,0)</f>
        <v>175</v>
      </c>
      <c r="J195">
        <f ca="1">ROUND(SQRT((VLOOKUP($A195,városok!$A$2:$C$346,2,0)-VLOOKUP(J$1,városok!$A$2:$C$346,2,0))^2+(VLOOKUP($A195,városok!$A$2:$C$346,3,0)-VLOOKUP(J$1,városok!$A$2:$C$346,3,0))^2)/1000,0)</f>
        <v>186</v>
      </c>
      <c r="K195">
        <f ca="1">ROUND(SQRT((VLOOKUP($A195,városok!$A$2:$C$346,2,0)-VLOOKUP(K$1,városok!$A$2:$C$346,2,0))^2+(VLOOKUP($A195,városok!$A$2:$C$346,3,0)-VLOOKUP(K$1,városok!$A$2:$C$346,3,0))^2)/1000,0)</f>
        <v>171</v>
      </c>
      <c r="L195">
        <f ca="1">ROUND(SQRT((VLOOKUP($A195,városok!$A$2:$C$346,2,0)-VLOOKUP(L$1,városok!$A$2:$C$346,2,0))^2+(VLOOKUP($A195,városok!$A$2:$C$346,3,0)-VLOOKUP(L$1,városok!$A$2:$C$346,3,0))^2)/1000,0)</f>
        <v>67</v>
      </c>
      <c r="M195">
        <f ca="1">ROUND(SQRT((VLOOKUP($A195,városok!$A$2:$C$346,2,0)-VLOOKUP(M$1,városok!$A$2:$C$346,2,0))^2+(VLOOKUP($A195,városok!$A$2:$C$346,3,0)-VLOOKUP(M$1,városok!$A$2:$C$346,3,0))^2)/1000,0)</f>
        <v>73</v>
      </c>
      <c r="N195">
        <f ca="1">ROUND(SQRT((VLOOKUP($A195,városok!$A$2:$C$346,2,0)-VLOOKUP(N$1,városok!$A$2:$C$346,2,0))^2+(VLOOKUP($A195,városok!$A$2:$C$346,3,0)-VLOOKUP(N$1,városok!$A$2:$C$346,3,0))^2)/1000,0)</f>
        <v>43</v>
      </c>
      <c r="O195">
        <f ca="1">ROUND(SQRT((VLOOKUP($A195,városok!$A$2:$C$346,2,0)-VLOOKUP(O$1,városok!$A$2:$C$346,2,0))^2+(VLOOKUP($A195,városok!$A$2:$C$346,3,0)-VLOOKUP(O$1,városok!$A$2:$C$346,3,0))^2)/1000,0)</f>
        <v>143</v>
      </c>
      <c r="P195">
        <f ca="1">ROUND(SQRT((VLOOKUP($A195,városok!$A$2:$C$346,2,0)-VLOOKUP(P$1,városok!$A$2:$C$346,2,0))^2+(VLOOKUP($A195,városok!$A$2:$C$346,3,0)-VLOOKUP(P$1,városok!$A$2:$C$346,3,0))^2)/1000,0)</f>
        <v>143</v>
      </c>
      <c r="Q195">
        <f ca="1">ROUND(SQRT((VLOOKUP($A195,városok!$A$2:$C$346,2,0)-VLOOKUP(Q$1,városok!$A$2:$C$346,2,0))^2+(VLOOKUP($A195,városok!$A$2:$C$346,3,0)-VLOOKUP(Q$1,városok!$A$2:$C$346,3,0))^2)/1000,0)</f>
        <v>179</v>
      </c>
      <c r="R195">
        <f ca="1">ROUND(SQRT((VLOOKUP($A195,városok!$A$2:$C$346,2,0)-VLOOKUP(R$1,városok!$A$2:$C$346,2,0))^2+(VLOOKUP($A195,városok!$A$2:$C$346,3,0)-VLOOKUP(R$1,városok!$A$2:$C$346,3,0))^2)/1000,0)</f>
        <v>203</v>
      </c>
      <c r="S195">
        <f ca="1">ROUND(SQRT((VLOOKUP($A195,városok!$A$2:$C$346,2,0)-VLOOKUP(S$1,városok!$A$2:$C$346,2,0))^2+(VLOOKUP($A195,városok!$A$2:$C$346,3,0)-VLOOKUP(S$1,városok!$A$2:$C$346,3,0))^2)/1000,0)</f>
        <v>196</v>
      </c>
      <c r="T195">
        <f ca="1">ROUND(SQRT((VLOOKUP($A195,városok!$A$2:$C$346,2,0)-VLOOKUP(T$1,városok!$A$2:$C$346,2,0))^2+(VLOOKUP($A195,városok!$A$2:$C$346,3,0)-VLOOKUP(T$1,városok!$A$2:$C$346,3,0))^2)/1000,0)</f>
        <v>105</v>
      </c>
      <c r="U195">
        <f ca="1">ROUND(SQRT((VLOOKUP($A195,városok!$A$2:$C$346,2,0)-VLOOKUP(U$1,városok!$A$2:$C$346,2,0))^2+(VLOOKUP($A195,városok!$A$2:$C$346,3,0)-VLOOKUP(U$1,városok!$A$2:$C$346,3,0))^2)/1000,0)</f>
        <v>132</v>
      </c>
      <c r="V195">
        <f ca="1">ROUND(SQRT((VLOOKUP($A195,városok!$A$2:$C$346,2,0)-VLOOKUP(V$1,városok!$A$2:$C$346,2,0))^2+(VLOOKUP($A195,városok!$A$2:$C$346,3,0)-VLOOKUP(V$1,városok!$A$2:$C$346,3,0))^2)/1000,0)</f>
        <v>155</v>
      </c>
      <c r="W195">
        <f ca="1">ROUND(SQRT((VLOOKUP($A195,városok!$A$2:$C$346,2,0)-VLOOKUP(W$1,városok!$A$2:$C$346,2,0))^2+(VLOOKUP($A195,városok!$A$2:$C$346,3,0)-VLOOKUP(W$1,városok!$A$2:$C$346,3,0))^2)/1000,0)</f>
        <v>153</v>
      </c>
      <c r="X195">
        <f ca="1">ROUND(SQRT((VLOOKUP($A195,városok!$A$2:$C$346,2,0)-VLOOKUP(X$1,városok!$A$2:$C$346,2,0))^2+(VLOOKUP($A195,városok!$A$2:$C$346,3,0)-VLOOKUP(X$1,városok!$A$2:$C$346,3,0))^2)/1000,0)</f>
        <v>137</v>
      </c>
      <c r="Y195">
        <f ca="1">ROUND(SQRT((VLOOKUP($A195,városok!$A$2:$C$346,2,0)-VLOOKUP(Y$1,városok!$A$2:$C$346,2,0))^2+(VLOOKUP($A195,városok!$A$2:$C$346,3,0)-VLOOKUP(Y$1,városok!$A$2:$C$346,3,0))^2)/1000,0)</f>
        <v>167</v>
      </c>
      <c r="Z195">
        <f ca="1">ROUND(SQRT((VLOOKUP($A195,városok!$A$2:$C$346,2,0)-VLOOKUP(Z$1,városok!$A$2:$C$346,2,0))^2+(VLOOKUP($A195,városok!$A$2:$C$346,3,0)-VLOOKUP(Z$1,városok!$A$2:$C$346,3,0))^2)/1000,0)</f>
        <v>184</v>
      </c>
      <c r="AA195">
        <f ca="1">ROUND(SQRT((VLOOKUP($A195,városok!$A$2:$C$346,2,0)-VLOOKUP(AA$1,városok!$A$2:$C$346,2,0))^2+(VLOOKUP($A195,városok!$A$2:$C$346,3,0)-VLOOKUP(AA$1,városok!$A$2:$C$346,3,0))^2)/1000,0)</f>
        <v>245</v>
      </c>
      <c r="AB195">
        <f ca="1">ROUND(SQRT((VLOOKUP($A195,városok!$A$2:$C$346,2,0)-VLOOKUP(AB$1,városok!$A$2:$C$346,2,0))^2+(VLOOKUP($A195,városok!$A$2:$C$346,3,0)-VLOOKUP(AB$1,városok!$A$2:$C$346,3,0))^2)/1000,0)</f>
        <v>145</v>
      </c>
      <c r="AC195">
        <f ca="1">ROUND(SQRT((VLOOKUP($A195,városok!$A$2:$C$346,2,0)-VLOOKUP(AC$1,városok!$A$2:$C$346,2,0))^2+(VLOOKUP($A195,városok!$A$2:$C$346,3,0)-VLOOKUP(AC$1,városok!$A$2:$C$346,3,0))^2)/1000,0)</f>
        <v>133</v>
      </c>
      <c r="AD195">
        <f ca="1">ROUND(SQRT((VLOOKUP($A195,városok!$A$2:$C$346,2,0)-VLOOKUP(AD$1,városok!$A$2:$C$346,2,0))^2+(VLOOKUP($A195,városok!$A$2:$C$346,3,0)-VLOOKUP(AD$1,városok!$A$2:$C$346,3,0))^2)/1000,0)</f>
        <v>118</v>
      </c>
      <c r="AE195">
        <f ca="1">ROUND(SQRT((VLOOKUP($A195,városok!$A$2:$C$346,2,0)-VLOOKUP(AE$1,városok!$A$2:$C$346,2,0))^2+(VLOOKUP($A195,városok!$A$2:$C$346,3,0)-VLOOKUP(AE$1,városok!$A$2:$C$346,3,0))^2)/1000,0)</f>
        <v>128</v>
      </c>
      <c r="AF195">
        <f ca="1">ROUND(SQRT((VLOOKUP($A195,városok!$A$2:$C$346,2,0)-VLOOKUP(AF$1,városok!$A$2:$C$346,2,0))^2+(VLOOKUP($A195,városok!$A$2:$C$346,3,0)-VLOOKUP(AF$1,városok!$A$2:$C$346,3,0))^2)/1000,0)</f>
        <v>42</v>
      </c>
      <c r="AG195">
        <f ca="1">ROUND(SQRT((VLOOKUP($A195,városok!$A$2:$C$346,2,0)-VLOOKUP(AG$1,városok!$A$2:$C$346,2,0))^2+(VLOOKUP($A195,városok!$A$2:$C$346,3,0)-VLOOKUP(AG$1,városok!$A$2:$C$346,3,0))^2)/1000,0)</f>
        <v>25</v>
      </c>
      <c r="AH195">
        <f ca="1">ROUND(SQRT((VLOOKUP($A195,városok!$A$2:$C$346,2,0)-VLOOKUP(AH$1,városok!$A$2:$C$346,2,0))^2+(VLOOKUP($A195,városok!$A$2:$C$346,3,0)-VLOOKUP(AH$1,városok!$A$2:$C$346,3,0))^2)/1000,0)</f>
        <v>38</v>
      </c>
      <c r="AI195">
        <f ca="1">ROUND(SQRT((VLOOKUP($A195,városok!$A$2:$C$346,2,0)-VLOOKUP(AI$1,városok!$A$2:$C$346,2,0))^2+(VLOOKUP($A195,városok!$A$2:$C$346,3,0)-VLOOKUP(AI$1,városok!$A$2:$C$346,3,0))^2)/1000,0)</f>
        <v>21</v>
      </c>
      <c r="AJ195">
        <f ca="1">ROUND(SQRT((VLOOKUP($A195,városok!$A$2:$C$346,2,0)-VLOOKUP(AJ$1,városok!$A$2:$C$346,2,0))^2+(VLOOKUP($A195,városok!$A$2:$C$346,3,0)-VLOOKUP(AJ$1,városok!$A$2:$C$346,3,0))^2)/1000,0)</f>
        <v>41</v>
      </c>
      <c r="AK195">
        <f ca="1">ROUND(SQRT((VLOOKUP($A195,városok!$A$2:$C$346,2,0)-VLOOKUP(AK$1,városok!$A$2:$C$346,2,0))^2+(VLOOKUP($A195,városok!$A$2:$C$346,3,0)-VLOOKUP(AK$1,városok!$A$2:$C$346,3,0))^2)/1000,0)</f>
        <v>117</v>
      </c>
      <c r="AL195">
        <f ca="1">ROUND(SQRT((VLOOKUP($A195,városok!$A$2:$C$346,2,0)-VLOOKUP(AL$1,városok!$A$2:$C$346,2,0))^2+(VLOOKUP($A195,városok!$A$2:$C$346,3,0)-VLOOKUP(AL$1,városok!$A$2:$C$346,3,0))^2)/1000,0)</f>
        <v>92</v>
      </c>
      <c r="AM195">
        <f ca="1">ROUND(SQRT((VLOOKUP($A195,városok!$A$2:$C$346,2,0)-VLOOKUP(AM$1,városok!$A$2:$C$346,2,0))^2+(VLOOKUP($A195,városok!$A$2:$C$346,3,0)-VLOOKUP(AM$1,városok!$A$2:$C$346,3,0))^2)/1000,0)</f>
        <v>95</v>
      </c>
      <c r="AN195">
        <f ca="1">ROUND(SQRT((VLOOKUP($A195,városok!$A$2:$C$346,2,0)-VLOOKUP(AN$1,városok!$A$2:$C$346,2,0))^2+(VLOOKUP($A195,városok!$A$2:$C$346,3,0)-VLOOKUP(AN$1,városok!$A$2:$C$346,3,0))^2)/1000,0)</f>
        <v>84</v>
      </c>
      <c r="AO195">
        <f ca="1">ROUND(SQRT((VLOOKUP($A195,városok!$A$2:$C$346,2,0)-VLOOKUP(AO$1,városok!$A$2:$C$346,2,0))^2+(VLOOKUP($A195,városok!$A$2:$C$346,3,0)-VLOOKUP(AO$1,városok!$A$2:$C$346,3,0))^2)/1000,0)</f>
        <v>130</v>
      </c>
      <c r="AP195">
        <f ca="1">ROUND(SQRT((VLOOKUP($A195,városok!$A$2:$C$346,2,0)-VLOOKUP(AP$1,városok!$A$2:$C$346,2,0))^2+(VLOOKUP($A195,városok!$A$2:$C$346,3,0)-VLOOKUP(AP$1,városok!$A$2:$C$346,3,0))^2)/1000,0)</f>
        <v>118</v>
      </c>
      <c r="AQ195">
        <f ca="1">ROUND(SQRT((VLOOKUP($A195,városok!$A$2:$C$346,2,0)-VLOOKUP(AQ$1,városok!$A$2:$C$346,2,0))^2+(VLOOKUP($A195,városok!$A$2:$C$346,3,0)-VLOOKUP(AQ$1,városok!$A$2:$C$346,3,0))^2)/1000,0)</f>
        <v>116</v>
      </c>
      <c r="AR195">
        <f ca="1">ROUND(SQRT((VLOOKUP($A195,városok!$A$2:$C$346,2,0)-VLOOKUP(AR$1,városok!$A$2:$C$346,2,0))^2+(VLOOKUP($A195,városok!$A$2:$C$346,3,0)-VLOOKUP(AR$1,városok!$A$2:$C$346,3,0))^2)/1000,0)</f>
        <v>13</v>
      </c>
      <c r="AS195">
        <f ca="1">ROUND(SQRT((VLOOKUP($A195,városok!$A$2:$C$346,2,0)-VLOOKUP(AS$1,városok!$A$2:$C$346,2,0))^2+(VLOOKUP($A195,városok!$A$2:$C$346,3,0)-VLOOKUP(AS$1,városok!$A$2:$C$346,3,0))^2)/1000,0)</f>
        <v>13</v>
      </c>
      <c r="AT195">
        <f ca="1">ROUND(SQRT((VLOOKUP($A195,városok!$A$2:$C$346,2,0)-VLOOKUP(AT$1,városok!$A$2:$C$346,2,0))^2+(VLOOKUP($A195,városok!$A$2:$C$346,3,0)-VLOOKUP(AT$1,városok!$A$2:$C$346,3,0))^2)/1000,0)</f>
        <v>95</v>
      </c>
      <c r="AU195">
        <f ca="1">ROUND(SQRT((VLOOKUP($A195,városok!$A$2:$C$346,2,0)-VLOOKUP(AU$1,városok!$A$2:$C$346,2,0))^2+(VLOOKUP($A195,városok!$A$2:$C$346,3,0)-VLOOKUP(AU$1,városok!$A$2:$C$346,3,0))^2)/1000,0)</f>
        <v>88</v>
      </c>
      <c r="AV195">
        <f ca="1">ROUND(SQRT((VLOOKUP($A195,városok!$A$2:$C$346,2,0)-VLOOKUP(AV$1,városok!$A$2:$C$346,2,0))^2+(VLOOKUP($A195,városok!$A$2:$C$346,3,0)-VLOOKUP(AV$1,városok!$A$2:$C$346,3,0))^2)/1000,0)</f>
        <v>92</v>
      </c>
      <c r="AW195">
        <f ca="1">ROUND(SQRT((VLOOKUP($A195,városok!$A$2:$C$346,2,0)-VLOOKUP(AW$1,városok!$A$2:$C$346,2,0))^2+(VLOOKUP($A195,városok!$A$2:$C$346,3,0)-VLOOKUP(AW$1,városok!$A$2:$C$346,3,0))^2)/1000,0)</f>
        <v>96</v>
      </c>
      <c r="AX195">
        <f ca="1">ROUND(SQRT((VLOOKUP($A195,városok!$A$2:$C$346,2,0)-VLOOKUP(AX$1,városok!$A$2:$C$346,2,0))^2+(VLOOKUP($A195,városok!$A$2:$C$346,3,0)-VLOOKUP(AX$1,városok!$A$2:$C$346,3,0))^2)/1000,0)</f>
        <v>107</v>
      </c>
      <c r="AY195">
        <f ca="1">ROUND(SQRT((VLOOKUP($A195,városok!$A$2:$C$346,2,0)-VLOOKUP(AY$1,városok!$A$2:$C$346,2,0))^2+(VLOOKUP($A195,városok!$A$2:$C$346,3,0)-VLOOKUP(AY$1,városok!$A$2:$C$346,3,0))^2)/1000,0)</f>
        <v>67</v>
      </c>
      <c r="AZ195">
        <f ca="1">ROUND(SQRT((VLOOKUP($A195,városok!$A$2:$C$346,2,0)-VLOOKUP(AZ$1,városok!$A$2:$C$346,2,0))^2+(VLOOKUP($A195,városok!$A$2:$C$346,3,0)-VLOOKUP(AZ$1,városok!$A$2:$C$346,3,0))^2)/1000,0)</f>
        <v>68</v>
      </c>
      <c r="BA195">
        <f ca="1">ROUND(SQRT((VLOOKUP($A195,városok!$A$2:$C$346,2,0)-VLOOKUP(BA$1,városok!$A$2:$C$346,2,0))^2+(VLOOKUP($A195,városok!$A$2:$C$346,3,0)-VLOOKUP(BA$1,városok!$A$2:$C$346,3,0))^2)/1000,0)</f>
        <v>209</v>
      </c>
      <c r="BB195">
        <f ca="1">ROUND(SQRT((VLOOKUP($A195,városok!$A$2:$C$346,2,0)-VLOOKUP(BB$1,városok!$A$2:$C$346,2,0))^2+(VLOOKUP($A195,városok!$A$2:$C$346,3,0)-VLOOKUP(BB$1,városok!$A$2:$C$346,3,0))^2)/1000,0)</f>
        <v>215</v>
      </c>
      <c r="BC195">
        <f ca="1">ROUND(SQRT((VLOOKUP($A195,városok!$A$2:$C$346,2,0)-VLOOKUP(BC$1,városok!$A$2:$C$346,2,0))^2+(VLOOKUP($A195,városok!$A$2:$C$346,3,0)-VLOOKUP(BC$1,városok!$A$2:$C$346,3,0))^2)/1000,0)</f>
        <v>238</v>
      </c>
      <c r="BD195">
        <f ca="1">ROUND(SQRT((VLOOKUP($A195,városok!$A$2:$C$346,2,0)-VLOOKUP(BD$1,városok!$A$2:$C$346,2,0))^2+(VLOOKUP($A195,városok!$A$2:$C$346,3,0)-VLOOKUP(BD$1,városok!$A$2:$C$346,3,0))^2)/1000,0)</f>
        <v>179</v>
      </c>
      <c r="BE195">
        <f ca="1">ROUND(SQRT((VLOOKUP($A195,városok!$A$2:$C$346,2,0)-VLOOKUP(BE$1,városok!$A$2:$C$346,2,0))^2+(VLOOKUP($A195,városok!$A$2:$C$346,3,0)-VLOOKUP(BE$1,városok!$A$2:$C$346,3,0))^2)/1000,0)</f>
        <v>213</v>
      </c>
      <c r="BF195">
        <f ca="1">ROUND(SQRT((VLOOKUP($A195,városok!$A$2:$C$346,2,0)-VLOOKUP(BF$1,városok!$A$2:$C$346,2,0))^2+(VLOOKUP($A195,városok!$A$2:$C$346,3,0)-VLOOKUP(BF$1,városok!$A$2:$C$346,3,0))^2)/1000,0)</f>
        <v>170</v>
      </c>
      <c r="BG195">
        <f ca="1">ROUND(SQRT((VLOOKUP($A195,városok!$A$2:$C$346,2,0)-VLOOKUP(BG$1,városok!$A$2:$C$346,2,0))^2+(VLOOKUP($A195,városok!$A$2:$C$346,3,0)-VLOOKUP(BG$1,városok!$A$2:$C$346,3,0))^2)/1000,0)</f>
        <v>123</v>
      </c>
      <c r="BH195">
        <f ca="1">ROUND(SQRT((VLOOKUP($A195,városok!$A$2:$C$346,2,0)-VLOOKUP(BH$1,városok!$A$2:$C$346,2,0))^2+(VLOOKUP($A195,városok!$A$2:$C$346,3,0)-VLOOKUP(BH$1,városok!$A$2:$C$346,3,0))^2)/1000,0)</f>
        <v>123</v>
      </c>
      <c r="BI195">
        <f ca="1">ROUND(SQRT((VLOOKUP($A195,városok!$A$2:$C$346,2,0)-VLOOKUP(BI$1,városok!$A$2:$C$346,2,0))^2+(VLOOKUP($A195,városok!$A$2:$C$346,3,0)-VLOOKUP(BI$1,városok!$A$2:$C$346,3,0))^2)/1000,0)</f>
        <v>199</v>
      </c>
      <c r="BJ195">
        <f ca="1">ROUND(SQRT((VLOOKUP($A195,városok!$A$2:$C$346,2,0)-VLOOKUP(BJ$1,városok!$A$2:$C$346,2,0))^2+(VLOOKUP($A195,városok!$A$2:$C$346,3,0)-VLOOKUP(BJ$1,városok!$A$2:$C$346,3,0))^2)/1000,0)</f>
        <v>216</v>
      </c>
      <c r="BK195">
        <f ca="1">ROUND(SQRT((VLOOKUP($A195,városok!$A$2:$C$346,2,0)-VLOOKUP(BK$1,városok!$A$2:$C$346,2,0))^2+(VLOOKUP($A195,városok!$A$2:$C$346,3,0)-VLOOKUP(BK$1,városok!$A$2:$C$346,3,0))^2)/1000,0)</f>
        <v>201</v>
      </c>
      <c r="BL195">
        <f ca="1">ROUND(SQRT((VLOOKUP($A195,városok!$A$2:$C$346,2,0)-VLOOKUP(BL$1,városok!$A$2:$C$346,2,0))^2+(VLOOKUP($A195,városok!$A$2:$C$346,3,0)-VLOOKUP(BL$1,városok!$A$2:$C$346,3,0))^2)/1000,0)</f>
        <v>266</v>
      </c>
      <c r="BM195">
        <f ca="1">ROUND(SQRT((VLOOKUP($A195,városok!$A$2:$C$346,2,0)-VLOOKUP(BM$1,városok!$A$2:$C$346,2,0))^2+(VLOOKUP($A195,városok!$A$2:$C$346,3,0)-VLOOKUP(BM$1,városok!$A$2:$C$346,3,0))^2)/1000,0)</f>
        <v>232</v>
      </c>
      <c r="BN195">
        <f ca="1">ROUND(SQRT((VLOOKUP($A195,városok!$A$2:$C$346,2,0)-VLOOKUP(BN$1,városok!$A$2:$C$346,2,0))^2+(VLOOKUP($A195,városok!$A$2:$C$346,3,0)-VLOOKUP(BN$1,városok!$A$2:$C$346,3,0))^2)/1000,0)</f>
        <v>255</v>
      </c>
      <c r="BO195">
        <f ca="1">ROUND(SQRT((VLOOKUP($A195,városok!$A$2:$C$346,2,0)-VLOOKUP(BO$1,városok!$A$2:$C$346,2,0))^2+(VLOOKUP($A195,városok!$A$2:$C$346,3,0)-VLOOKUP(BO$1,városok!$A$2:$C$346,3,0))^2)/1000,0)</f>
        <v>173</v>
      </c>
      <c r="BP195">
        <f ca="1">ROUND(SQRT((VLOOKUP($A195,városok!$A$2:$C$346,2,0)-VLOOKUP(BP$1,városok!$A$2:$C$346,2,0))^2+(VLOOKUP($A195,városok!$A$2:$C$346,3,0)-VLOOKUP(BP$1,városok!$A$2:$C$346,3,0))^2)/1000,0)</f>
        <v>167</v>
      </c>
      <c r="BQ195">
        <f ca="1">ROUND(SQRT((VLOOKUP($A195,városok!$A$2:$C$346,2,0)-VLOOKUP(BQ$1,városok!$A$2:$C$346,2,0))^2+(VLOOKUP($A195,városok!$A$2:$C$346,3,0)-VLOOKUP(BQ$1,városok!$A$2:$C$346,3,0))^2)/1000,0)</f>
        <v>175</v>
      </c>
      <c r="BR195">
        <f ca="1">ROUND(SQRT((VLOOKUP($A195,városok!$A$2:$C$346,2,0)-VLOOKUP(BR$1,városok!$A$2:$C$346,2,0))^2+(VLOOKUP($A195,városok!$A$2:$C$346,3,0)-VLOOKUP(BR$1,városok!$A$2:$C$346,3,0))^2)/1000,0)</f>
        <v>237</v>
      </c>
      <c r="BS195">
        <f ca="1">ROUND(SQRT((VLOOKUP($A195,városok!$A$2:$C$346,2,0)-VLOOKUP(BS$1,városok!$A$2:$C$346,2,0))^2+(VLOOKUP($A195,városok!$A$2:$C$346,3,0)-VLOOKUP(BS$1,városok!$A$2:$C$346,3,0))^2)/1000,0)</f>
        <v>275</v>
      </c>
      <c r="BT195">
        <f ca="1">ROUND(SQRT((VLOOKUP($A195,városok!$A$2:$C$346,2,0)-VLOOKUP(BT$1,városok!$A$2:$C$346,2,0))^2+(VLOOKUP($A195,városok!$A$2:$C$346,3,0)-VLOOKUP(BT$1,városok!$A$2:$C$346,3,0))^2)/1000,0)</f>
        <v>259</v>
      </c>
    </row>
    <row r="196" spans="1:72" x14ac:dyDescent="0.2">
      <c r="A196" t="str">
        <f>városok!A196</f>
        <v>Pásztó</v>
      </c>
      <c r="B196">
        <f ca="1">ROUND(SQRT((VLOOKUP($A196,városok!$A$2:$C$346,2,0)-VLOOKUP(B$1,városok!$A$2:$C$346,2,0))^2+(VLOOKUP($A196,városok!$A$2:$C$346,3,0)-VLOOKUP(B$1,városok!$A$2:$C$346,3,0))^2)/1000,0)</f>
        <v>201</v>
      </c>
      <c r="C196">
        <f ca="1">ROUND(SQRT((VLOOKUP($A196,városok!$A$2:$C$346,2,0)-VLOOKUP(C$1,városok!$A$2:$C$346,2,0))^2+(VLOOKUP($A196,városok!$A$2:$C$346,3,0)-VLOOKUP(C$1,városok!$A$2:$C$346,3,0))^2)/1000,0)</f>
        <v>164</v>
      </c>
      <c r="D196">
        <f ca="1">ROUND(SQRT((VLOOKUP($A196,városok!$A$2:$C$346,2,0)-VLOOKUP(D$1,városok!$A$2:$C$346,2,0))^2+(VLOOKUP($A196,városok!$A$2:$C$346,3,0)-VLOOKUP(D$1,városok!$A$2:$C$346,3,0))^2)/1000,0)</f>
        <v>113</v>
      </c>
      <c r="E196">
        <f ca="1">ROUND(SQRT((VLOOKUP($A196,városok!$A$2:$C$346,2,0)-VLOOKUP(E$1,városok!$A$2:$C$346,2,0))^2+(VLOOKUP($A196,városok!$A$2:$C$346,3,0)-VLOOKUP(E$1,városok!$A$2:$C$346,3,0))^2)/1000,0)</f>
        <v>221</v>
      </c>
      <c r="F196">
        <f ca="1">ROUND(SQRT((VLOOKUP($A196,városok!$A$2:$C$346,2,0)-VLOOKUP(F$1,városok!$A$2:$C$346,2,0))^2+(VLOOKUP($A196,városok!$A$2:$C$346,3,0)-VLOOKUP(F$1,városok!$A$2:$C$346,3,0))^2)/1000,0)</f>
        <v>228</v>
      </c>
      <c r="G196">
        <f ca="1">ROUND(SQRT((VLOOKUP($A196,városok!$A$2:$C$346,2,0)-VLOOKUP(G$1,városok!$A$2:$C$346,2,0))^2+(VLOOKUP($A196,városok!$A$2:$C$346,3,0)-VLOOKUP(G$1,városok!$A$2:$C$346,3,0))^2)/1000,0)</f>
        <v>233</v>
      </c>
      <c r="H196">
        <f ca="1">ROUND(SQRT((VLOOKUP($A196,városok!$A$2:$C$346,2,0)-VLOOKUP(H$1,városok!$A$2:$C$346,2,0))^2+(VLOOKUP($A196,városok!$A$2:$C$346,3,0)-VLOOKUP(H$1,városok!$A$2:$C$346,3,0))^2)/1000,0)</f>
        <v>253</v>
      </c>
      <c r="I196">
        <f ca="1">ROUND(SQRT((VLOOKUP($A196,városok!$A$2:$C$346,2,0)-VLOOKUP(I$1,városok!$A$2:$C$346,2,0))^2+(VLOOKUP($A196,városok!$A$2:$C$346,3,0)-VLOOKUP(I$1,városok!$A$2:$C$346,3,0))^2)/1000,0)</f>
        <v>174</v>
      </c>
      <c r="J196">
        <f ca="1">ROUND(SQRT((VLOOKUP($A196,városok!$A$2:$C$346,2,0)-VLOOKUP(J$1,városok!$A$2:$C$346,2,0))^2+(VLOOKUP($A196,városok!$A$2:$C$346,3,0)-VLOOKUP(J$1,városok!$A$2:$C$346,3,0))^2)/1000,0)</f>
        <v>185</v>
      </c>
      <c r="K196">
        <f ca="1">ROUND(SQRT((VLOOKUP($A196,városok!$A$2:$C$346,2,0)-VLOOKUP(K$1,városok!$A$2:$C$346,2,0))^2+(VLOOKUP($A196,városok!$A$2:$C$346,3,0)-VLOOKUP(K$1,városok!$A$2:$C$346,3,0))^2)/1000,0)</f>
        <v>168</v>
      </c>
      <c r="L196">
        <f ca="1">ROUND(SQRT((VLOOKUP($A196,városok!$A$2:$C$346,2,0)-VLOOKUP(L$1,városok!$A$2:$C$346,2,0))^2+(VLOOKUP($A196,városok!$A$2:$C$346,3,0)-VLOOKUP(L$1,városok!$A$2:$C$346,3,0))^2)/1000,0)</f>
        <v>79</v>
      </c>
      <c r="M196">
        <f ca="1">ROUND(SQRT((VLOOKUP($A196,városok!$A$2:$C$346,2,0)-VLOOKUP(M$1,városok!$A$2:$C$346,2,0))^2+(VLOOKUP($A196,városok!$A$2:$C$346,3,0)-VLOOKUP(M$1,városok!$A$2:$C$346,3,0))^2)/1000,0)</f>
        <v>85</v>
      </c>
      <c r="N196">
        <f ca="1">ROUND(SQRT((VLOOKUP($A196,városok!$A$2:$C$346,2,0)-VLOOKUP(N$1,városok!$A$2:$C$346,2,0))^2+(VLOOKUP($A196,városok!$A$2:$C$346,3,0)-VLOOKUP(N$1,városok!$A$2:$C$346,3,0))^2)/1000,0)</f>
        <v>56</v>
      </c>
      <c r="O196">
        <f ca="1">ROUND(SQRT((VLOOKUP($A196,városok!$A$2:$C$346,2,0)-VLOOKUP(O$1,városok!$A$2:$C$346,2,0))^2+(VLOOKUP($A196,városok!$A$2:$C$346,3,0)-VLOOKUP(O$1,városok!$A$2:$C$346,3,0))^2)/1000,0)</f>
        <v>155</v>
      </c>
      <c r="P196">
        <f ca="1">ROUND(SQRT((VLOOKUP($A196,városok!$A$2:$C$346,2,0)-VLOOKUP(P$1,városok!$A$2:$C$346,2,0))^2+(VLOOKUP($A196,városok!$A$2:$C$346,3,0)-VLOOKUP(P$1,városok!$A$2:$C$346,3,0))^2)/1000,0)</f>
        <v>155</v>
      </c>
      <c r="Q196">
        <f ca="1">ROUND(SQRT((VLOOKUP($A196,városok!$A$2:$C$346,2,0)-VLOOKUP(Q$1,városok!$A$2:$C$346,2,0))^2+(VLOOKUP($A196,városok!$A$2:$C$346,3,0)-VLOOKUP(Q$1,városok!$A$2:$C$346,3,0))^2)/1000,0)</f>
        <v>174</v>
      </c>
      <c r="R196">
        <f ca="1">ROUND(SQRT((VLOOKUP($A196,városok!$A$2:$C$346,2,0)-VLOOKUP(R$1,városok!$A$2:$C$346,2,0))^2+(VLOOKUP($A196,városok!$A$2:$C$346,3,0)-VLOOKUP(R$1,városok!$A$2:$C$346,3,0))^2)/1000,0)</f>
        <v>198</v>
      </c>
      <c r="S196">
        <f ca="1">ROUND(SQRT((VLOOKUP($A196,városok!$A$2:$C$346,2,0)-VLOOKUP(S$1,városok!$A$2:$C$346,2,0))^2+(VLOOKUP($A196,városok!$A$2:$C$346,3,0)-VLOOKUP(S$1,városok!$A$2:$C$346,3,0))^2)/1000,0)</f>
        <v>189</v>
      </c>
      <c r="T196">
        <f ca="1">ROUND(SQRT((VLOOKUP($A196,városok!$A$2:$C$346,2,0)-VLOOKUP(T$1,városok!$A$2:$C$346,2,0))^2+(VLOOKUP($A196,városok!$A$2:$C$346,3,0)-VLOOKUP(T$1,városok!$A$2:$C$346,3,0))^2)/1000,0)</f>
        <v>93</v>
      </c>
      <c r="U196">
        <f ca="1">ROUND(SQRT((VLOOKUP($A196,városok!$A$2:$C$346,2,0)-VLOOKUP(U$1,városok!$A$2:$C$346,2,0))^2+(VLOOKUP($A196,városok!$A$2:$C$346,3,0)-VLOOKUP(U$1,városok!$A$2:$C$346,3,0))^2)/1000,0)</f>
        <v>121</v>
      </c>
      <c r="V196">
        <f ca="1">ROUND(SQRT((VLOOKUP($A196,városok!$A$2:$C$346,2,0)-VLOOKUP(V$1,városok!$A$2:$C$346,2,0))^2+(VLOOKUP($A196,városok!$A$2:$C$346,3,0)-VLOOKUP(V$1,városok!$A$2:$C$346,3,0))^2)/1000,0)</f>
        <v>142</v>
      </c>
      <c r="W196">
        <f ca="1">ROUND(SQRT((VLOOKUP($A196,városok!$A$2:$C$346,2,0)-VLOOKUP(W$1,városok!$A$2:$C$346,2,0))^2+(VLOOKUP($A196,városok!$A$2:$C$346,3,0)-VLOOKUP(W$1,városok!$A$2:$C$346,3,0))^2)/1000,0)</f>
        <v>141</v>
      </c>
      <c r="X196">
        <f ca="1">ROUND(SQRT((VLOOKUP($A196,városok!$A$2:$C$346,2,0)-VLOOKUP(X$1,városok!$A$2:$C$346,2,0))^2+(VLOOKUP($A196,városok!$A$2:$C$346,3,0)-VLOOKUP(X$1,városok!$A$2:$C$346,3,0))^2)/1000,0)</f>
        <v>124</v>
      </c>
      <c r="Y196">
        <f ca="1">ROUND(SQRT((VLOOKUP($A196,városok!$A$2:$C$346,2,0)-VLOOKUP(Y$1,városok!$A$2:$C$346,2,0))^2+(VLOOKUP($A196,városok!$A$2:$C$346,3,0)-VLOOKUP(Y$1,városok!$A$2:$C$346,3,0))^2)/1000,0)</f>
        <v>157</v>
      </c>
      <c r="Z196">
        <f ca="1">ROUND(SQRT((VLOOKUP($A196,városok!$A$2:$C$346,2,0)-VLOOKUP(Z$1,városok!$A$2:$C$346,2,0))^2+(VLOOKUP($A196,városok!$A$2:$C$346,3,0)-VLOOKUP(Z$1,városok!$A$2:$C$346,3,0))^2)/1000,0)</f>
        <v>174</v>
      </c>
      <c r="AA196">
        <f ca="1">ROUND(SQRT((VLOOKUP($A196,városok!$A$2:$C$346,2,0)-VLOOKUP(AA$1,városok!$A$2:$C$346,2,0))^2+(VLOOKUP($A196,városok!$A$2:$C$346,3,0)-VLOOKUP(AA$1,városok!$A$2:$C$346,3,0))^2)/1000,0)</f>
        <v>235</v>
      </c>
      <c r="AB196">
        <f ca="1">ROUND(SQRT((VLOOKUP($A196,városok!$A$2:$C$346,2,0)-VLOOKUP(AB$1,városok!$A$2:$C$346,2,0))^2+(VLOOKUP($A196,városok!$A$2:$C$346,3,0)-VLOOKUP(AB$1,városok!$A$2:$C$346,3,0))^2)/1000,0)</f>
        <v>152</v>
      </c>
      <c r="AC196">
        <f ca="1">ROUND(SQRT((VLOOKUP($A196,városok!$A$2:$C$346,2,0)-VLOOKUP(AC$1,városok!$A$2:$C$346,2,0))^2+(VLOOKUP($A196,városok!$A$2:$C$346,3,0)-VLOOKUP(AC$1,városok!$A$2:$C$346,3,0))^2)/1000,0)</f>
        <v>138</v>
      </c>
      <c r="AD196">
        <f ca="1">ROUND(SQRT((VLOOKUP($A196,városok!$A$2:$C$346,2,0)-VLOOKUP(AD$1,városok!$A$2:$C$346,2,0))^2+(VLOOKUP($A196,városok!$A$2:$C$346,3,0)-VLOOKUP(AD$1,városok!$A$2:$C$346,3,0))^2)/1000,0)</f>
        <v>123</v>
      </c>
      <c r="AE196">
        <f ca="1">ROUND(SQRT((VLOOKUP($A196,városok!$A$2:$C$346,2,0)-VLOOKUP(AE$1,városok!$A$2:$C$346,2,0))^2+(VLOOKUP($A196,városok!$A$2:$C$346,3,0)-VLOOKUP(AE$1,városok!$A$2:$C$346,3,0))^2)/1000,0)</f>
        <v>132</v>
      </c>
      <c r="AF196">
        <f ca="1">ROUND(SQRT((VLOOKUP($A196,városok!$A$2:$C$346,2,0)-VLOOKUP(AF$1,városok!$A$2:$C$346,2,0))^2+(VLOOKUP($A196,városok!$A$2:$C$346,3,0)-VLOOKUP(AF$1,városok!$A$2:$C$346,3,0))^2)/1000,0)</f>
        <v>51</v>
      </c>
      <c r="AG196">
        <f ca="1">ROUND(SQRT((VLOOKUP($A196,városok!$A$2:$C$346,2,0)-VLOOKUP(AG$1,városok!$A$2:$C$346,2,0))^2+(VLOOKUP($A196,városok!$A$2:$C$346,3,0)-VLOOKUP(AG$1,városok!$A$2:$C$346,3,0))^2)/1000,0)</f>
        <v>23</v>
      </c>
      <c r="AH196">
        <f ca="1">ROUND(SQRT((VLOOKUP($A196,városok!$A$2:$C$346,2,0)-VLOOKUP(AH$1,városok!$A$2:$C$346,2,0))^2+(VLOOKUP($A196,városok!$A$2:$C$346,3,0)-VLOOKUP(AH$1,városok!$A$2:$C$346,3,0))^2)/1000,0)</f>
        <v>28</v>
      </c>
      <c r="AI196">
        <f ca="1">ROUND(SQRT((VLOOKUP($A196,városok!$A$2:$C$346,2,0)-VLOOKUP(AI$1,városok!$A$2:$C$346,2,0))^2+(VLOOKUP($A196,városok!$A$2:$C$346,3,0)-VLOOKUP(AI$1,városok!$A$2:$C$346,3,0))^2)/1000,0)</f>
        <v>32</v>
      </c>
      <c r="AJ196">
        <f ca="1">ROUND(SQRT((VLOOKUP($A196,városok!$A$2:$C$346,2,0)-VLOOKUP(AJ$1,városok!$A$2:$C$346,2,0))^2+(VLOOKUP($A196,városok!$A$2:$C$346,3,0)-VLOOKUP(AJ$1,városok!$A$2:$C$346,3,0))^2)/1000,0)</f>
        <v>37</v>
      </c>
      <c r="AK196">
        <f ca="1">ROUND(SQRT((VLOOKUP($A196,városok!$A$2:$C$346,2,0)-VLOOKUP(AK$1,városok!$A$2:$C$346,2,0))^2+(VLOOKUP($A196,városok!$A$2:$C$346,3,0)-VLOOKUP(AK$1,városok!$A$2:$C$346,3,0))^2)/1000,0)</f>
        <v>120</v>
      </c>
      <c r="AL196">
        <f ca="1">ROUND(SQRT((VLOOKUP($A196,városok!$A$2:$C$346,2,0)-VLOOKUP(AL$1,városok!$A$2:$C$346,2,0))^2+(VLOOKUP($A196,városok!$A$2:$C$346,3,0)-VLOOKUP(AL$1,városok!$A$2:$C$346,3,0))^2)/1000,0)</f>
        <v>93</v>
      </c>
      <c r="AM196">
        <f ca="1">ROUND(SQRT((VLOOKUP($A196,városok!$A$2:$C$346,2,0)-VLOOKUP(AM$1,városok!$A$2:$C$346,2,0))^2+(VLOOKUP($A196,városok!$A$2:$C$346,3,0)-VLOOKUP(AM$1,városok!$A$2:$C$346,3,0))^2)/1000,0)</f>
        <v>90</v>
      </c>
      <c r="AN196">
        <f ca="1">ROUND(SQRT((VLOOKUP($A196,városok!$A$2:$C$346,2,0)-VLOOKUP(AN$1,városok!$A$2:$C$346,2,0))^2+(VLOOKUP($A196,városok!$A$2:$C$346,3,0)-VLOOKUP(AN$1,városok!$A$2:$C$346,3,0))^2)/1000,0)</f>
        <v>73</v>
      </c>
      <c r="AO196">
        <f ca="1">ROUND(SQRT((VLOOKUP($A196,városok!$A$2:$C$346,2,0)-VLOOKUP(AO$1,városok!$A$2:$C$346,2,0))^2+(VLOOKUP($A196,városok!$A$2:$C$346,3,0)-VLOOKUP(AO$1,városok!$A$2:$C$346,3,0))^2)/1000,0)</f>
        <v>119</v>
      </c>
      <c r="AP196">
        <f ca="1">ROUND(SQRT((VLOOKUP($A196,városok!$A$2:$C$346,2,0)-VLOOKUP(AP$1,városok!$A$2:$C$346,2,0))^2+(VLOOKUP($A196,városok!$A$2:$C$346,3,0)-VLOOKUP(AP$1,városok!$A$2:$C$346,3,0))^2)/1000,0)</f>
        <v>107</v>
      </c>
      <c r="AQ196">
        <f ca="1">ROUND(SQRT((VLOOKUP($A196,városok!$A$2:$C$346,2,0)-VLOOKUP(AQ$1,városok!$A$2:$C$346,2,0))^2+(VLOOKUP($A196,városok!$A$2:$C$346,3,0)-VLOOKUP(AQ$1,városok!$A$2:$C$346,3,0))^2)/1000,0)</f>
        <v>104</v>
      </c>
      <c r="AR196">
        <f ca="1">ROUND(SQRT((VLOOKUP($A196,városok!$A$2:$C$346,2,0)-VLOOKUP(AR$1,városok!$A$2:$C$346,2,0))^2+(VLOOKUP($A196,városok!$A$2:$C$346,3,0)-VLOOKUP(AR$1,városok!$A$2:$C$346,3,0))^2)/1000,0)</f>
        <v>0</v>
      </c>
      <c r="AS196">
        <f ca="1">ROUND(SQRT((VLOOKUP($A196,városok!$A$2:$C$346,2,0)-VLOOKUP(AS$1,városok!$A$2:$C$346,2,0))^2+(VLOOKUP($A196,városok!$A$2:$C$346,3,0)-VLOOKUP(AS$1,városok!$A$2:$C$346,3,0))^2)/1000,0)</f>
        <v>23</v>
      </c>
      <c r="AT196">
        <f ca="1">ROUND(SQRT((VLOOKUP($A196,városok!$A$2:$C$346,2,0)-VLOOKUP(AT$1,városok!$A$2:$C$346,2,0))^2+(VLOOKUP($A196,városok!$A$2:$C$346,3,0)-VLOOKUP(AT$1,városok!$A$2:$C$346,3,0))^2)/1000,0)</f>
        <v>83</v>
      </c>
      <c r="AU196">
        <f ca="1">ROUND(SQRT((VLOOKUP($A196,városok!$A$2:$C$346,2,0)-VLOOKUP(AU$1,városok!$A$2:$C$346,2,0))^2+(VLOOKUP($A196,városok!$A$2:$C$346,3,0)-VLOOKUP(AU$1,városok!$A$2:$C$346,3,0))^2)/1000,0)</f>
        <v>75</v>
      </c>
      <c r="AV196">
        <f ca="1">ROUND(SQRT((VLOOKUP($A196,városok!$A$2:$C$346,2,0)-VLOOKUP(AV$1,városok!$A$2:$C$346,2,0))^2+(VLOOKUP($A196,városok!$A$2:$C$346,3,0)-VLOOKUP(AV$1,városok!$A$2:$C$346,3,0))^2)/1000,0)</f>
        <v>80</v>
      </c>
      <c r="AW196">
        <f ca="1">ROUND(SQRT((VLOOKUP($A196,városok!$A$2:$C$346,2,0)-VLOOKUP(AW$1,városok!$A$2:$C$346,2,0))^2+(VLOOKUP($A196,városok!$A$2:$C$346,3,0)-VLOOKUP(AW$1,városok!$A$2:$C$346,3,0))^2)/1000,0)</f>
        <v>83</v>
      </c>
      <c r="AX196">
        <f ca="1">ROUND(SQRT((VLOOKUP($A196,városok!$A$2:$C$346,2,0)-VLOOKUP(AX$1,városok!$A$2:$C$346,2,0))^2+(VLOOKUP($A196,városok!$A$2:$C$346,3,0)-VLOOKUP(AX$1,városok!$A$2:$C$346,3,0))^2)/1000,0)</f>
        <v>99</v>
      </c>
      <c r="AY196">
        <f ca="1">ROUND(SQRT((VLOOKUP($A196,városok!$A$2:$C$346,2,0)-VLOOKUP(AY$1,városok!$A$2:$C$346,2,0))^2+(VLOOKUP($A196,városok!$A$2:$C$346,3,0)-VLOOKUP(AY$1,városok!$A$2:$C$346,3,0))^2)/1000,0)</f>
        <v>54</v>
      </c>
      <c r="AZ196">
        <f ca="1">ROUND(SQRT((VLOOKUP($A196,városok!$A$2:$C$346,2,0)-VLOOKUP(AZ$1,városok!$A$2:$C$346,2,0))^2+(VLOOKUP($A196,városok!$A$2:$C$346,3,0)-VLOOKUP(AZ$1,városok!$A$2:$C$346,3,0))^2)/1000,0)</f>
        <v>56</v>
      </c>
      <c r="BA196">
        <f ca="1">ROUND(SQRT((VLOOKUP($A196,városok!$A$2:$C$346,2,0)-VLOOKUP(BA$1,városok!$A$2:$C$346,2,0))^2+(VLOOKUP($A196,városok!$A$2:$C$346,3,0)-VLOOKUP(BA$1,városok!$A$2:$C$346,3,0))^2)/1000,0)</f>
        <v>197</v>
      </c>
      <c r="BB196">
        <f ca="1">ROUND(SQRT((VLOOKUP($A196,városok!$A$2:$C$346,2,0)-VLOOKUP(BB$1,városok!$A$2:$C$346,2,0))^2+(VLOOKUP($A196,városok!$A$2:$C$346,3,0)-VLOOKUP(BB$1,városok!$A$2:$C$346,3,0))^2)/1000,0)</f>
        <v>203</v>
      </c>
      <c r="BC196">
        <f ca="1">ROUND(SQRT((VLOOKUP($A196,városok!$A$2:$C$346,2,0)-VLOOKUP(BC$1,városok!$A$2:$C$346,2,0))^2+(VLOOKUP($A196,városok!$A$2:$C$346,3,0)-VLOOKUP(BC$1,városok!$A$2:$C$346,3,0))^2)/1000,0)</f>
        <v>226</v>
      </c>
      <c r="BD196">
        <f ca="1">ROUND(SQRT((VLOOKUP($A196,városok!$A$2:$C$346,2,0)-VLOOKUP(BD$1,városok!$A$2:$C$346,2,0))^2+(VLOOKUP($A196,városok!$A$2:$C$346,3,0)-VLOOKUP(BD$1,városok!$A$2:$C$346,3,0))^2)/1000,0)</f>
        <v>167</v>
      </c>
      <c r="BE196">
        <f ca="1">ROUND(SQRT((VLOOKUP($A196,városok!$A$2:$C$346,2,0)-VLOOKUP(BE$1,városok!$A$2:$C$346,2,0))^2+(VLOOKUP($A196,városok!$A$2:$C$346,3,0)-VLOOKUP(BE$1,városok!$A$2:$C$346,3,0))^2)/1000,0)</f>
        <v>223</v>
      </c>
      <c r="BF196">
        <f ca="1">ROUND(SQRT((VLOOKUP($A196,városok!$A$2:$C$346,2,0)-VLOOKUP(BF$1,városok!$A$2:$C$346,2,0))^2+(VLOOKUP($A196,városok!$A$2:$C$346,3,0)-VLOOKUP(BF$1,városok!$A$2:$C$346,3,0))^2)/1000,0)</f>
        <v>180</v>
      </c>
      <c r="BG196">
        <f ca="1">ROUND(SQRT((VLOOKUP($A196,városok!$A$2:$C$346,2,0)-VLOOKUP(BG$1,városok!$A$2:$C$346,2,0))^2+(VLOOKUP($A196,városok!$A$2:$C$346,3,0)-VLOOKUP(BG$1,városok!$A$2:$C$346,3,0))^2)/1000,0)</f>
        <v>134</v>
      </c>
      <c r="BH196">
        <f ca="1">ROUND(SQRT((VLOOKUP($A196,városok!$A$2:$C$346,2,0)-VLOOKUP(BH$1,városok!$A$2:$C$346,2,0))^2+(VLOOKUP($A196,városok!$A$2:$C$346,3,0)-VLOOKUP(BH$1,városok!$A$2:$C$346,3,0))^2)/1000,0)</f>
        <v>134</v>
      </c>
      <c r="BI196">
        <f ca="1">ROUND(SQRT((VLOOKUP($A196,városok!$A$2:$C$346,2,0)-VLOOKUP(BI$1,városok!$A$2:$C$346,2,0))^2+(VLOOKUP($A196,városok!$A$2:$C$346,3,0)-VLOOKUP(BI$1,városok!$A$2:$C$346,3,0))^2)/1000,0)</f>
        <v>188</v>
      </c>
      <c r="BJ196">
        <f ca="1">ROUND(SQRT((VLOOKUP($A196,városok!$A$2:$C$346,2,0)-VLOOKUP(BJ$1,városok!$A$2:$C$346,2,0))^2+(VLOOKUP($A196,városok!$A$2:$C$346,3,0)-VLOOKUP(BJ$1,városok!$A$2:$C$346,3,0))^2)/1000,0)</f>
        <v>205</v>
      </c>
      <c r="BK196">
        <f ca="1">ROUND(SQRT((VLOOKUP($A196,városok!$A$2:$C$346,2,0)-VLOOKUP(BK$1,városok!$A$2:$C$346,2,0))^2+(VLOOKUP($A196,városok!$A$2:$C$346,3,0)-VLOOKUP(BK$1,városok!$A$2:$C$346,3,0))^2)/1000,0)</f>
        <v>190</v>
      </c>
      <c r="BL196">
        <f ca="1">ROUND(SQRT((VLOOKUP($A196,városok!$A$2:$C$346,2,0)-VLOOKUP(BL$1,városok!$A$2:$C$346,2,0))^2+(VLOOKUP($A196,városok!$A$2:$C$346,3,0)-VLOOKUP(BL$1,városok!$A$2:$C$346,3,0))^2)/1000,0)</f>
        <v>254</v>
      </c>
      <c r="BM196">
        <f ca="1">ROUND(SQRT((VLOOKUP($A196,városok!$A$2:$C$346,2,0)-VLOOKUP(BM$1,városok!$A$2:$C$346,2,0))^2+(VLOOKUP($A196,városok!$A$2:$C$346,3,0)-VLOOKUP(BM$1,városok!$A$2:$C$346,3,0))^2)/1000,0)</f>
        <v>221</v>
      </c>
      <c r="BN196">
        <f ca="1">ROUND(SQRT((VLOOKUP($A196,városok!$A$2:$C$346,2,0)-VLOOKUP(BN$1,városok!$A$2:$C$346,2,0))^2+(VLOOKUP($A196,városok!$A$2:$C$346,3,0)-VLOOKUP(BN$1,városok!$A$2:$C$346,3,0))^2)/1000,0)</f>
        <v>243</v>
      </c>
      <c r="BO196">
        <f ca="1">ROUND(SQRT((VLOOKUP($A196,városok!$A$2:$C$346,2,0)-VLOOKUP(BO$1,városok!$A$2:$C$346,2,0))^2+(VLOOKUP($A196,városok!$A$2:$C$346,3,0)-VLOOKUP(BO$1,városok!$A$2:$C$346,3,0))^2)/1000,0)</f>
        <v>161</v>
      </c>
      <c r="BP196">
        <f ca="1">ROUND(SQRT((VLOOKUP($A196,városok!$A$2:$C$346,2,0)-VLOOKUP(BP$1,városok!$A$2:$C$346,2,0))^2+(VLOOKUP($A196,városok!$A$2:$C$346,3,0)-VLOOKUP(BP$1,városok!$A$2:$C$346,3,0))^2)/1000,0)</f>
        <v>155</v>
      </c>
      <c r="BQ196">
        <f ca="1">ROUND(SQRT((VLOOKUP($A196,városok!$A$2:$C$346,2,0)-VLOOKUP(BQ$1,városok!$A$2:$C$346,2,0))^2+(VLOOKUP($A196,városok!$A$2:$C$346,3,0)-VLOOKUP(BQ$1,városok!$A$2:$C$346,3,0))^2)/1000,0)</f>
        <v>163</v>
      </c>
      <c r="BR196">
        <f ca="1">ROUND(SQRT((VLOOKUP($A196,városok!$A$2:$C$346,2,0)-VLOOKUP(BR$1,városok!$A$2:$C$346,2,0))^2+(VLOOKUP($A196,városok!$A$2:$C$346,3,0)-VLOOKUP(BR$1,városok!$A$2:$C$346,3,0))^2)/1000,0)</f>
        <v>224</v>
      </c>
      <c r="BS196">
        <f ca="1">ROUND(SQRT((VLOOKUP($A196,városok!$A$2:$C$346,2,0)-VLOOKUP(BS$1,városok!$A$2:$C$346,2,0))^2+(VLOOKUP($A196,városok!$A$2:$C$346,3,0)-VLOOKUP(BS$1,városok!$A$2:$C$346,3,0))^2)/1000,0)</f>
        <v>262</v>
      </c>
      <c r="BT196">
        <f ca="1">ROUND(SQRT((VLOOKUP($A196,városok!$A$2:$C$346,2,0)-VLOOKUP(BT$1,városok!$A$2:$C$346,2,0))^2+(VLOOKUP($A196,városok!$A$2:$C$346,3,0)-VLOOKUP(BT$1,városok!$A$2:$C$346,3,0))^2)/1000,0)</f>
        <v>247</v>
      </c>
    </row>
    <row r="197" spans="1:72" x14ac:dyDescent="0.2">
      <c r="A197" t="str">
        <f>városok!A197</f>
        <v>Rétság</v>
      </c>
      <c r="B197">
        <f ca="1">ROUND(SQRT((VLOOKUP($A197,városok!$A$2:$C$346,2,0)-VLOOKUP(B$1,városok!$A$2:$C$346,2,0))^2+(VLOOKUP($A197,városok!$A$2:$C$346,3,0)-VLOOKUP(B$1,városok!$A$2:$C$346,3,0))^2)/1000,0)</f>
        <v>194</v>
      </c>
      <c r="C197">
        <f ca="1">ROUND(SQRT((VLOOKUP($A197,városok!$A$2:$C$346,2,0)-VLOOKUP(C$1,városok!$A$2:$C$346,2,0))^2+(VLOOKUP($A197,városok!$A$2:$C$346,3,0)-VLOOKUP(C$1,városok!$A$2:$C$346,3,0))^2)/1000,0)</f>
        <v>156</v>
      </c>
      <c r="D197">
        <f ca="1">ROUND(SQRT((VLOOKUP($A197,városok!$A$2:$C$346,2,0)-VLOOKUP(D$1,városok!$A$2:$C$346,2,0))^2+(VLOOKUP($A197,városok!$A$2:$C$346,3,0)-VLOOKUP(D$1,városok!$A$2:$C$346,3,0))^2)/1000,0)</f>
        <v>121</v>
      </c>
      <c r="E197">
        <f ca="1">ROUND(SQRT((VLOOKUP($A197,városok!$A$2:$C$346,2,0)-VLOOKUP(E$1,városok!$A$2:$C$346,2,0))^2+(VLOOKUP($A197,városok!$A$2:$C$346,3,0)-VLOOKUP(E$1,városok!$A$2:$C$346,3,0))^2)/1000,0)</f>
        <v>205</v>
      </c>
      <c r="F197">
        <f ca="1">ROUND(SQRT((VLOOKUP($A197,városok!$A$2:$C$346,2,0)-VLOOKUP(F$1,városok!$A$2:$C$346,2,0))^2+(VLOOKUP($A197,városok!$A$2:$C$346,3,0)-VLOOKUP(F$1,városok!$A$2:$C$346,3,0))^2)/1000,0)</f>
        <v>218</v>
      </c>
      <c r="G197">
        <f ca="1">ROUND(SQRT((VLOOKUP($A197,városok!$A$2:$C$346,2,0)-VLOOKUP(G$1,városok!$A$2:$C$346,2,0))^2+(VLOOKUP($A197,városok!$A$2:$C$346,3,0)-VLOOKUP(G$1,városok!$A$2:$C$346,3,0))^2)/1000,0)</f>
        <v>217</v>
      </c>
      <c r="H197">
        <f ca="1">ROUND(SQRT((VLOOKUP($A197,városok!$A$2:$C$346,2,0)-VLOOKUP(H$1,városok!$A$2:$C$346,2,0))^2+(VLOOKUP($A197,városok!$A$2:$C$346,3,0)-VLOOKUP(H$1,városok!$A$2:$C$346,3,0))^2)/1000,0)</f>
        <v>233</v>
      </c>
      <c r="I197">
        <f ca="1">ROUND(SQRT((VLOOKUP($A197,városok!$A$2:$C$346,2,0)-VLOOKUP(I$1,városok!$A$2:$C$346,2,0))^2+(VLOOKUP($A197,városok!$A$2:$C$346,3,0)-VLOOKUP(I$1,városok!$A$2:$C$346,3,0))^2)/1000,0)</f>
        <v>203</v>
      </c>
      <c r="J197">
        <f ca="1">ROUND(SQRT((VLOOKUP($A197,városok!$A$2:$C$346,2,0)-VLOOKUP(J$1,városok!$A$2:$C$346,2,0))^2+(VLOOKUP($A197,városok!$A$2:$C$346,3,0)-VLOOKUP(J$1,városok!$A$2:$C$346,3,0))^2)/1000,0)</f>
        <v>216</v>
      </c>
      <c r="K197">
        <f ca="1">ROUND(SQRT((VLOOKUP($A197,városok!$A$2:$C$346,2,0)-VLOOKUP(K$1,városok!$A$2:$C$346,2,0))^2+(VLOOKUP($A197,városok!$A$2:$C$346,3,0)-VLOOKUP(K$1,városok!$A$2:$C$346,3,0))^2)/1000,0)</f>
        <v>191</v>
      </c>
      <c r="L197">
        <f ca="1">ROUND(SQRT((VLOOKUP($A197,városok!$A$2:$C$346,2,0)-VLOOKUP(L$1,városok!$A$2:$C$346,2,0))^2+(VLOOKUP($A197,városok!$A$2:$C$346,3,0)-VLOOKUP(L$1,városok!$A$2:$C$346,3,0))^2)/1000,0)</f>
        <v>117</v>
      </c>
      <c r="M197">
        <f ca="1">ROUND(SQRT((VLOOKUP($A197,városok!$A$2:$C$346,2,0)-VLOOKUP(M$1,városok!$A$2:$C$346,2,0))^2+(VLOOKUP($A197,városok!$A$2:$C$346,3,0)-VLOOKUP(M$1,városok!$A$2:$C$346,3,0))^2)/1000,0)</f>
        <v>125</v>
      </c>
      <c r="N197">
        <f ca="1">ROUND(SQRT((VLOOKUP($A197,városok!$A$2:$C$346,2,0)-VLOOKUP(N$1,városok!$A$2:$C$346,2,0))^2+(VLOOKUP($A197,városok!$A$2:$C$346,3,0)-VLOOKUP(N$1,városok!$A$2:$C$346,3,0))^2)/1000,0)</f>
        <v>92</v>
      </c>
      <c r="O197">
        <f ca="1">ROUND(SQRT((VLOOKUP($A197,városok!$A$2:$C$346,2,0)-VLOOKUP(O$1,városok!$A$2:$C$346,2,0))^2+(VLOOKUP($A197,városok!$A$2:$C$346,3,0)-VLOOKUP(O$1,városok!$A$2:$C$346,3,0))^2)/1000,0)</f>
        <v>194</v>
      </c>
      <c r="P197">
        <f ca="1">ROUND(SQRT((VLOOKUP($A197,városok!$A$2:$C$346,2,0)-VLOOKUP(P$1,városok!$A$2:$C$346,2,0))^2+(VLOOKUP($A197,városok!$A$2:$C$346,3,0)-VLOOKUP(P$1,városok!$A$2:$C$346,3,0))^2)/1000,0)</f>
        <v>194</v>
      </c>
      <c r="Q197">
        <f ca="1">ROUND(SQRT((VLOOKUP($A197,városok!$A$2:$C$346,2,0)-VLOOKUP(Q$1,városok!$A$2:$C$346,2,0))^2+(VLOOKUP($A197,városok!$A$2:$C$346,3,0)-VLOOKUP(Q$1,városok!$A$2:$C$346,3,0))^2)/1000,0)</f>
        <v>190</v>
      </c>
      <c r="R197">
        <f ca="1">ROUND(SQRT((VLOOKUP($A197,városok!$A$2:$C$346,2,0)-VLOOKUP(R$1,városok!$A$2:$C$346,2,0))^2+(VLOOKUP($A197,városok!$A$2:$C$346,3,0)-VLOOKUP(R$1,városok!$A$2:$C$346,3,0))^2)/1000,0)</f>
        <v>216</v>
      </c>
      <c r="S197">
        <f ca="1">ROUND(SQRT((VLOOKUP($A197,városok!$A$2:$C$346,2,0)-VLOOKUP(S$1,városok!$A$2:$C$346,2,0))^2+(VLOOKUP($A197,városok!$A$2:$C$346,3,0)-VLOOKUP(S$1,városok!$A$2:$C$346,3,0))^2)/1000,0)</f>
        <v>203</v>
      </c>
      <c r="T197">
        <f ca="1">ROUND(SQRT((VLOOKUP($A197,városok!$A$2:$C$346,2,0)-VLOOKUP(T$1,városok!$A$2:$C$346,2,0))^2+(VLOOKUP($A197,városok!$A$2:$C$346,3,0)-VLOOKUP(T$1,városok!$A$2:$C$346,3,0))^2)/1000,0)</f>
        <v>62</v>
      </c>
      <c r="U197">
        <f ca="1">ROUND(SQRT((VLOOKUP($A197,városok!$A$2:$C$346,2,0)-VLOOKUP(U$1,városok!$A$2:$C$346,2,0))^2+(VLOOKUP($A197,városok!$A$2:$C$346,3,0)-VLOOKUP(U$1,városok!$A$2:$C$346,3,0))^2)/1000,0)</f>
        <v>108</v>
      </c>
      <c r="V197">
        <f ca="1">ROUND(SQRT((VLOOKUP($A197,városok!$A$2:$C$346,2,0)-VLOOKUP(V$1,városok!$A$2:$C$346,2,0))^2+(VLOOKUP($A197,városok!$A$2:$C$346,3,0)-VLOOKUP(V$1,városok!$A$2:$C$346,3,0))^2)/1000,0)</f>
        <v>115</v>
      </c>
      <c r="W197">
        <f ca="1">ROUND(SQRT((VLOOKUP($A197,városok!$A$2:$C$346,2,0)-VLOOKUP(W$1,városok!$A$2:$C$346,2,0))^2+(VLOOKUP($A197,városok!$A$2:$C$346,3,0)-VLOOKUP(W$1,városok!$A$2:$C$346,3,0))^2)/1000,0)</f>
        <v>122</v>
      </c>
      <c r="X197">
        <f ca="1">ROUND(SQRT((VLOOKUP($A197,városok!$A$2:$C$346,2,0)-VLOOKUP(X$1,városok!$A$2:$C$346,2,0))^2+(VLOOKUP($A197,városok!$A$2:$C$346,3,0)-VLOOKUP(X$1,városok!$A$2:$C$346,3,0))^2)/1000,0)</f>
        <v>94</v>
      </c>
      <c r="Y197">
        <f ca="1">ROUND(SQRT((VLOOKUP($A197,városok!$A$2:$C$346,2,0)-VLOOKUP(Y$1,városok!$A$2:$C$346,2,0))^2+(VLOOKUP($A197,városok!$A$2:$C$346,3,0)-VLOOKUP(Y$1,városok!$A$2:$C$346,3,0))^2)/1000,0)</f>
        <v>116</v>
      </c>
      <c r="Z197">
        <f ca="1">ROUND(SQRT((VLOOKUP($A197,városok!$A$2:$C$346,2,0)-VLOOKUP(Z$1,városok!$A$2:$C$346,2,0))^2+(VLOOKUP($A197,városok!$A$2:$C$346,3,0)-VLOOKUP(Z$1,városok!$A$2:$C$346,3,0))^2)/1000,0)</f>
        <v>133</v>
      </c>
      <c r="AA197">
        <f ca="1">ROUND(SQRT((VLOOKUP($A197,városok!$A$2:$C$346,2,0)-VLOOKUP(AA$1,városok!$A$2:$C$346,2,0))^2+(VLOOKUP($A197,városok!$A$2:$C$346,3,0)-VLOOKUP(AA$1,városok!$A$2:$C$346,3,0))^2)/1000,0)</f>
        <v>193</v>
      </c>
      <c r="AB197">
        <f ca="1">ROUND(SQRT((VLOOKUP($A197,városok!$A$2:$C$346,2,0)-VLOOKUP(AB$1,városok!$A$2:$C$346,2,0))^2+(VLOOKUP($A197,városok!$A$2:$C$346,3,0)-VLOOKUP(AB$1,városok!$A$2:$C$346,3,0))^2)/1000,0)</f>
        <v>192</v>
      </c>
      <c r="AC197">
        <f ca="1">ROUND(SQRT((VLOOKUP($A197,városok!$A$2:$C$346,2,0)-VLOOKUP(AC$1,városok!$A$2:$C$346,2,0))^2+(VLOOKUP($A197,városok!$A$2:$C$346,3,0)-VLOOKUP(AC$1,városok!$A$2:$C$346,3,0))^2)/1000,0)</f>
        <v>178</v>
      </c>
      <c r="AD197">
        <f ca="1">ROUND(SQRT((VLOOKUP($A197,városok!$A$2:$C$346,2,0)-VLOOKUP(AD$1,városok!$A$2:$C$346,2,0))^2+(VLOOKUP($A197,városok!$A$2:$C$346,3,0)-VLOOKUP(AD$1,városok!$A$2:$C$346,3,0))^2)/1000,0)</f>
        <v>162</v>
      </c>
      <c r="AE197">
        <f ca="1">ROUND(SQRT((VLOOKUP($A197,városok!$A$2:$C$346,2,0)-VLOOKUP(AE$1,városok!$A$2:$C$346,2,0))^2+(VLOOKUP($A197,városok!$A$2:$C$346,3,0)-VLOOKUP(AE$1,városok!$A$2:$C$346,3,0))^2)/1000,0)</f>
        <v>169</v>
      </c>
      <c r="AF197">
        <f ca="1">ROUND(SQRT((VLOOKUP($A197,városok!$A$2:$C$346,2,0)-VLOOKUP(AF$1,városok!$A$2:$C$346,2,0))^2+(VLOOKUP($A197,városok!$A$2:$C$346,3,0)-VLOOKUP(AF$1,városok!$A$2:$C$346,3,0))^2)/1000,0)</f>
        <v>93</v>
      </c>
      <c r="AG197">
        <f ca="1">ROUND(SQRT((VLOOKUP($A197,városok!$A$2:$C$346,2,0)-VLOOKUP(AG$1,városok!$A$2:$C$346,2,0))^2+(VLOOKUP($A197,városok!$A$2:$C$346,3,0)-VLOOKUP(AG$1,városok!$A$2:$C$346,3,0))^2)/1000,0)</f>
        <v>61</v>
      </c>
      <c r="AH197">
        <f ca="1">ROUND(SQRT((VLOOKUP($A197,városok!$A$2:$C$346,2,0)-VLOOKUP(AH$1,városok!$A$2:$C$346,2,0))^2+(VLOOKUP($A197,városok!$A$2:$C$346,3,0)-VLOOKUP(AH$1,városok!$A$2:$C$346,3,0))^2)/1000,0)</f>
        <v>50</v>
      </c>
      <c r="AI197">
        <f ca="1">ROUND(SQRT((VLOOKUP($A197,városok!$A$2:$C$346,2,0)-VLOOKUP(AI$1,városok!$A$2:$C$346,2,0))^2+(VLOOKUP($A197,városok!$A$2:$C$346,3,0)-VLOOKUP(AI$1,városok!$A$2:$C$346,3,0))^2)/1000,0)</f>
        <v>72</v>
      </c>
      <c r="AJ197">
        <f ca="1">ROUND(SQRT((VLOOKUP($A197,városok!$A$2:$C$346,2,0)-VLOOKUP(AJ$1,városok!$A$2:$C$346,2,0))^2+(VLOOKUP($A197,városok!$A$2:$C$346,3,0)-VLOOKUP(AJ$1,városok!$A$2:$C$346,3,0))^2)/1000,0)</f>
        <v>70</v>
      </c>
      <c r="AK197">
        <f ca="1">ROUND(SQRT((VLOOKUP($A197,városok!$A$2:$C$346,2,0)-VLOOKUP(AK$1,városok!$A$2:$C$346,2,0))^2+(VLOOKUP($A197,városok!$A$2:$C$346,3,0)-VLOOKUP(AK$1,városok!$A$2:$C$346,3,0))^2)/1000,0)</f>
        <v>156</v>
      </c>
      <c r="AL197">
        <f ca="1">ROUND(SQRT((VLOOKUP($A197,városok!$A$2:$C$346,2,0)-VLOOKUP(AL$1,városok!$A$2:$C$346,2,0))^2+(VLOOKUP($A197,városok!$A$2:$C$346,3,0)-VLOOKUP(AL$1,városok!$A$2:$C$346,3,0))^2)/1000,0)</f>
        <v>128</v>
      </c>
      <c r="AM197">
        <f ca="1">ROUND(SQRT((VLOOKUP($A197,városok!$A$2:$C$346,2,0)-VLOOKUP(AM$1,városok!$A$2:$C$346,2,0))^2+(VLOOKUP($A197,városok!$A$2:$C$346,3,0)-VLOOKUP(AM$1,városok!$A$2:$C$346,3,0))^2)/1000,0)</f>
        <v>115</v>
      </c>
      <c r="AN197">
        <f ca="1">ROUND(SQRT((VLOOKUP($A197,városok!$A$2:$C$346,2,0)-VLOOKUP(AN$1,városok!$A$2:$C$346,2,0))^2+(VLOOKUP($A197,városok!$A$2:$C$346,3,0)-VLOOKUP(AN$1,városok!$A$2:$C$346,3,0))^2)/1000,0)</f>
        <v>33</v>
      </c>
      <c r="AO197">
        <f ca="1">ROUND(SQRT((VLOOKUP($A197,városok!$A$2:$C$346,2,0)-VLOOKUP(AO$1,városok!$A$2:$C$346,2,0))^2+(VLOOKUP($A197,városok!$A$2:$C$346,3,0)-VLOOKUP(AO$1,városok!$A$2:$C$346,3,0))^2)/1000,0)</f>
        <v>79</v>
      </c>
      <c r="AP197">
        <f ca="1">ROUND(SQRT((VLOOKUP($A197,városok!$A$2:$C$346,2,0)-VLOOKUP(AP$1,városok!$A$2:$C$346,2,0))^2+(VLOOKUP($A197,városok!$A$2:$C$346,3,0)-VLOOKUP(AP$1,városok!$A$2:$C$346,3,0))^2)/1000,0)</f>
        <v>68</v>
      </c>
      <c r="AQ197">
        <f ca="1">ROUND(SQRT((VLOOKUP($A197,városok!$A$2:$C$346,2,0)-VLOOKUP(AQ$1,városok!$A$2:$C$346,2,0))^2+(VLOOKUP($A197,városok!$A$2:$C$346,3,0)-VLOOKUP(AQ$1,városok!$A$2:$C$346,3,0))^2)/1000,0)</f>
        <v>68</v>
      </c>
      <c r="AR197">
        <f ca="1">ROUND(SQRT((VLOOKUP($A197,városok!$A$2:$C$346,2,0)-VLOOKUP(AR$1,városok!$A$2:$C$346,2,0))^2+(VLOOKUP($A197,városok!$A$2:$C$346,3,0)-VLOOKUP(AR$1,városok!$A$2:$C$346,3,0))^2)/1000,0)</f>
        <v>42</v>
      </c>
      <c r="AS197">
        <f ca="1">ROUND(SQRT((VLOOKUP($A197,városok!$A$2:$C$346,2,0)-VLOOKUP(AS$1,városok!$A$2:$C$346,2,0))^2+(VLOOKUP($A197,városok!$A$2:$C$346,3,0)-VLOOKUP(AS$1,városok!$A$2:$C$346,3,0))^2)/1000,0)</f>
        <v>54</v>
      </c>
      <c r="AT197">
        <f ca="1">ROUND(SQRT((VLOOKUP($A197,városok!$A$2:$C$346,2,0)-VLOOKUP(AT$1,városok!$A$2:$C$346,2,0))^2+(VLOOKUP($A197,városok!$A$2:$C$346,3,0)-VLOOKUP(AT$1,városok!$A$2:$C$346,3,0))^2)/1000,0)</f>
        <v>56</v>
      </c>
      <c r="AU197">
        <f ca="1">ROUND(SQRT((VLOOKUP($A197,városok!$A$2:$C$346,2,0)-VLOOKUP(AU$1,városok!$A$2:$C$346,2,0))^2+(VLOOKUP($A197,városok!$A$2:$C$346,3,0)-VLOOKUP(AU$1,városok!$A$2:$C$346,3,0))^2)/1000,0)</f>
        <v>54</v>
      </c>
      <c r="AV197">
        <f ca="1">ROUND(SQRT((VLOOKUP($A197,városok!$A$2:$C$346,2,0)-VLOOKUP(AV$1,városok!$A$2:$C$346,2,0))^2+(VLOOKUP($A197,városok!$A$2:$C$346,3,0)-VLOOKUP(AV$1,városok!$A$2:$C$346,3,0))^2)/1000,0)</f>
        <v>60</v>
      </c>
      <c r="AW197">
        <f ca="1">ROUND(SQRT((VLOOKUP($A197,városok!$A$2:$C$346,2,0)-VLOOKUP(AW$1,városok!$A$2:$C$346,2,0))^2+(VLOOKUP($A197,városok!$A$2:$C$346,3,0)-VLOOKUP(AW$1,városok!$A$2:$C$346,3,0))^2)/1000,0)</f>
        <v>62</v>
      </c>
      <c r="AX197">
        <f ca="1">ROUND(SQRT((VLOOKUP($A197,városok!$A$2:$C$346,2,0)-VLOOKUP(AX$1,városok!$A$2:$C$346,2,0))^2+(VLOOKUP($A197,városok!$A$2:$C$346,3,0)-VLOOKUP(AX$1,városok!$A$2:$C$346,3,0))^2)/1000,0)</f>
        <v>111</v>
      </c>
      <c r="AY197">
        <f ca="1">ROUND(SQRT((VLOOKUP($A197,városok!$A$2:$C$346,2,0)-VLOOKUP(AY$1,városok!$A$2:$C$346,2,0))^2+(VLOOKUP($A197,városok!$A$2:$C$346,3,0)-VLOOKUP(AY$1,városok!$A$2:$C$346,3,0))^2)/1000,0)</f>
        <v>28</v>
      </c>
      <c r="AZ197">
        <f ca="1">ROUND(SQRT((VLOOKUP($A197,városok!$A$2:$C$346,2,0)-VLOOKUP(AZ$1,városok!$A$2:$C$346,2,0))^2+(VLOOKUP($A197,városok!$A$2:$C$346,3,0)-VLOOKUP(AZ$1,városok!$A$2:$C$346,3,0))^2)/1000,0)</f>
        <v>20</v>
      </c>
      <c r="BA197">
        <f ca="1">ROUND(SQRT((VLOOKUP($A197,városok!$A$2:$C$346,2,0)-VLOOKUP(BA$1,városok!$A$2:$C$346,2,0))^2+(VLOOKUP($A197,városok!$A$2:$C$346,3,0)-VLOOKUP(BA$1,városok!$A$2:$C$346,3,0))^2)/1000,0)</f>
        <v>168</v>
      </c>
      <c r="BB197">
        <f ca="1">ROUND(SQRT((VLOOKUP($A197,városok!$A$2:$C$346,2,0)-VLOOKUP(BB$1,városok!$A$2:$C$346,2,0))^2+(VLOOKUP($A197,városok!$A$2:$C$346,3,0)-VLOOKUP(BB$1,városok!$A$2:$C$346,3,0))^2)/1000,0)</f>
        <v>179</v>
      </c>
      <c r="BC197">
        <f ca="1">ROUND(SQRT((VLOOKUP($A197,városok!$A$2:$C$346,2,0)-VLOOKUP(BC$1,városok!$A$2:$C$346,2,0))^2+(VLOOKUP($A197,városok!$A$2:$C$346,3,0)-VLOOKUP(BC$1,városok!$A$2:$C$346,3,0))^2)/1000,0)</f>
        <v>202</v>
      </c>
      <c r="BD197">
        <f ca="1">ROUND(SQRT((VLOOKUP($A197,városok!$A$2:$C$346,2,0)-VLOOKUP(BD$1,városok!$A$2:$C$346,2,0))^2+(VLOOKUP($A197,városok!$A$2:$C$346,3,0)-VLOOKUP(BD$1,városok!$A$2:$C$346,3,0))^2)/1000,0)</f>
        <v>139</v>
      </c>
      <c r="BE197">
        <f ca="1">ROUND(SQRT((VLOOKUP($A197,városok!$A$2:$C$346,2,0)-VLOOKUP(BE$1,városok!$A$2:$C$346,2,0))^2+(VLOOKUP($A197,városok!$A$2:$C$346,3,0)-VLOOKUP(BE$1,városok!$A$2:$C$346,3,0))^2)/1000,0)</f>
        <v>264</v>
      </c>
      <c r="BF197">
        <f ca="1">ROUND(SQRT((VLOOKUP($A197,városok!$A$2:$C$346,2,0)-VLOOKUP(BF$1,városok!$A$2:$C$346,2,0))^2+(VLOOKUP($A197,városok!$A$2:$C$346,3,0)-VLOOKUP(BF$1,városok!$A$2:$C$346,3,0))^2)/1000,0)</f>
        <v>221</v>
      </c>
      <c r="BG197">
        <f ca="1">ROUND(SQRT((VLOOKUP($A197,városok!$A$2:$C$346,2,0)-VLOOKUP(BG$1,városok!$A$2:$C$346,2,0))^2+(VLOOKUP($A197,városok!$A$2:$C$346,3,0)-VLOOKUP(BG$1,városok!$A$2:$C$346,3,0))^2)/1000,0)</f>
        <v>175</v>
      </c>
      <c r="BH197">
        <f ca="1">ROUND(SQRT((VLOOKUP($A197,városok!$A$2:$C$346,2,0)-VLOOKUP(BH$1,városok!$A$2:$C$346,2,0))^2+(VLOOKUP($A197,városok!$A$2:$C$346,3,0)-VLOOKUP(BH$1,városok!$A$2:$C$346,3,0))^2)/1000,0)</f>
        <v>175</v>
      </c>
      <c r="BI197">
        <f ca="1">ROUND(SQRT((VLOOKUP($A197,városok!$A$2:$C$346,2,0)-VLOOKUP(BI$1,városok!$A$2:$C$346,2,0))^2+(VLOOKUP($A197,városok!$A$2:$C$346,3,0)-VLOOKUP(BI$1,városok!$A$2:$C$346,3,0))^2)/1000,0)</f>
        <v>175</v>
      </c>
      <c r="BJ197">
        <f ca="1">ROUND(SQRT((VLOOKUP($A197,városok!$A$2:$C$346,2,0)-VLOOKUP(BJ$1,városok!$A$2:$C$346,2,0))^2+(VLOOKUP($A197,városok!$A$2:$C$346,3,0)-VLOOKUP(BJ$1,városok!$A$2:$C$346,3,0))^2)/1000,0)</f>
        <v>190</v>
      </c>
      <c r="BK197">
        <f ca="1">ROUND(SQRT((VLOOKUP($A197,városok!$A$2:$C$346,2,0)-VLOOKUP(BK$1,városok!$A$2:$C$346,2,0))^2+(VLOOKUP($A197,városok!$A$2:$C$346,3,0)-VLOOKUP(BK$1,városok!$A$2:$C$346,3,0))^2)/1000,0)</f>
        <v>179</v>
      </c>
      <c r="BL197">
        <f ca="1">ROUND(SQRT((VLOOKUP($A197,városok!$A$2:$C$346,2,0)-VLOOKUP(BL$1,városok!$A$2:$C$346,2,0))^2+(VLOOKUP($A197,városok!$A$2:$C$346,3,0)-VLOOKUP(BL$1,városok!$A$2:$C$346,3,0))^2)/1000,0)</f>
        <v>216</v>
      </c>
      <c r="BM197">
        <f ca="1">ROUND(SQRT((VLOOKUP($A197,városok!$A$2:$C$346,2,0)-VLOOKUP(BM$1,városok!$A$2:$C$346,2,0))^2+(VLOOKUP($A197,városok!$A$2:$C$346,3,0)-VLOOKUP(BM$1,városok!$A$2:$C$346,3,0))^2)/1000,0)</f>
        <v>182</v>
      </c>
      <c r="BN197">
        <f ca="1">ROUND(SQRT((VLOOKUP($A197,városok!$A$2:$C$346,2,0)-VLOOKUP(BN$1,városok!$A$2:$C$346,2,0))^2+(VLOOKUP($A197,városok!$A$2:$C$346,3,0)-VLOOKUP(BN$1,városok!$A$2:$C$346,3,0))^2)/1000,0)</f>
        <v>204</v>
      </c>
      <c r="BO197">
        <f ca="1">ROUND(SQRT((VLOOKUP($A197,városok!$A$2:$C$346,2,0)-VLOOKUP(BO$1,városok!$A$2:$C$346,2,0))^2+(VLOOKUP($A197,városok!$A$2:$C$346,3,0)-VLOOKUP(BO$1,városok!$A$2:$C$346,3,0))^2)/1000,0)</f>
        <v>131</v>
      </c>
      <c r="BP197">
        <f ca="1">ROUND(SQRT((VLOOKUP($A197,városok!$A$2:$C$346,2,0)-VLOOKUP(BP$1,városok!$A$2:$C$346,2,0))^2+(VLOOKUP($A197,városok!$A$2:$C$346,3,0)-VLOOKUP(BP$1,városok!$A$2:$C$346,3,0))^2)/1000,0)</f>
        <v>126</v>
      </c>
      <c r="BQ197">
        <f ca="1">ROUND(SQRT((VLOOKUP($A197,városok!$A$2:$C$346,2,0)-VLOOKUP(BQ$1,városok!$A$2:$C$346,2,0))^2+(VLOOKUP($A197,városok!$A$2:$C$346,3,0)-VLOOKUP(BQ$1,városok!$A$2:$C$346,3,0))^2)/1000,0)</f>
        <v>131</v>
      </c>
      <c r="BR197">
        <f ca="1">ROUND(SQRT((VLOOKUP($A197,városok!$A$2:$C$346,2,0)-VLOOKUP(BR$1,városok!$A$2:$C$346,2,0))^2+(VLOOKUP($A197,városok!$A$2:$C$346,3,0)-VLOOKUP(BR$1,városok!$A$2:$C$346,3,0))^2)/1000,0)</f>
        <v>192</v>
      </c>
      <c r="BS197">
        <f ca="1">ROUND(SQRT((VLOOKUP($A197,városok!$A$2:$C$346,2,0)-VLOOKUP(BS$1,városok!$A$2:$C$346,2,0))^2+(VLOOKUP($A197,városok!$A$2:$C$346,3,0)-VLOOKUP(BS$1,városok!$A$2:$C$346,3,0))^2)/1000,0)</f>
        <v>231</v>
      </c>
      <c r="BT197">
        <f ca="1">ROUND(SQRT((VLOOKUP($A197,városok!$A$2:$C$346,2,0)-VLOOKUP(BT$1,városok!$A$2:$C$346,2,0))^2+(VLOOKUP($A197,városok!$A$2:$C$346,3,0)-VLOOKUP(BT$1,városok!$A$2:$C$346,3,0))^2)/1000,0)</f>
        <v>212</v>
      </c>
    </row>
    <row r="198" spans="1:72" x14ac:dyDescent="0.2">
      <c r="A198" t="str">
        <f>városok!A198</f>
        <v>Salgótarján</v>
      </c>
      <c r="B198">
        <f ca="1">ROUND(SQRT((VLOOKUP($A198,városok!$A$2:$C$346,2,0)-VLOOKUP(B$1,városok!$A$2:$C$346,2,0))^2+(VLOOKUP($A198,városok!$A$2:$C$346,3,0)-VLOOKUP(B$1,városok!$A$2:$C$346,3,0))^2)/1000,0)</f>
        <v>224</v>
      </c>
      <c r="C198">
        <f ca="1">ROUND(SQRT((VLOOKUP($A198,városok!$A$2:$C$346,2,0)-VLOOKUP(C$1,városok!$A$2:$C$346,2,0))^2+(VLOOKUP($A198,városok!$A$2:$C$346,3,0)-VLOOKUP(C$1,városok!$A$2:$C$346,3,0))^2)/1000,0)</f>
        <v>187</v>
      </c>
      <c r="D198">
        <f ca="1">ROUND(SQRT((VLOOKUP($A198,városok!$A$2:$C$346,2,0)-VLOOKUP(D$1,városok!$A$2:$C$346,2,0))^2+(VLOOKUP($A198,városok!$A$2:$C$346,3,0)-VLOOKUP(D$1,városok!$A$2:$C$346,3,0))^2)/1000,0)</f>
        <v>134</v>
      </c>
      <c r="E198">
        <f ca="1">ROUND(SQRT((VLOOKUP($A198,városok!$A$2:$C$346,2,0)-VLOOKUP(E$1,városok!$A$2:$C$346,2,0))^2+(VLOOKUP($A198,városok!$A$2:$C$346,3,0)-VLOOKUP(E$1,városok!$A$2:$C$346,3,0))^2)/1000,0)</f>
        <v>244</v>
      </c>
      <c r="F198">
        <f ca="1">ROUND(SQRT((VLOOKUP($A198,városok!$A$2:$C$346,2,0)-VLOOKUP(F$1,városok!$A$2:$C$346,2,0))^2+(VLOOKUP($A198,városok!$A$2:$C$346,3,0)-VLOOKUP(F$1,városok!$A$2:$C$346,3,0))^2)/1000,0)</f>
        <v>251</v>
      </c>
      <c r="G198">
        <f ca="1">ROUND(SQRT((VLOOKUP($A198,városok!$A$2:$C$346,2,0)-VLOOKUP(G$1,városok!$A$2:$C$346,2,0))^2+(VLOOKUP($A198,városok!$A$2:$C$346,3,0)-VLOOKUP(G$1,városok!$A$2:$C$346,3,0))^2)/1000,0)</f>
        <v>255</v>
      </c>
      <c r="H198">
        <f ca="1">ROUND(SQRT((VLOOKUP($A198,városok!$A$2:$C$346,2,0)-VLOOKUP(H$1,városok!$A$2:$C$346,2,0))^2+(VLOOKUP($A198,városok!$A$2:$C$346,3,0)-VLOOKUP(H$1,városok!$A$2:$C$346,3,0))^2)/1000,0)</f>
        <v>276</v>
      </c>
      <c r="I198">
        <f ca="1">ROUND(SQRT((VLOOKUP($A198,városok!$A$2:$C$346,2,0)-VLOOKUP(I$1,városok!$A$2:$C$346,2,0))^2+(VLOOKUP($A198,városok!$A$2:$C$346,3,0)-VLOOKUP(I$1,városok!$A$2:$C$346,3,0))^2)/1000,0)</f>
        <v>186</v>
      </c>
      <c r="J198">
        <f ca="1">ROUND(SQRT((VLOOKUP($A198,városok!$A$2:$C$346,2,0)-VLOOKUP(J$1,városok!$A$2:$C$346,2,0))^2+(VLOOKUP($A198,városok!$A$2:$C$346,3,0)-VLOOKUP(J$1,városok!$A$2:$C$346,3,0))^2)/1000,0)</f>
        <v>197</v>
      </c>
      <c r="K198">
        <f ca="1">ROUND(SQRT((VLOOKUP($A198,városok!$A$2:$C$346,2,0)-VLOOKUP(K$1,városok!$A$2:$C$346,2,0))^2+(VLOOKUP($A198,városok!$A$2:$C$346,3,0)-VLOOKUP(K$1,városok!$A$2:$C$346,3,0))^2)/1000,0)</f>
        <v>184</v>
      </c>
      <c r="L198">
        <f ca="1">ROUND(SQRT((VLOOKUP($A198,városok!$A$2:$C$346,2,0)-VLOOKUP(L$1,városok!$A$2:$C$346,2,0))^2+(VLOOKUP($A198,városok!$A$2:$C$346,3,0)-VLOOKUP(L$1,városok!$A$2:$C$346,3,0))^2)/1000,0)</f>
        <v>63</v>
      </c>
      <c r="M198">
        <f ca="1">ROUND(SQRT((VLOOKUP($A198,városok!$A$2:$C$346,2,0)-VLOOKUP(M$1,városok!$A$2:$C$346,2,0))^2+(VLOOKUP($A198,városok!$A$2:$C$346,3,0)-VLOOKUP(M$1,városok!$A$2:$C$346,3,0))^2)/1000,0)</f>
        <v>73</v>
      </c>
      <c r="N198">
        <f ca="1">ROUND(SQRT((VLOOKUP($A198,városok!$A$2:$C$346,2,0)-VLOOKUP(N$1,városok!$A$2:$C$346,2,0))^2+(VLOOKUP($A198,városok!$A$2:$C$346,3,0)-VLOOKUP(N$1,városok!$A$2:$C$346,3,0))^2)/1000,0)</f>
        <v>38</v>
      </c>
      <c r="O198">
        <f ca="1">ROUND(SQRT((VLOOKUP($A198,városok!$A$2:$C$346,2,0)-VLOOKUP(O$1,városok!$A$2:$C$346,2,0))^2+(VLOOKUP($A198,városok!$A$2:$C$346,3,0)-VLOOKUP(O$1,városok!$A$2:$C$346,3,0))^2)/1000,0)</f>
        <v>140</v>
      </c>
      <c r="P198">
        <f ca="1">ROUND(SQRT((VLOOKUP($A198,városok!$A$2:$C$346,2,0)-VLOOKUP(P$1,városok!$A$2:$C$346,2,0))^2+(VLOOKUP($A198,városok!$A$2:$C$346,3,0)-VLOOKUP(P$1,városok!$A$2:$C$346,3,0))^2)/1000,0)</f>
        <v>140</v>
      </c>
      <c r="Q198">
        <f ca="1">ROUND(SQRT((VLOOKUP($A198,városok!$A$2:$C$346,2,0)-VLOOKUP(Q$1,városok!$A$2:$C$346,2,0))^2+(VLOOKUP($A198,városok!$A$2:$C$346,3,0)-VLOOKUP(Q$1,városok!$A$2:$C$346,3,0))^2)/1000,0)</f>
        <v>192</v>
      </c>
      <c r="R198">
        <f ca="1">ROUND(SQRT((VLOOKUP($A198,városok!$A$2:$C$346,2,0)-VLOOKUP(R$1,városok!$A$2:$C$346,2,0))^2+(VLOOKUP($A198,városok!$A$2:$C$346,3,0)-VLOOKUP(R$1,városok!$A$2:$C$346,3,0))^2)/1000,0)</f>
        <v>216</v>
      </c>
      <c r="S198">
        <f ca="1">ROUND(SQRT((VLOOKUP($A198,városok!$A$2:$C$346,2,0)-VLOOKUP(S$1,városok!$A$2:$C$346,2,0))^2+(VLOOKUP($A198,városok!$A$2:$C$346,3,0)-VLOOKUP(S$1,városok!$A$2:$C$346,3,0))^2)/1000,0)</f>
        <v>209</v>
      </c>
      <c r="T198">
        <f ca="1">ROUND(SQRT((VLOOKUP($A198,városok!$A$2:$C$346,2,0)-VLOOKUP(T$1,városok!$A$2:$C$346,2,0))^2+(VLOOKUP($A198,városok!$A$2:$C$346,3,0)-VLOOKUP(T$1,városok!$A$2:$C$346,3,0))^2)/1000,0)</f>
        <v>112</v>
      </c>
      <c r="U198">
        <f ca="1">ROUND(SQRT((VLOOKUP($A198,városok!$A$2:$C$346,2,0)-VLOOKUP(U$1,városok!$A$2:$C$346,2,0))^2+(VLOOKUP($A198,városok!$A$2:$C$346,3,0)-VLOOKUP(U$1,városok!$A$2:$C$346,3,0))^2)/1000,0)</f>
        <v>143</v>
      </c>
      <c r="V198">
        <f ca="1">ROUND(SQRT((VLOOKUP($A198,városok!$A$2:$C$346,2,0)-VLOOKUP(V$1,városok!$A$2:$C$346,2,0))^2+(VLOOKUP($A198,városok!$A$2:$C$346,3,0)-VLOOKUP(V$1,városok!$A$2:$C$346,3,0))^2)/1000,0)</f>
        <v>163</v>
      </c>
      <c r="W198">
        <f ca="1">ROUND(SQRT((VLOOKUP($A198,városok!$A$2:$C$346,2,0)-VLOOKUP(W$1,városok!$A$2:$C$346,2,0))^2+(VLOOKUP($A198,városok!$A$2:$C$346,3,0)-VLOOKUP(W$1,városok!$A$2:$C$346,3,0))^2)/1000,0)</f>
        <v>163</v>
      </c>
      <c r="X198">
        <f ca="1">ROUND(SQRT((VLOOKUP($A198,városok!$A$2:$C$346,2,0)-VLOOKUP(X$1,városok!$A$2:$C$346,2,0))^2+(VLOOKUP($A198,városok!$A$2:$C$346,3,0)-VLOOKUP(X$1,városok!$A$2:$C$346,3,0))^2)/1000,0)</f>
        <v>144</v>
      </c>
      <c r="Y198">
        <f ca="1">ROUND(SQRT((VLOOKUP($A198,városok!$A$2:$C$346,2,0)-VLOOKUP(Y$1,városok!$A$2:$C$346,2,0))^2+(VLOOKUP($A198,városok!$A$2:$C$346,3,0)-VLOOKUP(Y$1,városok!$A$2:$C$346,3,0))^2)/1000,0)</f>
        <v>170</v>
      </c>
      <c r="Z198">
        <f ca="1">ROUND(SQRT((VLOOKUP($A198,városok!$A$2:$C$346,2,0)-VLOOKUP(Z$1,városok!$A$2:$C$346,2,0))^2+(VLOOKUP($A198,városok!$A$2:$C$346,3,0)-VLOOKUP(Z$1,városok!$A$2:$C$346,3,0))^2)/1000,0)</f>
        <v>186</v>
      </c>
      <c r="AA198">
        <f ca="1">ROUND(SQRT((VLOOKUP($A198,városok!$A$2:$C$346,2,0)-VLOOKUP(AA$1,városok!$A$2:$C$346,2,0))^2+(VLOOKUP($A198,városok!$A$2:$C$346,3,0)-VLOOKUP(AA$1,városok!$A$2:$C$346,3,0))^2)/1000,0)</f>
        <v>246</v>
      </c>
      <c r="AB198">
        <f ca="1">ROUND(SQRT((VLOOKUP($A198,városok!$A$2:$C$346,2,0)-VLOOKUP(AB$1,városok!$A$2:$C$346,2,0))^2+(VLOOKUP($A198,városok!$A$2:$C$346,3,0)-VLOOKUP(AB$1,városok!$A$2:$C$346,3,0))^2)/1000,0)</f>
        <v>151</v>
      </c>
      <c r="AC198">
        <f ca="1">ROUND(SQRT((VLOOKUP($A198,városok!$A$2:$C$346,2,0)-VLOOKUP(AC$1,városok!$A$2:$C$346,2,0))^2+(VLOOKUP($A198,városok!$A$2:$C$346,3,0)-VLOOKUP(AC$1,városok!$A$2:$C$346,3,0))^2)/1000,0)</f>
        <v>140</v>
      </c>
      <c r="AD198">
        <f ca="1">ROUND(SQRT((VLOOKUP($A198,városok!$A$2:$C$346,2,0)-VLOOKUP(AD$1,városok!$A$2:$C$346,2,0))^2+(VLOOKUP($A198,városok!$A$2:$C$346,3,0)-VLOOKUP(AD$1,városok!$A$2:$C$346,3,0))^2)/1000,0)</f>
        <v>126</v>
      </c>
      <c r="AE198">
        <f ca="1">ROUND(SQRT((VLOOKUP($A198,városok!$A$2:$C$346,2,0)-VLOOKUP(AE$1,városok!$A$2:$C$346,2,0))^2+(VLOOKUP($A198,városok!$A$2:$C$346,3,0)-VLOOKUP(AE$1,városok!$A$2:$C$346,3,0))^2)/1000,0)</f>
        <v>137</v>
      </c>
      <c r="AF198">
        <f ca="1">ROUND(SQRT((VLOOKUP($A198,városok!$A$2:$C$346,2,0)-VLOOKUP(AF$1,városok!$A$2:$C$346,2,0))^2+(VLOOKUP($A198,városok!$A$2:$C$346,3,0)-VLOOKUP(AF$1,városok!$A$2:$C$346,3,0))^2)/1000,0)</f>
        <v>48</v>
      </c>
      <c r="AG198">
        <f ca="1">ROUND(SQRT((VLOOKUP($A198,városok!$A$2:$C$346,2,0)-VLOOKUP(AG$1,városok!$A$2:$C$346,2,0))^2+(VLOOKUP($A198,városok!$A$2:$C$346,3,0)-VLOOKUP(AG$1,városok!$A$2:$C$346,3,0))^2)/1000,0)</f>
        <v>38</v>
      </c>
      <c r="AH198">
        <f ca="1">ROUND(SQRT((VLOOKUP($A198,városok!$A$2:$C$346,2,0)-VLOOKUP(AH$1,városok!$A$2:$C$346,2,0))^2+(VLOOKUP($A198,városok!$A$2:$C$346,3,0)-VLOOKUP(AH$1,városok!$A$2:$C$346,3,0))^2)/1000,0)</f>
        <v>51</v>
      </c>
      <c r="AI198">
        <f ca="1">ROUND(SQRT((VLOOKUP($A198,városok!$A$2:$C$346,2,0)-VLOOKUP(AI$1,városok!$A$2:$C$346,2,0))^2+(VLOOKUP($A198,városok!$A$2:$C$346,3,0)-VLOOKUP(AI$1,városok!$A$2:$C$346,3,0))^2)/1000,0)</f>
        <v>24</v>
      </c>
      <c r="AJ198">
        <f ca="1">ROUND(SQRT((VLOOKUP($A198,városok!$A$2:$C$346,2,0)-VLOOKUP(AJ$1,városok!$A$2:$C$346,2,0))^2+(VLOOKUP($A198,városok!$A$2:$C$346,3,0)-VLOOKUP(AJ$1,városok!$A$2:$C$346,3,0))^2)/1000,0)</f>
        <v>53</v>
      </c>
      <c r="AK198">
        <f ca="1">ROUND(SQRT((VLOOKUP($A198,városok!$A$2:$C$346,2,0)-VLOOKUP(AK$1,városok!$A$2:$C$346,2,0))^2+(VLOOKUP($A198,városok!$A$2:$C$346,3,0)-VLOOKUP(AK$1,városok!$A$2:$C$346,3,0))^2)/1000,0)</f>
        <v>127</v>
      </c>
      <c r="AL198">
        <f ca="1">ROUND(SQRT((VLOOKUP($A198,városok!$A$2:$C$346,2,0)-VLOOKUP(AL$1,városok!$A$2:$C$346,2,0))^2+(VLOOKUP($A198,városok!$A$2:$C$346,3,0)-VLOOKUP(AL$1,városok!$A$2:$C$346,3,0))^2)/1000,0)</f>
        <v>103</v>
      </c>
      <c r="AM198">
        <f ca="1">ROUND(SQRT((VLOOKUP($A198,városok!$A$2:$C$346,2,0)-VLOOKUP(AM$1,városok!$A$2:$C$346,2,0))^2+(VLOOKUP($A198,városok!$A$2:$C$346,3,0)-VLOOKUP(AM$1,városok!$A$2:$C$346,3,0))^2)/1000,0)</f>
        <v>107</v>
      </c>
      <c r="AN198">
        <f ca="1">ROUND(SQRT((VLOOKUP($A198,városok!$A$2:$C$346,2,0)-VLOOKUP(AN$1,városok!$A$2:$C$346,2,0))^2+(VLOOKUP($A198,városok!$A$2:$C$346,3,0)-VLOOKUP(AN$1,városok!$A$2:$C$346,3,0))^2)/1000,0)</f>
        <v>88</v>
      </c>
      <c r="AO198">
        <f ca="1">ROUND(SQRT((VLOOKUP($A198,városok!$A$2:$C$346,2,0)-VLOOKUP(AO$1,városok!$A$2:$C$346,2,0))^2+(VLOOKUP($A198,városok!$A$2:$C$346,3,0)-VLOOKUP(AO$1,városok!$A$2:$C$346,3,0))^2)/1000,0)</f>
        <v>133</v>
      </c>
      <c r="AP198">
        <f ca="1">ROUND(SQRT((VLOOKUP($A198,városok!$A$2:$C$346,2,0)-VLOOKUP(AP$1,városok!$A$2:$C$346,2,0))^2+(VLOOKUP($A198,városok!$A$2:$C$346,3,0)-VLOOKUP(AP$1,városok!$A$2:$C$346,3,0))^2)/1000,0)</f>
        <v>122</v>
      </c>
      <c r="AQ198">
        <f ca="1">ROUND(SQRT((VLOOKUP($A198,városok!$A$2:$C$346,2,0)-VLOOKUP(AQ$1,városok!$A$2:$C$346,2,0))^2+(VLOOKUP($A198,városok!$A$2:$C$346,3,0)-VLOOKUP(AQ$1,városok!$A$2:$C$346,3,0))^2)/1000,0)</f>
        <v>121</v>
      </c>
      <c r="AR198">
        <f ca="1">ROUND(SQRT((VLOOKUP($A198,városok!$A$2:$C$346,2,0)-VLOOKUP(AR$1,városok!$A$2:$C$346,2,0))^2+(VLOOKUP($A198,városok!$A$2:$C$346,3,0)-VLOOKUP(AR$1,városok!$A$2:$C$346,3,0))^2)/1000,0)</f>
        <v>23</v>
      </c>
      <c r="AS198">
        <f ca="1">ROUND(SQRT((VLOOKUP($A198,városok!$A$2:$C$346,2,0)-VLOOKUP(AS$1,városok!$A$2:$C$346,2,0))^2+(VLOOKUP($A198,városok!$A$2:$C$346,3,0)-VLOOKUP(AS$1,városok!$A$2:$C$346,3,0))^2)/1000,0)</f>
        <v>0</v>
      </c>
      <c r="AT198">
        <f ca="1">ROUND(SQRT((VLOOKUP($A198,városok!$A$2:$C$346,2,0)-VLOOKUP(AT$1,városok!$A$2:$C$346,2,0))^2+(VLOOKUP($A198,városok!$A$2:$C$346,3,0)-VLOOKUP(AT$1,városok!$A$2:$C$346,3,0))^2)/1000,0)</f>
        <v>103</v>
      </c>
      <c r="AU198">
        <f ca="1">ROUND(SQRT((VLOOKUP($A198,városok!$A$2:$C$346,2,0)-VLOOKUP(AU$1,városok!$A$2:$C$346,2,0))^2+(VLOOKUP($A198,városok!$A$2:$C$346,3,0)-VLOOKUP(AU$1,városok!$A$2:$C$346,3,0))^2)/1000,0)</f>
        <v>97</v>
      </c>
      <c r="AV198">
        <f ca="1">ROUND(SQRT((VLOOKUP($A198,városok!$A$2:$C$346,2,0)-VLOOKUP(AV$1,városok!$A$2:$C$346,2,0))^2+(VLOOKUP($A198,városok!$A$2:$C$346,3,0)-VLOOKUP(AV$1,városok!$A$2:$C$346,3,0))^2)/1000,0)</f>
        <v>101</v>
      </c>
      <c r="AW198">
        <f ca="1">ROUND(SQRT((VLOOKUP($A198,városok!$A$2:$C$346,2,0)-VLOOKUP(AW$1,városok!$A$2:$C$346,2,0))^2+(VLOOKUP($A198,városok!$A$2:$C$346,3,0)-VLOOKUP(AW$1,városok!$A$2:$C$346,3,0))^2)/1000,0)</f>
        <v>105</v>
      </c>
      <c r="AX198">
        <f ca="1">ROUND(SQRT((VLOOKUP($A198,városok!$A$2:$C$346,2,0)-VLOOKUP(AX$1,városok!$A$2:$C$346,2,0))^2+(VLOOKUP($A198,városok!$A$2:$C$346,3,0)-VLOOKUP(AX$1,városok!$A$2:$C$346,3,0))^2)/1000,0)</f>
        <v>120</v>
      </c>
      <c r="AY198">
        <f ca="1">ROUND(SQRT((VLOOKUP($A198,városok!$A$2:$C$346,2,0)-VLOOKUP(AY$1,városok!$A$2:$C$346,2,0))^2+(VLOOKUP($A198,városok!$A$2:$C$346,3,0)-VLOOKUP(AY$1,városok!$A$2:$C$346,3,0))^2)/1000,0)</f>
        <v>74</v>
      </c>
      <c r="AZ198">
        <f ca="1">ROUND(SQRT((VLOOKUP($A198,városok!$A$2:$C$346,2,0)-VLOOKUP(AZ$1,városok!$A$2:$C$346,2,0))^2+(VLOOKUP($A198,városok!$A$2:$C$346,3,0)-VLOOKUP(AZ$1,városok!$A$2:$C$346,3,0))^2)/1000,0)</f>
        <v>73</v>
      </c>
      <c r="BA198">
        <f ca="1">ROUND(SQRT((VLOOKUP($A198,városok!$A$2:$C$346,2,0)-VLOOKUP(BA$1,városok!$A$2:$C$346,2,0))^2+(VLOOKUP($A198,városok!$A$2:$C$346,3,0)-VLOOKUP(BA$1,városok!$A$2:$C$346,3,0))^2)/1000,0)</f>
        <v>217</v>
      </c>
      <c r="BB198">
        <f ca="1">ROUND(SQRT((VLOOKUP($A198,városok!$A$2:$C$346,2,0)-VLOOKUP(BB$1,városok!$A$2:$C$346,2,0))^2+(VLOOKUP($A198,városok!$A$2:$C$346,3,0)-VLOOKUP(BB$1,városok!$A$2:$C$346,3,0))^2)/1000,0)</f>
        <v>225</v>
      </c>
      <c r="BC198">
        <f ca="1">ROUND(SQRT((VLOOKUP($A198,városok!$A$2:$C$346,2,0)-VLOOKUP(BC$1,városok!$A$2:$C$346,2,0))^2+(VLOOKUP($A198,városok!$A$2:$C$346,3,0)-VLOOKUP(BC$1,városok!$A$2:$C$346,3,0))^2)/1000,0)</f>
        <v>248</v>
      </c>
      <c r="BD198">
        <f ca="1">ROUND(SQRT((VLOOKUP($A198,városok!$A$2:$C$346,2,0)-VLOOKUP(BD$1,városok!$A$2:$C$346,2,0))^2+(VLOOKUP($A198,városok!$A$2:$C$346,3,0)-VLOOKUP(BD$1,városok!$A$2:$C$346,3,0))^2)/1000,0)</f>
        <v>188</v>
      </c>
      <c r="BE198">
        <f ca="1">ROUND(SQRT((VLOOKUP($A198,városok!$A$2:$C$346,2,0)-VLOOKUP(BE$1,városok!$A$2:$C$346,2,0))^2+(VLOOKUP($A198,városok!$A$2:$C$346,3,0)-VLOOKUP(BE$1,városok!$A$2:$C$346,3,0))^2)/1000,0)</f>
        <v>215</v>
      </c>
      <c r="BF198">
        <f ca="1">ROUND(SQRT((VLOOKUP($A198,városok!$A$2:$C$346,2,0)-VLOOKUP(BF$1,városok!$A$2:$C$346,2,0))^2+(VLOOKUP($A198,városok!$A$2:$C$346,3,0)-VLOOKUP(BF$1,városok!$A$2:$C$346,3,0))^2)/1000,0)</f>
        <v>169</v>
      </c>
      <c r="BG198">
        <f ca="1">ROUND(SQRT((VLOOKUP($A198,városok!$A$2:$C$346,2,0)-VLOOKUP(BG$1,városok!$A$2:$C$346,2,0))^2+(VLOOKUP($A198,városok!$A$2:$C$346,3,0)-VLOOKUP(BG$1,városok!$A$2:$C$346,3,0))^2)/1000,0)</f>
        <v>123</v>
      </c>
      <c r="BH198">
        <f ca="1">ROUND(SQRT((VLOOKUP($A198,városok!$A$2:$C$346,2,0)-VLOOKUP(BH$1,városok!$A$2:$C$346,2,0))^2+(VLOOKUP($A198,városok!$A$2:$C$346,3,0)-VLOOKUP(BH$1,városok!$A$2:$C$346,3,0))^2)/1000,0)</f>
        <v>123</v>
      </c>
      <c r="BI198">
        <f ca="1">ROUND(SQRT((VLOOKUP($A198,városok!$A$2:$C$346,2,0)-VLOOKUP(BI$1,városok!$A$2:$C$346,2,0))^2+(VLOOKUP($A198,városok!$A$2:$C$346,3,0)-VLOOKUP(BI$1,városok!$A$2:$C$346,3,0))^2)/1000,0)</f>
        <v>211</v>
      </c>
      <c r="BJ198">
        <f ca="1">ROUND(SQRT((VLOOKUP($A198,városok!$A$2:$C$346,2,0)-VLOOKUP(BJ$1,városok!$A$2:$C$346,2,0))^2+(VLOOKUP($A198,városok!$A$2:$C$346,3,0)-VLOOKUP(BJ$1,városok!$A$2:$C$346,3,0))^2)/1000,0)</f>
        <v>228</v>
      </c>
      <c r="BK198">
        <f ca="1">ROUND(SQRT((VLOOKUP($A198,városok!$A$2:$C$346,2,0)-VLOOKUP(BK$1,városok!$A$2:$C$346,2,0))^2+(VLOOKUP($A198,városok!$A$2:$C$346,3,0)-VLOOKUP(BK$1,városok!$A$2:$C$346,3,0))^2)/1000,0)</f>
        <v>213</v>
      </c>
      <c r="BL198">
        <f ca="1">ROUND(SQRT((VLOOKUP($A198,városok!$A$2:$C$346,2,0)-VLOOKUP(BL$1,városok!$A$2:$C$346,2,0))^2+(VLOOKUP($A198,városok!$A$2:$C$346,3,0)-VLOOKUP(BL$1,városok!$A$2:$C$346,3,0))^2)/1000,0)</f>
        <v>270</v>
      </c>
      <c r="BM198">
        <f ca="1">ROUND(SQRT((VLOOKUP($A198,városok!$A$2:$C$346,2,0)-VLOOKUP(BM$1,városok!$A$2:$C$346,2,0))^2+(VLOOKUP($A198,városok!$A$2:$C$346,3,0)-VLOOKUP(BM$1,városok!$A$2:$C$346,3,0))^2)/1000,0)</f>
        <v>236</v>
      </c>
      <c r="BN198">
        <f ca="1">ROUND(SQRT((VLOOKUP($A198,városok!$A$2:$C$346,2,0)-VLOOKUP(BN$1,városok!$A$2:$C$346,2,0))^2+(VLOOKUP($A198,városok!$A$2:$C$346,3,0)-VLOOKUP(BN$1,városok!$A$2:$C$346,3,0))^2)/1000,0)</f>
        <v>259</v>
      </c>
      <c r="BO198">
        <f ca="1">ROUND(SQRT((VLOOKUP($A198,városok!$A$2:$C$346,2,0)-VLOOKUP(BO$1,városok!$A$2:$C$346,2,0))^2+(VLOOKUP($A198,városok!$A$2:$C$346,3,0)-VLOOKUP(BO$1,városok!$A$2:$C$346,3,0))^2)/1000,0)</f>
        <v>181</v>
      </c>
      <c r="BP198">
        <f ca="1">ROUND(SQRT((VLOOKUP($A198,városok!$A$2:$C$346,2,0)-VLOOKUP(BP$1,városok!$A$2:$C$346,2,0))^2+(VLOOKUP($A198,városok!$A$2:$C$346,3,0)-VLOOKUP(BP$1,városok!$A$2:$C$346,3,0))^2)/1000,0)</f>
        <v>175</v>
      </c>
      <c r="BQ198">
        <f ca="1">ROUND(SQRT((VLOOKUP($A198,városok!$A$2:$C$346,2,0)-VLOOKUP(BQ$1,városok!$A$2:$C$346,2,0))^2+(VLOOKUP($A198,városok!$A$2:$C$346,3,0)-VLOOKUP(BQ$1,városok!$A$2:$C$346,3,0))^2)/1000,0)</f>
        <v>182</v>
      </c>
      <c r="BR198">
        <f ca="1">ROUND(SQRT((VLOOKUP($A198,városok!$A$2:$C$346,2,0)-VLOOKUP(BR$1,városok!$A$2:$C$346,2,0))^2+(VLOOKUP($A198,városok!$A$2:$C$346,3,0)-VLOOKUP(BR$1,városok!$A$2:$C$346,3,0))^2)/1000,0)</f>
        <v>244</v>
      </c>
      <c r="BS198">
        <f ca="1">ROUND(SQRT((VLOOKUP($A198,városok!$A$2:$C$346,2,0)-VLOOKUP(BS$1,városok!$A$2:$C$346,2,0))^2+(VLOOKUP($A198,városok!$A$2:$C$346,3,0)-VLOOKUP(BS$1,városok!$A$2:$C$346,3,0))^2)/1000,0)</f>
        <v>282</v>
      </c>
      <c r="BT198">
        <f ca="1">ROUND(SQRT((VLOOKUP($A198,városok!$A$2:$C$346,2,0)-VLOOKUP(BT$1,városok!$A$2:$C$346,2,0))^2+(VLOOKUP($A198,városok!$A$2:$C$346,3,0)-VLOOKUP(BT$1,városok!$A$2:$C$346,3,0))^2)/1000,0)</f>
        <v>265</v>
      </c>
    </row>
    <row r="199" spans="1:72" x14ac:dyDescent="0.2">
      <c r="A199" t="str">
        <f>városok!A199</f>
        <v>Szécsény</v>
      </c>
      <c r="B199">
        <f ca="1">ROUND(SQRT((VLOOKUP($A199,városok!$A$2:$C$346,2,0)-VLOOKUP(B$1,városok!$A$2:$C$346,2,0))^2+(VLOOKUP($A199,városok!$A$2:$C$346,3,0)-VLOOKUP(B$1,városok!$A$2:$C$346,3,0))^2)/1000,0)</f>
        <v>215</v>
      </c>
      <c r="C199">
        <f ca="1">ROUND(SQRT((VLOOKUP($A199,városok!$A$2:$C$346,2,0)-VLOOKUP(C$1,városok!$A$2:$C$346,2,0))^2+(VLOOKUP($A199,városok!$A$2:$C$346,3,0)-VLOOKUP(C$1,városok!$A$2:$C$346,3,0))^2)/1000,0)</f>
        <v>177</v>
      </c>
      <c r="D199">
        <f ca="1">ROUND(SQRT((VLOOKUP($A199,városok!$A$2:$C$346,2,0)-VLOOKUP(D$1,városok!$A$2:$C$346,2,0))^2+(VLOOKUP($A199,városok!$A$2:$C$346,3,0)-VLOOKUP(D$1,városok!$A$2:$C$346,3,0))^2)/1000,0)</f>
        <v>131</v>
      </c>
      <c r="E199">
        <f ca="1">ROUND(SQRT((VLOOKUP($A199,városok!$A$2:$C$346,2,0)-VLOOKUP(E$1,városok!$A$2:$C$346,2,0))^2+(VLOOKUP($A199,városok!$A$2:$C$346,3,0)-VLOOKUP(E$1,városok!$A$2:$C$346,3,0))^2)/1000,0)</f>
        <v>231</v>
      </c>
      <c r="F199">
        <f ca="1">ROUND(SQRT((VLOOKUP($A199,városok!$A$2:$C$346,2,0)-VLOOKUP(F$1,városok!$A$2:$C$346,2,0))^2+(VLOOKUP($A199,városok!$A$2:$C$346,3,0)-VLOOKUP(F$1,városok!$A$2:$C$346,3,0))^2)/1000,0)</f>
        <v>241</v>
      </c>
      <c r="G199">
        <f ca="1">ROUND(SQRT((VLOOKUP($A199,városok!$A$2:$C$346,2,0)-VLOOKUP(G$1,városok!$A$2:$C$346,2,0))^2+(VLOOKUP($A199,városok!$A$2:$C$346,3,0)-VLOOKUP(G$1,városok!$A$2:$C$346,3,0))^2)/1000,0)</f>
        <v>242</v>
      </c>
      <c r="H199">
        <f ca="1">ROUND(SQRT((VLOOKUP($A199,városok!$A$2:$C$346,2,0)-VLOOKUP(H$1,városok!$A$2:$C$346,2,0))^2+(VLOOKUP($A199,városok!$A$2:$C$346,3,0)-VLOOKUP(H$1,városok!$A$2:$C$346,3,0))^2)/1000,0)</f>
        <v>261</v>
      </c>
      <c r="I199">
        <f ca="1">ROUND(SQRT((VLOOKUP($A199,városok!$A$2:$C$346,2,0)-VLOOKUP(I$1,városok!$A$2:$C$346,2,0))^2+(VLOOKUP($A199,városok!$A$2:$C$346,3,0)-VLOOKUP(I$1,városok!$A$2:$C$346,3,0))^2)/1000,0)</f>
        <v>196</v>
      </c>
      <c r="J199">
        <f ca="1">ROUND(SQRT((VLOOKUP($A199,városok!$A$2:$C$346,2,0)-VLOOKUP(J$1,városok!$A$2:$C$346,2,0))^2+(VLOOKUP($A199,városok!$A$2:$C$346,3,0)-VLOOKUP(J$1,városok!$A$2:$C$346,3,0))^2)/1000,0)</f>
        <v>207</v>
      </c>
      <c r="K199">
        <f ca="1">ROUND(SQRT((VLOOKUP($A199,városok!$A$2:$C$346,2,0)-VLOOKUP(K$1,városok!$A$2:$C$346,2,0))^2+(VLOOKUP($A199,városok!$A$2:$C$346,3,0)-VLOOKUP(K$1,városok!$A$2:$C$346,3,0))^2)/1000,0)</f>
        <v>190</v>
      </c>
      <c r="L199">
        <f ca="1">ROUND(SQRT((VLOOKUP($A199,városok!$A$2:$C$346,2,0)-VLOOKUP(L$1,városok!$A$2:$C$346,2,0))^2+(VLOOKUP($A199,városok!$A$2:$C$346,3,0)-VLOOKUP(L$1,városok!$A$2:$C$346,3,0))^2)/1000,0)</f>
        <v>85</v>
      </c>
      <c r="M199">
        <f ca="1">ROUND(SQRT((VLOOKUP($A199,városok!$A$2:$C$346,2,0)-VLOOKUP(M$1,városok!$A$2:$C$346,2,0))^2+(VLOOKUP($A199,városok!$A$2:$C$346,3,0)-VLOOKUP(M$1,városok!$A$2:$C$346,3,0))^2)/1000,0)</f>
        <v>95</v>
      </c>
      <c r="N199">
        <f ca="1">ROUND(SQRT((VLOOKUP($A199,városok!$A$2:$C$346,2,0)-VLOOKUP(N$1,városok!$A$2:$C$346,2,0))^2+(VLOOKUP($A199,városok!$A$2:$C$346,3,0)-VLOOKUP(N$1,városok!$A$2:$C$346,3,0))^2)/1000,0)</f>
        <v>60</v>
      </c>
      <c r="O199">
        <f ca="1">ROUND(SQRT((VLOOKUP($A199,városok!$A$2:$C$346,2,0)-VLOOKUP(O$1,városok!$A$2:$C$346,2,0))^2+(VLOOKUP($A199,városok!$A$2:$C$346,3,0)-VLOOKUP(O$1,városok!$A$2:$C$346,3,0))^2)/1000,0)</f>
        <v>162</v>
      </c>
      <c r="P199">
        <f ca="1">ROUND(SQRT((VLOOKUP($A199,városok!$A$2:$C$346,2,0)-VLOOKUP(P$1,városok!$A$2:$C$346,2,0))^2+(VLOOKUP($A199,városok!$A$2:$C$346,3,0)-VLOOKUP(P$1,városok!$A$2:$C$346,3,0))^2)/1000,0)</f>
        <v>162</v>
      </c>
      <c r="Q199">
        <f ca="1">ROUND(SQRT((VLOOKUP($A199,városok!$A$2:$C$346,2,0)-VLOOKUP(Q$1,városok!$A$2:$C$346,2,0))^2+(VLOOKUP($A199,városok!$A$2:$C$346,3,0)-VLOOKUP(Q$1,városok!$A$2:$C$346,3,0))^2)/1000,0)</f>
        <v>194</v>
      </c>
      <c r="R199">
        <f ca="1">ROUND(SQRT((VLOOKUP($A199,városok!$A$2:$C$346,2,0)-VLOOKUP(R$1,városok!$A$2:$C$346,2,0))^2+(VLOOKUP($A199,városok!$A$2:$C$346,3,0)-VLOOKUP(R$1,városok!$A$2:$C$346,3,0))^2)/1000,0)</f>
        <v>219</v>
      </c>
      <c r="S199">
        <f ca="1">ROUND(SQRT((VLOOKUP($A199,városok!$A$2:$C$346,2,0)-VLOOKUP(S$1,városok!$A$2:$C$346,2,0))^2+(VLOOKUP($A199,városok!$A$2:$C$346,3,0)-VLOOKUP(S$1,városok!$A$2:$C$346,3,0))^2)/1000,0)</f>
        <v>209</v>
      </c>
      <c r="T199">
        <f ca="1">ROUND(SQRT((VLOOKUP($A199,városok!$A$2:$C$346,2,0)-VLOOKUP(T$1,városok!$A$2:$C$346,2,0))^2+(VLOOKUP($A199,városok!$A$2:$C$346,3,0)-VLOOKUP(T$1,városok!$A$2:$C$346,3,0))^2)/1000,0)</f>
        <v>93</v>
      </c>
      <c r="U199">
        <f ca="1">ROUND(SQRT((VLOOKUP($A199,városok!$A$2:$C$346,2,0)-VLOOKUP(U$1,városok!$A$2:$C$346,2,0))^2+(VLOOKUP($A199,városok!$A$2:$C$346,3,0)-VLOOKUP(U$1,városok!$A$2:$C$346,3,0))^2)/1000,0)</f>
        <v>131</v>
      </c>
      <c r="V199">
        <f ca="1">ROUND(SQRT((VLOOKUP($A199,városok!$A$2:$C$346,2,0)-VLOOKUP(V$1,városok!$A$2:$C$346,2,0))^2+(VLOOKUP($A199,városok!$A$2:$C$346,3,0)-VLOOKUP(V$1,városok!$A$2:$C$346,3,0))^2)/1000,0)</f>
        <v>146</v>
      </c>
      <c r="W199">
        <f ca="1">ROUND(SQRT((VLOOKUP($A199,városok!$A$2:$C$346,2,0)-VLOOKUP(W$1,városok!$A$2:$C$346,2,0))^2+(VLOOKUP($A199,városok!$A$2:$C$346,3,0)-VLOOKUP(W$1,városok!$A$2:$C$346,3,0))^2)/1000,0)</f>
        <v>149</v>
      </c>
      <c r="X199">
        <f ca="1">ROUND(SQRT((VLOOKUP($A199,városok!$A$2:$C$346,2,0)-VLOOKUP(X$1,városok!$A$2:$C$346,2,0))^2+(VLOOKUP($A199,városok!$A$2:$C$346,3,0)-VLOOKUP(X$1,városok!$A$2:$C$346,3,0))^2)/1000,0)</f>
        <v>125</v>
      </c>
      <c r="Y199">
        <f ca="1">ROUND(SQRT((VLOOKUP($A199,városok!$A$2:$C$346,2,0)-VLOOKUP(Y$1,városok!$A$2:$C$346,2,0))^2+(VLOOKUP($A199,városok!$A$2:$C$346,3,0)-VLOOKUP(Y$1,városok!$A$2:$C$346,3,0))^2)/1000,0)</f>
        <v>147</v>
      </c>
      <c r="Z199">
        <f ca="1">ROUND(SQRT((VLOOKUP($A199,városok!$A$2:$C$346,2,0)-VLOOKUP(Z$1,városok!$A$2:$C$346,2,0))^2+(VLOOKUP($A199,városok!$A$2:$C$346,3,0)-VLOOKUP(Z$1,városok!$A$2:$C$346,3,0))^2)/1000,0)</f>
        <v>164</v>
      </c>
      <c r="AA199">
        <f ca="1">ROUND(SQRT((VLOOKUP($A199,városok!$A$2:$C$346,2,0)-VLOOKUP(AA$1,városok!$A$2:$C$346,2,0))^2+(VLOOKUP($A199,városok!$A$2:$C$346,3,0)-VLOOKUP(AA$1,városok!$A$2:$C$346,3,0))^2)/1000,0)</f>
        <v>224</v>
      </c>
      <c r="AB199">
        <f ca="1">ROUND(SQRT((VLOOKUP($A199,városok!$A$2:$C$346,2,0)-VLOOKUP(AB$1,városok!$A$2:$C$346,2,0))^2+(VLOOKUP($A199,városok!$A$2:$C$346,3,0)-VLOOKUP(AB$1,városok!$A$2:$C$346,3,0))^2)/1000,0)</f>
        <v>170</v>
      </c>
      <c r="AC199">
        <f ca="1">ROUND(SQRT((VLOOKUP($A199,városok!$A$2:$C$346,2,0)-VLOOKUP(AC$1,városok!$A$2:$C$346,2,0))^2+(VLOOKUP($A199,városok!$A$2:$C$346,3,0)-VLOOKUP(AC$1,városok!$A$2:$C$346,3,0))^2)/1000,0)</f>
        <v>158</v>
      </c>
      <c r="AD199">
        <f ca="1">ROUND(SQRT((VLOOKUP($A199,városok!$A$2:$C$346,2,0)-VLOOKUP(AD$1,városok!$A$2:$C$346,2,0))^2+(VLOOKUP($A199,városok!$A$2:$C$346,3,0)-VLOOKUP(AD$1,városok!$A$2:$C$346,3,0))^2)/1000,0)</f>
        <v>143</v>
      </c>
      <c r="AE199">
        <f ca="1">ROUND(SQRT((VLOOKUP($A199,városok!$A$2:$C$346,2,0)-VLOOKUP(AE$1,városok!$A$2:$C$346,2,0))^2+(VLOOKUP($A199,városok!$A$2:$C$346,3,0)-VLOOKUP(AE$1,városok!$A$2:$C$346,3,0))^2)/1000,0)</f>
        <v>152</v>
      </c>
      <c r="AF199">
        <f ca="1">ROUND(SQRT((VLOOKUP($A199,városok!$A$2:$C$346,2,0)-VLOOKUP(AF$1,városok!$A$2:$C$346,2,0))^2+(VLOOKUP($A199,városok!$A$2:$C$346,3,0)-VLOOKUP(AF$1,városok!$A$2:$C$346,3,0))^2)/1000,0)</f>
        <v>67</v>
      </c>
      <c r="AG199">
        <f ca="1">ROUND(SQRT((VLOOKUP($A199,városok!$A$2:$C$346,2,0)-VLOOKUP(AG$1,városok!$A$2:$C$346,2,0))^2+(VLOOKUP($A199,városok!$A$2:$C$346,3,0)-VLOOKUP(AG$1,városok!$A$2:$C$346,3,0))^2)/1000,0)</f>
        <v>45</v>
      </c>
      <c r="AH199">
        <f ca="1">ROUND(SQRT((VLOOKUP($A199,városok!$A$2:$C$346,2,0)-VLOOKUP(AH$1,városok!$A$2:$C$346,2,0))^2+(VLOOKUP($A199,városok!$A$2:$C$346,3,0)-VLOOKUP(AH$1,városok!$A$2:$C$346,3,0))^2)/1000,0)</f>
        <v>47</v>
      </c>
      <c r="AI199">
        <f ca="1">ROUND(SQRT((VLOOKUP($A199,városok!$A$2:$C$346,2,0)-VLOOKUP(AI$1,városok!$A$2:$C$346,2,0))^2+(VLOOKUP($A199,városok!$A$2:$C$346,3,0)-VLOOKUP(AI$1,városok!$A$2:$C$346,3,0))^2)/1000,0)</f>
        <v>44</v>
      </c>
      <c r="AJ199">
        <f ca="1">ROUND(SQRT((VLOOKUP($A199,városok!$A$2:$C$346,2,0)-VLOOKUP(AJ$1,városok!$A$2:$C$346,2,0))^2+(VLOOKUP($A199,városok!$A$2:$C$346,3,0)-VLOOKUP(AJ$1,városok!$A$2:$C$346,3,0))^2)/1000,0)</f>
        <v>59</v>
      </c>
      <c r="AK199">
        <f ca="1">ROUND(SQRT((VLOOKUP($A199,városok!$A$2:$C$346,2,0)-VLOOKUP(AK$1,városok!$A$2:$C$346,2,0))^2+(VLOOKUP($A199,városok!$A$2:$C$346,3,0)-VLOOKUP(AK$1,városok!$A$2:$C$346,3,0))^2)/1000,0)</f>
        <v>141</v>
      </c>
      <c r="AL199">
        <f ca="1">ROUND(SQRT((VLOOKUP($A199,városok!$A$2:$C$346,2,0)-VLOOKUP(AL$1,városok!$A$2:$C$346,2,0))^2+(VLOOKUP($A199,városok!$A$2:$C$346,3,0)-VLOOKUP(AL$1,városok!$A$2:$C$346,3,0))^2)/1000,0)</f>
        <v>115</v>
      </c>
      <c r="AM199">
        <f ca="1">ROUND(SQRT((VLOOKUP($A199,városok!$A$2:$C$346,2,0)-VLOOKUP(AM$1,városok!$A$2:$C$346,2,0))^2+(VLOOKUP($A199,városok!$A$2:$C$346,3,0)-VLOOKUP(AM$1,városok!$A$2:$C$346,3,0))^2)/1000,0)</f>
        <v>112</v>
      </c>
      <c r="AN199">
        <f ca="1">ROUND(SQRT((VLOOKUP($A199,városok!$A$2:$C$346,2,0)-VLOOKUP(AN$1,városok!$A$2:$C$346,2,0))^2+(VLOOKUP($A199,városok!$A$2:$C$346,3,0)-VLOOKUP(AN$1,városok!$A$2:$C$346,3,0))^2)/1000,0)</f>
        <v>66</v>
      </c>
      <c r="AO199">
        <f ca="1">ROUND(SQRT((VLOOKUP($A199,városok!$A$2:$C$346,2,0)-VLOOKUP(AO$1,városok!$A$2:$C$346,2,0))^2+(VLOOKUP($A199,városok!$A$2:$C$346,3,0)-VLOOKUP(AO$1,városok!$A$2:$C$346,3,0))^2)/1000,0)</f>
        <v>111</v>
      </c>
      <c r="AP199">
        <f ca="1">ROUND(SQRT((VLOOKUP($A199,városok!$A$2:$C$346,2,0)-VLOOKUP(AP$1,városok!$A$2:$C$346,2,0))^2+(VLOOKUP($A199,városok!$A$2:$C$346,3,0)-VLOOKUP(AP$1,városok!$A$2:$C$346,3,0))^2)/1000,0)</f>
        <v>101</v>
      </c>
      <c r="AQ199">
        <f ca="1">ROUND(SQRT((VLOOKUP($A199,városok!$A$2:$C$346,2,0)-VLOOKUP(AQ$1,városok!$A$2:$C$346,2,0))^2+(VLOOKUP($A199,városok!$A$2:$C$346,3,0)-VLOOKUP(AQ$1,városok!$A$2:$C$346,3,0))^2)/1000,0)</f>
        <v>101</v>
      </c>
      <c r="AR199">
        <f ca="1">ROUND(SQRT((VLOOKUP($A199,városok!$A$2:$C$346,2,0)-VLOOKUP(AR$1,városok!$A$2:$C$346,2,0))^2+(VLOOKUP($A199,városok!$A$2:$C$346,3,0)-VLOOKUP(AR$1,városok!$A$2:$C$346,3,0))^2)/1000,0)</f>
        <v>22</v>
      </c>
      <c r="AS199">
        <f ca="1">ROUND(SQRT((VLOOKUP($A199,városok!$A$2:$C$346,2,0)-VLOOKUP(AS$1,városok!$A$2:$C$346,2,0))^2+(VLOOKUP($A199,városok!$A$2:$C$346,3,0)-VLOOKUP(AS$1,városok!$A$2:$C$346,3,0))^2)/1000,0)</f>
        <v>22</v>
      </c>
      <c r="AT199">
        <f ca="1">ROUND(SQRT((VLOOKUP($A199,városok!$A$2:$C$346,2,0)-VLOOKUP(AT$1,városok!$A$2:$C$346,2,0))^2+(VLOOKUP($A199,városok!$A$2:$C$346,3,0)-VLOOKUP(AT$1,városok!$A$2:$C$346,3,0))^2)/1000,0)</f>
        <v>86</v>
      </c>
      <c r="AU199">
        <f ca="1">ROUND(SQRT((VLOOKUP($A199,városok!$A$2:$C$346,2,0)-VLOOKUP(AU$1,városok!$A$2:$C$346,2,0))^2+(VLOOKUP($A199,városok!$A$2:$C$346,3,0)-VLOOKUP(AU$1,városok!$A$2:$C$346,3,0))^2)/1000,0)</f>
        <v>81</v>
      </c>
      <c r="AV199">
        <f ca="1">ROUND(SQRT((VLOOKUP($A199,városok!$A$2:$C$346,2,0)-VLOOKUP(AV$1,városok!$A$2:$C$346,2,0))^2+(VLOOKUP($A199,városok!$A$2:$C$346,3,0)-VLOOKUP(AV$1,városok!$A$2:$C$346,3,0))^2)/1000,0)</f>
        <v>86</v>
      </c>
      <c r="AW199">
        <f ca="1">ROUND(SQRT((VLOOKUP($A199,városok!$A$2:$C$346,2,0)-VLOOKUP(AW$1,városok!$A$2:$C$346,2,0))^2+(VLOOKUP($A199,városok!$A$2:$C$346,3,0)-VLOOKUP(AW$1,városok!$A$2:$C$346,3,0))^2)/1000,0)</f>
        <v>89</v>
      </c>
      <c r="AX199">
        <f ca="1">ROUND(SQRT((VLOOKUP($A199,városok!$A$2:$C$346,2,0)-VLOOKUP(AX$1,városok!$A$2:$C$346,2,0))^2+(VLOOKUP($A199,városok!$A$2:$C$346,3,0)-VLOOKUP(AX$1,városok!$A$2:$C$346,3,0))^2)/1000,0)</f>
        <v>118</v>
      </c>
      <c r="AY199">
        <f ca="1">ROUND(SQRT((VLOOKUP($A199,városok!$A$2:$C$346,2,0)-VLOOKUP(AY$1,városok!$A$2:$C$346,2,0))^2+(VLOOKUP($A199,városok!$A$2:$C$346,3,0)-VLOOKUP(AY$1,városok!$A$2:$C$346,3,0))^2)/1000,0)</f>
        <v>56</v>
      </c>
      <c r="AZ199">
        <f ca="1">ROUND(SQRT((VLOOKUP($A199,városok!$A$2:$C$346,2,0)-VLOOKUP(AZ$1,városok!$A$2:$C$346,2,0))^2+(VLOOKUP($A199,városok!$A$2:$C$346,3,0)-VLOOKUP(AZ$1,városok!$A$2:$C$346,3,0))^2)/1000,0)</f>
        <v>52</v>
      </c>
      <c r="BA199">
        <f ca="1">ROUND(SQRT((VLOOKUP($A199,városok!$A$2:$C$346,2,0)-VLOOKUP(BA$1,városok!$A$2:$C$346,2,0))^2+(VLOOKUP($A199,városok!$A$2:$C$346,3,0)-VLOOKUP(BA$1,városok!$A$2:$C$346,3,0))^2)/1000,0)</f>
        <v>199</v>
      </c>
      <c r="BB199">
        <f ca="1">ROUND(SQRT((VLOOKUP($A199,városok!$A$2:$C$346,2,0)-VLOOKUP(BB$1,városok!$A$2:$C$346,2,0))^2+(VLOOKUP($A199,városok!$A$2:$C$346,3,0)-VLOOKUP(BB$1,városok!$A$2:$C$346,3,0))^2)/1000,0)</f>
        <v>209</v>
      </c>
      <c r="BC199">
        <f ca="1">ROUND(SQRT((VLOOKUP($A199,városok!$A$2:$C$346,2,0)-VLOOKUP(BC$1,városok!$A$2:$C$346,2,0))^2+(VLOOKUP($A199,városok!$A$2:$C$346,3,0)-VLOOKUP(BC$1,városok!$A$2:$C$346,3,0))^2)/1000,0)</f>
        <v>232</v>
      </c>
      <c r="BD199">
        <f ca="1">ROUND(SQRT((VLOOKUP($A199,városok!$A$2:$C$346,2,0)-VLOOKUP(BD$1,városok!$A$2:$C$346,2,0))^2+(VLOOKUP($A199,városok!$A$2:$C$346,3,0)-VLOOKUP(BD$1,városok!$A$2:$C$346,3,0))^2)/1000,0)</f>
        <v>170</v>
      </c>
      <c r="BE199">
        <f ca="1">ROUND(SQRT((VLOOKUP($A199,városok!$A$2:$C$346,2,0)-VLOOKUP(BE$1,városok!$A$2:$C$346,2,0))^2+(VLOOKUP($A199,városok!$A$2:$C$346,3,0)-VLOOKUP(BE$1,városok!$A$2:$C$346,3,0))^2)/1000,0)</f>
        <v>237</v>
      </c>
      <c r="BF199">
        <f ca="1">ROUND(SQRT((VLOOKUP($A199,városok!$A$2:$C$346,2,0)-VLOOKUP(BF$1,városok!$A$2:$C$346,2,0))^2+(VLOOKUP($A199,városok!$A$2:$C$346,3,0)-VLOOKUP(BF$1,városok!$A$2:$C$346,3,0))^2)/1000,0)</f>
        <v>191</v>
      </c>
      <c r="BG199">
        <f ca="1">ROUND(SQRT((VLOOKUP($A199,városok!$A$2:$C$346,2,0)-VLOOKUP(BG$1,városok!$A$2:$C$346,2,0))^2+(VLOOKUP($A199,városok!$A$2:$C$346,3,0)-VLOOKUP(BG$1,városok!$A$2:$C$346,3,0))^2)/1000,0)</f>
        <v>145</v>
      </c>
      <c r="BH199">
        <f ca="1">ROUND(SQRT((VLOOKUP($A199,városok!$A$2:$C$346,2,0)-VLOOKUP(BH$1,városok!$A$2:$C$346,2,0))^2+(VLOOKUP($A199,városok!$A$2:$C$346,3,0)-VLOOKUP(BH$1,városok!$A$2:$C$346,3,0))^2)/1000,0)</f>
        <v>145</v>
      </c>
      <c r="BI199">
        <f ca="1">ROUND(SQRT((VLOOKUP($A199,városok!$A$2:$C$346,2,0)-VLOOKUP(BI$1,városok!$A$2:$C$346,2,0))^2+(VLOOKUP($A199,városok!$A$2:$C$346,3,0)-VLOOKUP(BI$1,városok!$A$2:$C$346,3,0))^2)/1000,0)</f>
        <v>199</v>
      </c>
      <c r="BJ199">
        <f ca="1">ROUND(SQRT((VLOOKUP($A199,városok!$A$2:$C$346,2,0)-VLOOKUP(BJ$1,városok!$A$2:$C$346,2,0))^2+(VLOOKUP($A199,városok!$A$2:$C$346,3,0)-VLOOKUP(BJ$1,városok!$A$2:$C$346,3,0))^2)/1000,0)</f>
        <v>215</v>
      </c>
      <c r="BK199">
        <f ca="1">ROUND(SQRT((VLOOKUP($A199,városok!$A$2:$C$346,2,0)-VLOOKUP(BK$1,városok!$A$2:$C$346,2,0))^2+(VLOOKUP($A199,városok!$A$2:$C$346,3,0)-VLOOKUP(BK$1,városok!$A$2:$C$346,3,0))^2)/1000,0)</f>
        <v>202</v>
      </c>
      <c r="BL199">
        <f ca="1">ROUND(SQRT((VLOOKUP($A199,városok!$A$2:$C$346,2,0)-VLOOKUP(BL$1,városok!$A$2:$C$346,2,0))^2+(VLOOKUP($A199,városok!$A$2:$C$346,3,0)-VLOOKUP(BL$1,városok!$A$2:$C$346,3,0))^2)/1000,0)</f>
        <v>249</v>
      </c>
      <c r="BM199">
        <f ca="1">ROUND(SQRT((VLOOKUP($A199,városok!$A$2:$C$346,2,0)-VLOOKUP(BM$1,városok!$A$2:$C$346,2,0))^2+(VLOOKUP($A199,városok!$A$2:$C$346,3,0)-VLOOKUP(BM$1,városok!$A$2:$C$346,3,0))^2)/1000,0)</f>
        <v>215</v>
      </c>
      <c r="BN199">
        <f ca="1">ROUND(SQRT((VLOOKUP($A199,városok!$A$2:$C$346,2,0)-VLOOKUP(BN$1,városok!$A$2:$C$346,2,0))^2+(VLOOKUP($A199,városok!$A$2:$C$346,3,0)-VLOOKUP(BN$1,városok!$A$2:$C$346,3,0))^2)/1000,0)</f>
        <v>237</v>
      </c>
      <c r="BO199">
        <f ca="1">ROUND(SQRT((VLOOKUP($A199,városok!$A$2:$C$346,2,0)-VLOOKUP(BO$1,városok!$A$2:$C$346,2,0))^2+(VLOOKUP($A199,városok!$A$2:$C$346,3,0)-VLOOKUP(BO$1,városok!$A$2:$C$346,3,0))^2)/1000,0)</f>
        <v>163</v>
      </c>
      <c r="BP199">
        <f ca="1">ROUND(SQRT((VLOOKUP($A199,városok!$A$2:$C$346,2,0)-VLOOKUP(BP$1,városok!$A$2:$C$346,2,0))^2+(VLOOKUP($A199,városok!$A$2:$C$346,3,0)-VLOOKUP(BP$1,városok!$A$2:$C$346,3,0))^2)/1000,0)</f>
        <v>157</v>
      </c>
      <c r="BQ199">
        <f ca="1">ROUND(SQRT((VLOOKUP($A199,városok!$A$2:$C$346,2,0)-VLOOKUP(BQ$1,városok!$A$2:$C$346,2,0))^2+(VLOOKUP($A199,városok!$A$2:$C$346,3,0)-VLOOKUP(BQ$1,városok!$A$2:$C$346,3,0))^2)/1000,0)</f>
        <v>163</v>
      </c>
      <c r="BR199">
        <f ca="1">ROUND(SQRT((VLOOKUP($A199,városok!$A$2:$C$346,2,0)-VLOOKUP(BR$1,városok!$A$2:$C$346,2,0))^2+(VLOOKUP($A199,városok!$A$2:$C$346,3,0)-VLOOKUP(BR$1,városok!$A$2:$C$346,3,0))^2)/1000,0)</f>
        <v>224</v>
      </c>
      <c r="BS199">
        <f ca="1">ROUND(SQRT((VLOOKUP($A199,városok!$A$2:$C$346,2,0)-VLOOKUP(BS$1,városok!$A$2:$C$346,2,0))^2+(VLOOKUP($A199,városok!$A$2:$C$346,3,0)-VLOOKUP(BS$1,városok!$A$2:$C$346,3,0))^2)/1000,0)</f>
        <v>263</v>
      </c>
      <c r="BT199">
        <f ca="1">ROUND(SQRT((VLOOKUP($A199,városok!$A$2:$C$346,2,0)-VLOOKUP(BT$1,városok!$A$2:$C$346,2,0))^2+(VLOOKUP($A199,városok!$A$2:$C$346,3,0)-VLOOKUP(BT$1,városok!$A$2:$C$346,3,0))^2)/1000,0)</f>
        <v>245</v>
      </c>
    </row>
    <row r="200" spans="1:72" x14ac:dyDescent="0.2">
      <c r="A200" t="str">
        <f>városok!A200</f>
        <v>Abony</v>
      </c>
      <c r="B200">
        <f ca="1">ROUND(SQRT((VLOOKUP($A200,városok!$A$2:$C$346,2,0)-VLOOKUP(B$1,városok!$A$2:$C$346,2,0))^2+(VLOOKUP($A200,városok!$A$2:$C$346,3,0)-VLOOKUP(B$1,városok!$A$2:$C$346,3,0))^2)/1000,0)</f>
        <v>138</v>
      </c>
      <c r="C200">
        <f ca="1">ROUND(SQRT((VLOOKUP($A200,városok!$A$2:$C$346,2,0)-VLOOKUP(C$1,városok!$A$2:$C$346,2,0))^2+(VLOOKUP($A200,városok!$A$2:$C$346,3,0)-VLOOKUP(C$1,városok!$A$2:$C$346,3,0))^2)/1000,0)</f>
        <v>108</v>
      </c>
      <c r="D200">
        <f ca="1">ROUND(SQRT((VLOOKUP($A200,városok!$A$2:$C$346,2,0)-VLOOKUP(D$1,városok!$A$2:$C$346,2,0))^2+(VLOOKUP($A200,városok!$A$2:$C$346,3,0)-VLOOKUP(D$1,városok!$A$2:$C$346,3,0))^2)/1000,0)</f>
        <v>40</v>
      </c>
      <c r="E200">
        <f ca="1">ROUND(SQRT((VLOOKUP($A200,városok!$A$2:$C$346,2,0)-VLOOKUP(E$1,városok!$A$2:$C$346,2,0))^2+(VLOOKUP($A200,városok!$A$2:$C$346,3,0)-VLOOKUP(E$1,városok!$A$2:$C$346,3,0))^2)/1000,0)</f>
        <v>174</v>
      </c>
      <c r="F200">
        <f ca="1">ROUND(SQRT((VLOOKUP($A200,városok!$A$2:$C$346,2,0)-VLOOKUP(F$1,városok!$A$2:$C$346,2,0))^2+(VLOOKUP($A200,városok!$A$2:$C$346,3,0)-VLOOKUP(F$1,városok!$A$2:$C$346,3,0))^2)/1000,0)</f>
        <v>168</v>
      </c>
      <c r="G200">
        <f ca="1">ROUND(SQRT((VLOOKUP($A200,városok!$A$2:$C$346,2,0)-VLOOKUP(G$1,városok!$A$2:$C$346,2,0))^2+(VLOOKUP($A200,városok!$A$2:$C$346,3,0)-VLOOKUP(G$1,városok!$A$2:$C$346,3,0))^2)/1000,0)</f>
        <v>183</v>
      </c>
      <c r="H200">
        <f ca="1">ROUND(SQRT((VLOOKUP($A200,városok!$A$2:$C$346,2,0)-VLOOKUP(H$1,városok!$A$2:$C$346,2,0))^2+(VLOOKUP($A200,városok!$A$2:$C$346,3,0)-VLOOKUP(H$1,városok!$A$2:$C$346,3,0))^2)/1000,0)</f>
        <v>212</v>
      </c>
      <c r="I200">
        <f ca="1">ROUND(SQRT((VLOOKUP($A200,városok!$A$2:$C$346,2,0)-VLOOKUP(I$1,városok!$A$2:$C$346,2,0))^2+(VLOOKUP($A200,városok!$A$2:$C$346,3,0)-VLOOKUP(I$1,városok!$A$2:$C$346,3,0))^2)/1000,0)</f>
        <v>100</v>
      </c>
      <c r="J200">
        <f ca="1">ROUND(SQRT((VLOOKUP($A200,városok!$A$2:$C$346,2,0)-VLOOKUP(J$1,városok!$A$2:$C$346,2,0))^2+(VLOOKUP($A200,városok!$A$2:$C$346,3,0)-VLOOKUP(J$1,városok!$A$2:$C$346,3,0))^2)/1000,0)</f>
        <v>114</v>
      </c>
      <c r="K200">
        <f ca="1">ROUND(SQRT((VLOOKUP($A200,városok!$A$2:$C$346,2,0)-VLOOKUP(K$1,városok!$A$2:$C$346,2,0))^2+(VLOOKUP($A200,városok!$A$2:$C$346,3,0)-VLOOKUP(K$1,városok!$A$2:$C$346,3,0))^2)/1000,0)</f>
        <v>86</v>
      </c>
      <c r="L200">
        <f ca="1">ROUND(SQRT((VLOOKUP($A200,városok!$A$2:$C$346,2,0)-VLOOKUP(L$1,városok!$A$2:$C$346,2,0))^2+(VLOOKUP($A200,városok!$A$2:$C$346,3,0)-VLOOKUP(L$1,városok!$A$2:$C$346,3,0))^2)/1000,0)</f>
        <v>127</v>
      </c>
      <c r="M200">
        <f ca="1">ROUND(SQRT((VLOOKUP($A200,városok!$A$2:$C$346,2,0)-VLOOKUP(M$1,városok!$A$2:$C$346,2,0))^2+(VLOOKUP($A200,városok!$A$2:$C$346,3,0)-VLOOKUP(M$1,városok!$A$2:$C$346,3,0))^2)/1000,0)</f>
        <v>117</v>
      </c>
      <c r="N200">
        <f ca="1">ROUND(SQRT((VLOOKUP($A200,városok!$A$2:$C$346,2,0)-VLOOKUP(N$1,városok!$A$2:$C$346,2,0))^2+(VLOOKUP($A200,városok!$A$2:$C$346,3,0)-VLOOKUP(N$1,városok!$A$2:$C$346,3,0))^2)/1000,0)</f>
        <v>116</v>
      </c>
      <c r="O200">
        <f ca="1">ROUND(SQRT((VLOOKUP($A200,városok!$A$2:$C$346,2,0)-VLOOKUP(O$1,városok!$A$2:$C$346,2,0))^2+(VLOOKUP($A200,városok!$A$2:$C$346,3,0)-VLOOKUP(O$1,városok!$A$2:$C$346,3,0))^2)/1000,0)</f>
        <v>182</v>
      </c>
      <c r="P200">
        <f ca="1">ROUND(SQRT((VLOOKUP($A200,városok!$A$2:$C$346,2,0)-VLOOKUP(P$1,városok!$A$2:$C$346,2,0))^2+(VLOOKUP($A200,városok!$A$2:$C$346,3,0)-VLOOKUP(P$1,városok!$A$2:$C$346,3,0))^2)/1000,0)</f>
        <v>182</v>
      </c>
      <c r="Q200">
        <f ca="1">ROUND(SQRT((VLOOKUP($A200,városok!$A$2:$C$346,2,0)-VLOOKUP(Q$1,városok!$A$2:$C$346,2,0))^2+(VLOOKUP($A200,városok!$A$2:$C$346,3,0)-VLOOKUP(Q$1,városok!$A$2:$C$346,3,0))^2)/1000,0)</f>
        <v>89</v>
      </c>
      <c r="R200">
        <f ca="1">ROUND(SQRT((VLOOKUP($A200,városok!$A$2:$C$346,2,0)-VLOOKUP(R$1,városok!$A$2:$C$346,2,0))^2+(VLOOKUP($A200,városok!$A$2:$C$346,3,0)-VLOOKUP(R$1,városok!$A$2:$C$346,3,0))^2)/1000,0)</f>
        <v>114</v>
      </c>
      <c r="S200">
        <f ca="1">ROUND(SQRT((VLOOKUP($A200,városok!$A$2:$C$346,2,0)-VLOOKUP(S$1,városok!$A$2:$C$346,2,0))^2+(VLOOKUP($A200,városok!$A$2:$C$346,3,0)-VLOOKUP(S$1,városok!$A$2:$C$346,3,0))^2)/1000,0)</f>
        <v>106</v>
      </c>
      <c r="T200">
        <f ca="1">ROUND(SQRT((VLOOKUP($A200,városok!$A$2:$C$346,2,0)-VLOOKUP(T$1,városok!$A$2:$C$346,2,0))^2+(VLOOKUP($A200,városok!$A$2:$C$346,3,0)-VLOOKUP(T$1,városok!$A$2:$C$346,3,0))^2)/1000,0)</f>
        <v>109</v>
      </c>
      <c r="U200">
        <f ca="1">ROUND(SQRT((VLOOKUP($A200,városok!$A$2:$C$346,2,0)-VLOOKUP(U$1,városok!$A$2:$C$346,2,0))^2+(VLOOKUP($A200,városok!$A$2:$C$346,3,0)-VLOOKUP(U$1,városok!$A$2:$C$346,3,0))^2)/1000,0)</f>
        <v>85</v>
      </c>
      <c r="V200">
        <f ca="1">ROUND(SQRT((VLOOKUP($A200,városok!$A$2:$C$346,2,0)-VLOOKUP(V$1,városok!$A$2:$C$346,2,0))^2+(VLOOKUP($A200,városok!$A$2:$C$346,3,0)-VLOOKUP(V$1,városok!$A$2:$C$346,3,0))^2)/1000,0)</f>
        <v>130</v>
      </c>
      <c r="W200">
        <f ca="1">ROUND(SQRT((VLOOKUP($A200,városok!$A$2:$C$346,2,0)-VLOOKUP(W$1,városok!$A$2:$C$346,2,0))^2+(VLOOKUP($A200,városok!$A$2:$C$346,3,0)-VLOOKUP(W$1,városok!$A$2:$C$346,3,0))^2)/1000,0)</f>
        <v>111</v>
      </c>
      <c r="X200">
        <f ca="1">ROUND(SQRT((VLOOKUP($A200,városok!$A$2:$C$346,2,0)-VLOOKUP(X$1,városok!$A$2:$C$346,2,0))^2+(VLOOKUP($A200,városok!$A$2:$C$346,3,0)-VLOOKUP(X$1,városok!$A$2:$C$346,3,0))^2)/1000,0)</f>
        <v>128</v>
      </c>
      <c r="Y200">
        <f ca="1">ROUND(SQRT((VLOOKUP($A200,városok!$A$2:$C$346,2,0)-VLOOKUP(Y$1,városok!$A$2:$C$346,2,0))^2+(VLOOKUP($A200,városok!$A$2:$C$346,3,0)-VLOOKUP(Y$1,városok!$A$2:$C$346,3,0))^2)/1000,0)</f>
        <v>187</v>
      </c>
      <c r="Z200">
        <f ca="1">ROUND(SQRT((VLOOKUP($A200,városok!$A$2:$C$346,2,0)-VLOOKUP(Z$1,városok!$A$2:$C$346,2,0))^2+(VLOOKUP($A200,városok!$A$2:$C$346,3,0)-VLOOKUP(Z$1,városok!$A$2:$C$346,3,0))^2)/1000,0)</f>
        <v>206</v>
      </c>
      <c r="AA200">
        <f ca="1">ROUND(SQRT((VLOOKUP($A200,városok!$A$2:$C$346,2,0)-VLOOKUP(AA$1,városok!$A$2:$C$346,2,0))^2+(VLOOKUP($A200,városok!$A$2:$C$346,3,0)-VLOOKUP(AA$1,városok!$A$2:$C$346,3,0))^2)/1000,0)</f>
        <v>264</v>
      </c>
      <c r="AB200">
        <f ca="1">ROUND(SQRT((VLOOKUP($A200,városok!$A$2:$C$346,2,0)-VLOOKUP(AB$1,városok!$A$2:$C$346,2,0))^2+(VLOOKUP($A200,városok!$A$2:$C$346,3,0)-VLOOKUP(AB$1,városok!$A$2:$C$346,3,0))^2)/1000,0)</f>
        <v>128</v>
      </c>
      <c r="AC200">
        <f ca="1">ROUND(SQRT((VLOOKUP($A200,városok!$A$2:$C$346,2,0)-VLOOKUP(AC$1,városok!$A$2:$C$346,2,0))^2+(VLOOKUP($A200,városok!$A$2:$C$346,3,0)-VLOOKUP(AC$1,városok!$A$2:$C$346,3,0))^2)/1000,0)</f>
        <v>108</v>
      </c>
      <c r="AD200">
        <f ca="1">ROUND(SQRT((VLOOKUP($A200,városok!$A$2:$C$346,2,0)-VLOOKUP(AD$1,városok!$A$2:$C$346,2,0))^2+(VLOOKUP($A200,városok!$A$2:$C$346,3,0)-VLOOKUP(AD$1,városok!$A$2:$C$346,3,0))^2)/1000,0)</f>
        <v>91</v>
      </c>
      <c r="AE200">
        <f ca="1">ROUND(SQRT((VLOOKUP($A200,városok!$A$2:$C$346,2,0)-VLOOKUP(AE$1,városok!$A$2:$C$346,2,0))^2+(VLOOKUP($A200,városok!$A$2:$C$346,3,0)-VLOOKUP(AE$1,városok!$A$2:$C$346,3,0))^2)/1000,0)</f>
        <v>88</v>
      </c>
      <c r="AF200">
        <f ca="1">ROUND(SQRT((VLOOKUP($A200,városok!$A$2:$C$346,2,0)-VLOOKUP(AF$1,városok!$A$2:$C$346,2,0))^2+(VLOOKUP($A200,városok!$A$2:$C$346,3,0)-VLOOKUP(AF$1,városok!$A$2:$C$346,3,0))^2)/1000,0)</f>
        <v>84</v>
      </c>
      <c r="AG200">
        <f ca="1">ROUND(SQRT((VLOOKUP($A200,városok!$A$2:$C$346,2,0)-VLOOKUP(AG$1,városok!$A$2:$C$346,2,0))^2+(VLOOKUP($A200,városok!$A$2:$C$346,3,0)-VLOOKUP(AG$1,városok!$A$2:$C$346,3,0))^2)/1000,0)</f>
        <v>66</v>
      </c>
      <c r="AH200">
        <f ca="1">ROUND(SQRT((VLOOKUP($A200,városok!$A$2:$C$346,2,0)-VLOOKUP(AH$1,városok!$A$2:$C$346,2,0))^2+(VLOOKUP($A200,városok!$A$2:$C$346,3,0)-VLOOKUP(AH$1,városok!$A$2:$C$346,3,0))^2)/1000,0)</f>
        <v>58</v>
      </c>
      <c r="AI200">
        <f ca="1">ROUND(SQRT((VLOOKUP($A200,városok!$A$2:$C$346,2,0)-VLOOKUP(AI$1,városok!$A$2:$C$346,2,0))^2+(VLOOKUP($A200,városok!$A$2:$C$346,3,0)-VLOOKUP(AI$1,városok!$A$2:$C$346,3,0))^2)/1000,0)</f>
        <v>92</v>
      </c>
      <c r="AJ200">
        <f ca="1">ROUND(SQRT((VLOOKUP($A200,városok!$A$2:$C$346,2,0)-VLOOKUP(AJ$1,városok!$A$2:$C$346,2,0))^2+(VLOOKUP($A200,városok!$A$2:$C$346,3,0)-VLOOKUP(AJ$1,városok!$A$2:$C$346,3,0))^2)/1000,0)</f>
        <v>50</v>
      </c>
      <c r="AK200">
        <f ca="1">ROUND(SQRT((VLOOKUP($A200,városok!$A$2:$C$346,2,0)-VLOOKUP(AK$1,városok!$A$2:$C$346,2,0))^2+(VLOOKUP($A200,városok!$A$2:$C$346,3,0)-VLOOKUP(AK$1,városok!$A$2:$C$346,3,0))^2)/1000,0)</f>
        <v>74</v>
      </c>
      <c r="AL200">
        <f ca="1">ROUND(SQRT((VLOOKUP($A200,városok!$A$2:$C$346,2,0)-VLOOKUP(AL$1,városok!$A$2:$C$346,2,0))^2+(VLOOKUP($A200,városok!$A$2:$C$346,3,0)-VLOOKUP(AL$1,városok!$A$2:$C$346,3,0))^2)/1000,0)</f>
        <v>51</v>
      </c>
      <c r="AM200">
        <f ca="1">ROUND(SQRT((VLOOKUP($A200,városok!$A$2:$C$346,2,0)-VLOOKUP(AM$1,városok!$A$2:$C$346,2,0))^2+(VLOOKUP($A200,városok!$A$2:$C$346,3,0)-VLOOKUP(AM$1,városok!$A$2:$C$346,3,0))^2)/1000,0)</f>
        <v>13</v>
      </c>
      <c r="AN200">
        <f ca="1">ROUND(SQRT((VLOOKUP($A200,városok!$A$2:$C$346,2,0)-VLOOKUP(AN$1,városok!$A$2:$C$346,2,0))^2+(VLOOKUP($A200,városok!$A$2:$C$346,3,0)-VLOOKUP(AN$1,városok!$A$2:$C$346,3,0))^2)/1000,0)</f>
        <v>116</v>
      </c>
      <c r="AO200">
        <f ca="1">ROUND(SQRT((VLOOKUP($A200,városok!$A$2:$C$346,2,0)-VLOOKUP(AO$1,városok!$A$2:$C$346,2,0))^2+(VLOOKUP($A200,városok!$A$2:$C$346,3,0)-VLOOKUP(AO$1,városok!$A$2:$C$346,3,0))^2)/1000,0)</f>
        <v>155</v>
      </c>
      <c r="AP200">
        <f ca="1">ROUND(SQRT((VLOOKUP($A200,városok!$A$2:$C$346,2,0)-VLOOKUP(AP$1,városok!$A$2:$C$346,2,0))^2+(VLOOKUP($A200,városok!$A$2:$C$346,3,0)-VLOOKUP(AP$1,városok!$A$2:$C$346,3,0))^2)/1000,0)</f>
        <v>136</v>
      </c>
      <c r="AQ200">
        <f ca="1">ROUND(SQRT((VLOOKUP($A200,városok!$A$2:$C$346,2,0)-VLOOKUP(AQ$1,városok!$A$2:$C$346,2,0))^2+(VLOOKUP($A200,városok!$A$2:$C$346,3,0)-VLOOKUP(AQ$1,városok!$A$2:$C$346,3,0))^2)/1000,0)</f>
        <v>128</v>
      </c>
      <c r="AR200">
        <f ca="1">ROUND(SQRT((VLOOKUP($A200,városok!$A$2:$C$346,2,0)-VLOOKUP(AR$1,városok!$A$2:$C$346,2,0))^2+(VLOOKUP($A200,városok!$A$2:$C$346,3,0)-VLOOKUP(AR$1,városok!$A$2:$C$346,3,0))^2)/1000,0)</f>
        <v>84</v>
      </c>
      <c r="AS200">
        <f ca="1">ROUND(SQRT((VLOOKUP($A200,városok!$A$2:$C$346,2,0)-VLOOKUP(AS$1,városok!$A$2:$C$346,2,0))^2+(VLOOKUP($A200,városok!$A$2:$C$346,3,0)-VLOOKUP(AS$1,városok!$A$2:$C$346,3,0))^2)/1000,0)</f>
        <v>103</v>
      </c>
      <c r="AT200">
        <f ca="1">ROUND(SQRT((VLOOKUP($A200,városok!$A$2:$C$346,2,0)-VLOOKUP(AT$1,városok!$A$2:$C$346,2,0))^2+(VLOOKUP($A200,városok!$A$2:$C$346,3,0)-VLOOKUP(AT$1,városok!$A$2:$C$346,3,0))^2)/1000,0)</f>
        <v>95</v>
      </c>
      <c r="AU200">
        <f ca="1">ROUND(SQRT((VLOOKUP($A200,városok!$A$2:$C$346,2,0)-VLOOKUP(AU$1,városok!$A$2:$C$346,2,0))^2+(VLOOKUP($A200,városok!$A$2:$C$346,3,0)-VLOOKUP(AU$1,városok!$A$2:$C$346,3,0))^2)/1000,0)</f>
        <v>85</v>
      </c>
      <c r="AV200">
        <f ca="1">ROUND(SQRT((VLOOKUP($A200,városok!$A$2:$C$346,2,0)-VLOOKUP(AV$1,városok!$A$2:$C$346,2,0))^2+(VLOOKUP($A200,városok!$A$2:$C$346,3,0)-VLOOKUP(AV$1,városok!$A$2:$C$346,3,0))^2)/1000,0)</f>
        <v>84</v>
      </c>
      <c r="AW200">
        <f ca="1">ROUND(SQRT((VLOOKUP($A200,városok!$A$2:$C$346,2,0)-VLOOKUP(AW$1,városok!$A$2:$C$346,2,0))^2+(VLOOKUP($A200,városok!$A$2:$C$346,3,0)-VLOOKUP(AW$1,városok!$A$2:$C$346,3,0))^2)/1000,0)</f>
        <v>86</v>
      </c>
      <c r="AX200">
        <f ca="1">ROUND(SQRT((VLOOKUP($A200,városok!$A$2:$C$346,2,0)-VLOOKUP(AX$1,városok!$A$2:$C$346,2,0))^2+(VLOOKUP($A200,városok!$A$2:$C$346,3,0)-VLOOKUP(AX$1,városok!$A$2:$C$346,3,0))^2)/1000,0)</f>
        <v>25</v>
      </c>
      <c r="AY200">
        <f ca="1">ROUND(SQRT((VLOOKUP($A200,városok!$A$2:$C$346,2,0)-VLOOKUP(AY$1,városok!$A$2:$C$346,2,0))^2+(VLOOKUP($A200,városok!$A$2:$C$346,3,0)-VLOOKUP(AY$1,városok!$A$2:$C$346,3,0))^2)/1000,0)</f>
        <v>90</v>
      </c>
      <c r="AZ200">
        <f ca="1">ROUND(SQRT((VLOOKUP($A200,városok!$A$2:$C$346,2,0)-VLOOKUP(AZ$1,városok!$A$2:$C$346,2,0))^2+(VLOOKUP($A200,városok!$A$2:$C$346,3,0)-VLOOKUP(AZ$1,városok!$A$2:$C$346,3,0))^2)/1000,0)</f>
        <v>102</v>
      </c>
      <c r="BA200">
        <f ca="1">ROUND(SQRT((VLOOKUP($A200,városok!$A$2:$C$346,2,0)-VLOOKUP(BA$1,városok!$A$2:$C$346,2,0))^2+(VLOOKUP($A200,városok!$A$2:$C$346,3,0)-VLOOKUP(BA$1,városok!$A$2:$C$346,3,0))^2)/1000,0)</f>
        <v>181</v>
      </c>
      <c r="BB200">
        <f ca="1">ROUND(SQRT((VLOOKUP($A200,városok!$A$2:$C$346,2,0)-VLOOKUP(BB$1,városok!$A$2:$C$346,2,0))^2+(VLOOKUP($A200,városok!$A$2:$C$346,3,0)-VLOOKUP(BB$1,városok!$A$2:$C$346,3,0))^2)/1000,0)</f>
        <v>174</v>
      </c>
      <c r="BC200">
        <f ca="1">ROUND(SQRT((VLOOKUP($A200,városok!$A$2:$C$346,2,0)-VLOOKUP(BC$1,városok!$A$2:$C$346,2,0))^2+(VLOOKUP($A200,városok!$A$2:$C$346,3,0)-VLOOKUP(BC$1,városok!$A$2:$C$346,3,0))^2)/1000,0)</f>
        <v>193</v>
      </c>
      <c r="BD200">
        <f ca="1">ROUND(SQRT((VLOOKUP($A200,városok!$A$2:$C$346,2,0)-VLOOKUP(BD$1,városok!$A$2:$C$346,2,0))^2+(VLOOKUP($A200,városok!$A$2:$C$346,3,0)-VLOOKUP(BD$1,városok!$A$2:$C$346,3,0))^2)/1000,0)</f>
        <v>151</v>
      </c>
      <c r="BE200">
        <f ca="1">ROUND(SQRT((VLOOKUP($A200,városok!$A$2:$C$346,2,0)-VLOOKUP(BE$1,városok!$A$2:$C$346,2,0))^2+(VLOOKUP($A200,városok!$A$2:$C$346,3,0)-VLOOKUP(BE$1,városok!$A$2:$C$346,3,0))^2)/1000,0)</f>
        <v>213</v>
      </c>
      <c r="BF200">
        <f ca="1">ROUND(SQRT((VLOOKUP($A200,városok!$A$2:$C$346,2,0)-VLOOKUP(BF$1,városok!$A$2:$C$346,2,0))^2+(VLOOKUP($A200,városok!$A$2:$C$346,3,0)-VLOOKUP(BF$1,városok!$A$2:$C$346,3,0))^2)/1000,0)</f>
        <v>193</v>
      </c>
      <c r="BG200">
        <f ca="1">ROUND(SQRT((VLOOKUP($A200,városok!$A$2:$C$346,2,0)-VLOOKUP(BG$1,városok!$A$2:$C$346,2,0))^2+(VLOOKUP($A200,városok!$A$2:$C$346,3,0)-VLOOKUP(BG$1,városok!$A$2:$C$346,3,0))^2)/1000,0)</f>
        <v>151</v>
      </c>
      <c r="BH200">
        <f ca="1">ROUND(SQRT((VLOOKUP($A200,városok!$A$2:$C$346,2,0)-VLOOKUP(BH$1,városok!$A$2:$C$346,2,0))^2+(VLOOKUP($A200,városok!$A$2:$C$346,3,0)-VLOOKUP(BH$1,városok!$A$2:$C$346,3,0))^2)/1000,0)</f>
        <v>151</v>
      </c>
      <c r="BI200">
        <f ca="1">ROUND(SQRT((VLOOKUP($A200,városok!$A$2:$C$346,2,0)-VLOOKUP(BI$1,városok!$A$2:$C$346,2,0))^2+(VLOOKUP($A200,városok!$A$2:$C$346,3,0)-VLOOKUP(BI$1,városok!$A$2:$C$346,3,0))^2)/1000,0)</f>
        <v>138</v>
      </c>
      <c r="BJ200">
        <f ca="1">ROUND(SQRT((VLOOKUP($A200,városok!$A$2:$C$346,2,0)-VLOOKUP(BJ$1,városok!$A$2:$C$346,2,0))^2+(VLOOKUP($A200,városok!$A$2:$C$346,3,0)-VLOOKUP(BJ$1,városok!$A$2:$C$346,3,0))^2)/1000,0)</f>
        <v>156</v>
      </c>
      <c r="BK200">
        <f ca="1">ROUND(SQRT((VLOOKUP($A200,városok!$A$2:$C$346,2,0)-VLOOKUP(BK$1,városok!$A$2:$C$346,2,0))^2+(VLOOKUP($A200,városok!$A$2:$C$346,3,0)-VLOOKUP(BK$1,városok!$A$2:$C$346,3,0))^2)/1000,0)</f>
        <v>137</v>
      </c>
      <c r="BL200">
        <f ca="1">ROUND(SQRT((VLOOKUP($A200,városok!$A$2:$C$346,2,0)-VLOOKUP(BL$1,városok!$A$2:$C$346,2,0))^2+(VLOOKUP($A200,városok!$A$2:$C$346,3,0)-VLOOKUP(BL$1,városok!$A$2:$C$346,3,0))^2)/1000,0)</f>
        <v>259</v>
      </c>
      <c r="BM200">
        <f ca="1">ROUND(SQRT((VLOOKUP($A200,városok!$A$2:$C$346,2,0)-VLOOKUP(BM$1,városok!$A$2:$C$346,2,0))^2+(VLOOKUP($A200,városok!$A$2:$C$346,3,0)-VLOOKUP(BM$1,városok!$A$2:$C$346,3,0))^2)/1000,0)</f>
        <v>233</v>
      </c>
      <c r="BN200">
        <f ca="1">ROUND(SQRT((VLOOKUP($A200,városok!$A$2:$C$346,2,0)-VLOOKUP(BN$1,városok!$A$2:$C$346,2,0))^2+(VLOOKUP($A200,városok!$A$2:$C$346,3,0)-VLOOKUP(BN$1,városok!$A$2:$C$346,3,0))^2)/1000,0)</f>
        <v>257</v>
      </c>
      <c r="BO200">
        <f ca="1">ROUND(SQRT((VLOOKUP($A200,városok!$A$2:$C$346,2,0)-VLOOKUP(BO$1,városok!$A$2:$C$346,2,0))^2+(VLOOKUP($A200,városok!$A$2:$C$346,3,0)-VLOOKUP(BO$1,városok!$A$2:$C$346,3,0))^2)/1000,0)</f>
        <v>153</v>
      </c>
      <c r="BP200">
        <f ca="1">ROUND(SQRT((VLOOKUP($A200,városok!$A$2:$C$346,2,0)-VLOOKUP(BP$1,városok!$A$2:$C$346,2,0))^2+(VLOOKUP($A200,városok!$A$2:$C$346,3,0)-VLOOKUP(BP$1,városok!$A$2:$C$346,3,0))^2)/1000,0)</f>
        <v>145</v>
      </c>
      <c r="BQ200">
        <f ca="1">ROUND(SQRT((VLOOKUP($A200,városok!$A$2:$C$346,2,0)-VLOOKUP(BQ$1,városok!$A$2:$C$346,2,0))^2+(VLOOKUP($A200,városok!$A$2:$C$346,3,0)-VLOOKUP(BQ$1,városok!$A$2:$C$346,3,0))^2)/1000,0)</f>
        <v>159</v>
      </c>
      <c r="BR200">
        <f ca="1">ROUND(SQRT((VLOOKUP($A200,városok!$A$2:$C$346,2,0)-VLOOKUP(BR$1,városok!$A$2:$C$346,2,0))^2+(VLOOKUP($A200,városok!$A$2:$C$346,3,0)-VLOOKUP(BR$1,városok!$A$2:$C$346,3,0))^2)/1000,0)</f>
        <v>215</v>
      </c>
      <c r="BS200">
        <f ca="1">ROUND(SQRT((VLOOKUP($A200,városok!$A$2:$C$346,2,0)-VLOOKUP(BS$1,városok!$A$2:$C$346,2,0))^2+(VLOOKUP($A200,városok!$A$2:$C$346,3,0)-VLOOKUP(BS$1,városok!$A$2:$C$346,3,0))^2)/1000,0)</f>
        <v>244</v>
      </c>
      <c r="BT200">
        <f ca="1">ROUND(SQRT((VLOOKUP($A200,városok!$A$2:$C$346,2,0)-VLOOKUP(BT$1,városok!$A$2:$C$346,2,0))^2+(VLOOKUP($A200,városok!$A$2:$C$346,3,0)-VLOOKUP(BT$1,városok!$A$2:$C$346,3,0))^2)/1000,0)</f>
        <v>244</v>
      </c>
    </row>
    <row r="201" spans="1:72" x14ac:dyDescent="0.2">
      <c r="A201" t="str">
        <f>városok!A201</f>
        <v>Albertirsa</v>
      </c>
      <c r="B201">
        <f ca="1">ROUND(SQRT((VLOOKUP($A201,városok!$A$2:$C$346,2,0)-VLOOKUP(B$1,városok!$A$2:$C$346,2,0))^2+(VLOOKUP($A201,városok!$A$2:$C$346,3,0)-VLOOKUP(B$1,városok!$A$2:$C$346,3,0))^2)/1000,0)</f>
        <v>128</v>
      </c>
      <c r="C201">
        <f ca="1">ROUND(SQRT((VLOOKUP($A201,városok!$A$2:$C$346,2,0)-VLOOKUP(C$1,városok!$A$2:$C$346,2,0))^2+(VLOOKUP($A201,városok!$A$2:$C$346,3,0)-VLOOKUP(C$1,városok!$A$2:$C$346,3,0))^2)/1000,0)</f>
        <v>93</v>
      </c>
      <c r="D201">
        <f ca="1">ROUND(SQRT((VLOOKUP($A201,városok!$A$2:$C$346,2,0)-VLOOKUP(D$1,városok!$A$2:$C$346,2,0))^2+(VLOOKUP($A201,városok!$A$2:$C$346,3,0)-VLOOKUP(D$1,városok!$A$2:$C$346,3,0))^2)/1000,0)</f>
        <v>37</v>
      </c>
      <c r="E201">
        <f ca="1">ROUND(SQRT((VLOOKUP($A201,városok!$A$2:$C$346,2,0)-VLOOKUP(E$1,városok!$A$2:$C$346,2,0))^2+(VLOOKUP($A201,városok!$A$2:$C$346,3,0)-VLOOKUP(E$1,városok!$A$2:$C$346,3,0))^2)/1000,0)</f>
        <v>156</v>
      </c>
      <c r="F201">
        <f ca="1">ROUND(SQRT((VLOOKUP($A201,városok!$A$2:$C$346,2,0)-VLOOKUP(F$1,városok!$A$2:$C$346,2,0))^2+(VLOOKUP($A201,városok!$A$2:$C$346,3,0)-VLOOKUP(F$1,városok!$A$2:$C$346,3,0))^2)/1000,0)</f>
        <v>156</v>
      </c>
      <c r="G201">
        <f ca="1">ROUND(SQRT((VLOOKUP($A201,városok!$A$2:$C$346,2,0)-VLOOKUP(G$1,városok!$A$2:$C$346,2,0))^2+(VLOOKUP($A201,városok!$A$2:$C$346,3,0)-VLOOKUP(G$1,városok!$A$2:$C$346,3,0))^2)/1000,0)</f>
        <v>166</v>
      </c>
      <c r="H201">
        <f ca="1">ROUND(SQRT((VLOOKUP($A201,városok!$A$2:$C$346,2,0)-VLOOKUP(H$1,városok!$A$2:$C$346,2,0))^2+(VLOOKUP($A201,városok!$A$2:$C$346,3,0)-VLOOKUP(H$1,városok!$A$2:$C$346,3,0))^2)/1000,0)</f>
        <v>192</v>
      </c>
      <c r="I201">
        <f ca="1">ROUND(SQRT((VLOOKUP($A201,városok!$A$2:$C$346,2,0)-VLOOKUP(I$1,városok!$A$2:$C$346,2,0))^2+(VLOOKUP($A201,városok!$A$2:$C$346,3,0)-VLOOKUP(I$1,városok!$A$2:$C$346,3,0))^2)/1000,0)</f>
        <v>128</v>
      </c>
      <c r="J201">
        <f ca="1">ROUND(SQRT((VLOOKUP($A201,városok!$A$2:$C$346,2,0)-VLOOKUP(J$1,városok!$A$2:$C$346,2,0))^2+(VLOOKUP($A201,városok!$A$2:$C$346,3,0)-VLOOKUP(J$1,városok!$A$2:$C$346,3,0))^2)/1000,0)</f>
        <v>143</v>
      </c>
      <c r="K201">
        <f ca="1">ROUND(SQRT((VLOOKUP($A201,városok!$A$2:$C$346,2,0)-VLOOKUP(K$1,városok!$A$2:$C$346,2,0))^2+(VLOOKUP($A201,városok!$A$2:$C$346,3,0)-VLOOKUP(K$1,városok!$A$2:$C$346,3,0))^2)/1000,0)</f>
        <v>110</v>
      </c>
      <c r="L201">
        <f ca="1">ROUND(SQRT((VLOOKUP($A201,városok!$A$2:$C$346,2,0)-VLOOKUP(L$1,városok!$A$2:$C$346,2,0))^2+(VLOOKUP($A201,városok!$A$2:$C$346,3,0)-VLOOKUP(L$1,városok!$A$2:$C$346,3,0))^2)/1000,0)</f>
        <v>136</v>
      </c>
      <c r="M201">
        <f ca="1">ROUND(SQRT((VLOOKUP($A201,városok!$A$2:$C$346,2,0)-VLOOKUP(M$1,városok!$A$2:$C$346,2,0))^2+(VLOOKUP($A201,városok!$A$2:$C$346,3,0)-VLOOKUP(M$1,városok!$A$2:$C$346,3,0))^2)/1000,0)</f>
        <v>131</v>
      </c>
      <c r="N201">
        <f ca="1">ROUND(SQRT((VLOOKUP($A201,városok!$A$2:$C$346,2,0)-VLOOKUP(N$1,városok!$A$2:$C$346,2,0))^2+(VLOOKUP($A201,városok!$A$2:$C$346,3,0)-VLOOKUP(N$1,városok!$A$2:$C$346,3,0))^2)/1000,0)</f>
        <v>120</v>
      </c>
      <c r="O201">
        <f ca="1">ROUND(SQRT((VLOOKUP($A201,városok!$A$2:$C$346,2,0)-VLOOKUP(O$1,városok!$A$2:$C$346,2,0))^2+(VLOOKUP($A201,városok!$A$2:$C$346,3,0)-VLOOKUP(O$1,városok!$A$2:$C$346,3,0))^2)/1000,0)</f>
        <v>199</v>
      </c>
      <c r="P201">
        <f ca="1">ROUND(SQRT((VLOOKUP($A201,városok!$A$2:$C$346,2,0)-VLOOKUP(P$1,városok!$A$2:$C$346,2,0))^2+(VLOOKUP($A201,városok!$A$2:$C$346,3,0)-VLOOKUP(P$1,városok!$A$2:$C$346,3,0))^2)/1000,0)</f>
        <v>199</v>
      </c>
      <c r="Q201">
        <f ca="1">ROUND(SQRT((VLOOKUP($A201,városok!$A$2:$C$346,2,0)-VLOOKUP(Q$1,városok!$A$2:$C$346,2,0))^2+(VLOOKUP($A201,városok!$A$2:$C$346,3,0)-VLOOKUP(Q$1,városok!$A$2:$C$346,3,0))^2)/1000,0)</f>
        <v>106</v>
      </c>
      <c r="R201">
        <f ca="1">ROUND(SQRT((VLOOKUP($A201,városok!$A$2:$C$346,2,0)-VLOOKUP(R$1,városok!$A$2:$C$346,2,0))^2+(VLOOKUP($A201,városok!$A$2:$C$346,3,0)-VLOOKUP(R$1,városok!$A$2:$C$346,3,0))^2)/1000,0)</f>
        <v>131</v>
      </c>
      <c r="S201">
        <f ca="1">ROUND(SQRT((VLOOKUP($A201,városok!$A$2:$C$346,2,0)-VLOOKUP(S$1,városok!$A$2:$C$346,2,0))^2+(VLOOKUP($A201,városok!$A$2:$C$346,3,0)-VLOOKUP(S$1,városok!$A$2:$C$346,3,0))^2)/1000,0)</f>
        <v>118</v>
      </c>
      <c r="T201">
        <f ca="1">ROUND(SQRT((VLOOKUP($A201,városok!$A$2:$C$346,2,0)-VLOOKUP(T$1,városok!$A$2:$C$346,2,0))^2+(VLOOKUP($A201,városok!$A$2:$C$346,3,0)-VLOOKUP(T$1,városok!$A$2:$C$346,3,0))^2)/1000,0)</f>
        <v>79</v>
      </c>
      <c r="U201">
        <f ca="1">ROUND(SQRT((VLOOKUP($A201,városok!$A$2:$C$346,2,0)-VLOOKUP(U$1,városok!$A$2:$C$346,2,0))^2+(VLOOKUP($A201,városok!$A$2:$C$346,3,0)-VLOOKUP(U$1,városok!$A$2:$C$346,3,0))^2)/1000,0)</f>
        <v>60</v>
      </c>
      <c r="V201">
        <f ca="1">ROUND(SQRT((VLOOKUP($A201,városok!$A$2:$C$346,2,0)-VLOOKUP(V$1,városok!$A$2:$C$346,2,0))^2+(VLOOKUP($A201,városok!$A$2:$C$346,3,0)-VLOOKUP(V$1,városok!$A$2:$C$346,3,0))^2)/1000,0)</f>
        <v>102</v>
      </c>
      <c r="W201">
        <f ca="1">ROUND(SQRT((VLOOKUP($A201,városok!$A$2:$C$346,2,0)-VLOOKUP(W$1,városok!$A$2:$C$346,2,0))^2+(VLOOKUP($A201,városok!$A$2:$C$346,3,0)-VLOOKUP(W$1,városok!$A$2:$C$346,3,0))^2)/1000,0)</f>
        <v>85</v>
      </c>
      <c r="X201">
        <f ca="1">ROUND(SQRT((VLOOKUP($A201,városok!$A$2:$C$346,2,0)-VLOOKUP(X$1,városok!$A$2:$C$346,2,0))^2+(VLOOKUP($A201,városok!$A$2:$C$346,3,0)-VLOOKUP(X$1,városok!$A$2:$C$346,3,0))^2)/1000,0)</f>
        <v>98</v>
      </c>
      <c r="Y201">
        <f ca="1">ROUND(SQRT((VLOOKUP($A201,városok!$A$2:$C$346,2,0)-VLOOKUP(Y$1,városok!$A$2:$C$346,2,0))^2+(VLOOKUP($A201,városok!$A$2:$C$346,3,0)-VLOOKUP(Y$1,városok!$A$2:$C$346,3,0))^2)/1000,0)</f>
        <v>157</v>
      </c>
      <c r="Z201">
        <f ca="1">ROUND(SQRT((VLOOKUP($A201,városok!$A$2:$C$346,2,0)-VLOOKUP(Z$1,városok!$A$2:$C$346,2,0))^2+(VLOOKUP($A201,városok!$A$2:$C$346,3,0)-VLOOKUP(Z$1,városok!$A$2:$C$346,3,0))^2)/1000,0)</f>
        <v>176</v>
      </c>
      <c r="AA201">
        <f ca="1">ROUND(SQRT((VLOOKUP($A201,városok!$A$2:$C$346,2,0)-VLOOKUP(AA$1,városok!$A$2:$C$346,2,0))^2+(VLOOKUP($A201,városok!$A$2:$C$346,3,0)-VLOOKUP(AA$1,városok!$A$2:$C$346,3,0))^2)/1000,0)</f>
        <v>234</v>
      </c>
      <c r="AB201">
        <f ca="1">ROUND(SQRT((VLOOKUP($A201,városok!$A$2:$C$346,2,0)-VLOOKUP(AB$1,városok!$A$2:$C$346,2,0))^2+(VLOOKUP($A201,városok!$A$2:$C$346,3,0)-VLOOKUP(AB$1,városok!$A$2:$C$346,3,0))^2)/1000,0)</f>
        <v>156</v>
      </c>
      <c r="AC201">
        <f ca="1">ROUND(SQRT((VLOOKUP($A201,városok!$A$2:$C$346,2,0)-VLOOKUP(AC$1,városok!$A$2:$C$346,2,0))^2+(VLOOKUP($A201,városok!$A$2:$C$346,3,0)-VLOOKUP(AC$1,városok!$A$2:$C$346,3,0))^2)/1000,0)</f>
        <v>136</v>
      </c>
      <c r="AD201">
        <f ca="1">ROUND(SQRT((VLOOKUP($A201,városok!$A$2:$C$346,2,0)-VLOOKUP(AD$1,városok!$A$2:$C$346,2,0))^2+(VLOOKUP($A201,városok!$A$2:$C$346,3,0)-VLOOKUP(AD$1,városok!$A$2:$C$346,3,0))^2)/1000,0)</f>
        <v>118</v>
      </c>
      <c r="AE201">
        <f ca="1">ROUND(SQRT((VLOOKUP($A201,városok!$A$2:$C$346,2,0)-VLOOKUP(AE$1,városok!$A$2:$C$346,2,0))^2+(VLOOKUP($A201,városok!$A$2:$C$346,3,0)-VLOOKUP(AE$1,városok!$A$2:$C$346,3,0))^2)/1000,0)</f>
        <v>118</v>
      </c>
      <c r="AF201">
        <f ca="1">ROUND(SQRT((VLOOKUP($A201,városok!$A$2:$C$346,2,0)-VLOOKUP(AF$1,városok!$A$2:$C$346,2,0))^2+(VLOOKUP($A201,városok!$A$2:$C$346,3,0)-VLOOKUP(AF$1,városok!$A$2:$C$346,3,0))^2)/1000,0)</f>
        <v>93</v>
      </c>
      <c r="AG201">
        <f ca="1">ROUND(SQRT((VLOOKUP($A201,városok!$A$2:$C$346,2,0)-VLOOKUP(AG$1,városok!$A$2:$C$346,2,0))^2+(VLOOKUP($A201,városok!$A$2:$C$346,3,0)-VLOOKUP(AG$1,városok!$A$2:$C$346,3,0))^2)/1000,0)</f>
        <v>64</v>
      </c>
      <c r="AH201">
        <f ca="1">ROUND(SQRT((VLOOKUP($A201,városok!$A$2:$C$346,2,0)-VLOOKUP(AH$1,városok!$A$2:$C$346,2,0))^2+(VLOOKUP($A201,városok!$A$2:$C$346,3,0)-VLOOKUP(AH$1,városok!$A$2:$C$346,3,0))^2)/1000,0)</f>
        <v>48</v>
      </c>
      <c r="AI201">
        <f ca="1">ROUND(SQRT((VLOOKUP($A201,városok!$A$2:$C$346,2,0)-VLOOKUP(AI$1,városok!$A$2:$C$346,2,0))^2+(VLOOKUP($A201,városok!$A$2:$C$346,3,0)-VLOOKUP(AI$1,városok!$A$2:$C$346,3,0))^2)/1000,0)</f>
        <v>94</v>
      </c>
      <c r="AJ201">
        <f ca="1">ROUND(SQRT((VLOOKUP($A201,városok!$A$2:$C$346,2,0)-VLOOKUP(AJ$1,városok!$A$2:$C$346,2,0))^2+(VLOOKUP($A201,városok!$A$2:$C$346,3,0)-VLOOKUP(AJ$1,városok!$A$2:$C$346,3,0))^2)/1000,0)</f>
        <v>52</v>
      </c>
      <c r="AK201">
        <f ca="1">ROUND(SQRT((VLOOKUP($A201,városok!$A$2:$C$346,2,0)-VLOOKUP(AK$1,városok!$A$2:$C$346,2,0))^2+(VLOOKUP($A201,városok!$A$2:$C$346,3,0)-VLOOKUP(AK$1,városok!$A$2:$C$346,3,0))^2)/1000,0)</f>
        <v>103</v>
      </c>
      <c r="AL201">
        <f ca="1">ROUND(SQRT((VLOOKUP($A201,városok!$A$2:$C$346,2,0)-VLOOKUP(AL$1,városok!$A$2:$C$346,2,0))^2+(VLOOKUP($A201,városok!$A$2:$C$346,3,0)-VLOOKUP(AL$1,városok!$A$2:$C$346,3,0))^2)/1000,0)</f>
        <v>78</v>
      </c>
      <c r="AM201">
        <f ca="1">ROUND(SQRT((VLOOKUP($A201,városok!$A$2:$C$346,2,0)-VLOOKUP(AM$1,városok!$A$2:$C$346,2,0))^2+(VLOOKUP($A201,városok!$A$2:$C$346,3,0)-VLOOKUP(AM$1,városok!$A$2:$C$346,3,0))^2)/1000,0)</f>
        <v>44</v>
      </c>
      <c r="AN201">
        <f ca="1">ROUND(SQRT((VLOOKUP($A201,városok!$A$2:$C$346,2,0)-VLOOKUP(AN$1,városok!$A$2:$C$346,2,0))^2+(VLOOKUP($A201,városok!$A$2:$C$346,3,0)-VLOOKUP(AN$1,városok!$A$2:$C$346,3,0))^2)/1000,0)</f>
        <v>90</v>
      </c>
      <c r="AO201">
        <f ca="1">ROUND(SQRT((VLOOKUP($A201,városok!$A$2:$C$346,2,0)-VLOOKUP(AO$1,városok!$A$2:$C$346,2,0))^2+(VLOOKUP($A201,városok!$A$2:$C$346,3,0)-VLOOKUP(AO$1,városok!$A$2:$C$346,3,0))^2)/1000,0)</f>
        <v>126</v>
      </c>
      <c r="AP201">
        <f ca="1">ROUND(SQRT((VLOOKUP($A201,városok!$A$2:$C$346,2,0)-VLOOKUP(AP$1,városok!$A$2:$C$346,2,0))^2+(VLOOKUP($A201,városok!$A$2:$C$346,3,0)-VLOOKUP(AP$1,városok!$A$2:$C$346,3,0))^2)/1000,0)</f>
        <v>107</v>
      </c>
      <c r="AQ201">
        <f ca="1">ROUND(SQRT((VLOOKUP($A201,városok!$A$2:$C$346,2,0)-VLOOKUP(AQ$1,városok!$A$2:$C$346,2,0))^2+(VLOOKUP($A201,városok!$A$2:$C$346,3,0)-VLOOKUP(AQ$1,városok!$A$2:$C$346,3,0))^2)/1000,0)</f>
        <v>98</v>
      </c>
      <c r="AR201">
        <f ca="1">ROUND(SQRT((VLOOKUP($A201,városok!$A$2:$C$346,2,0)-VLOOKUP(AR$1,városok!$A$2:$C$346,2,0))^2+(VLOOKUP($A201,városok!$A$2:$C$346,3,0)-VLOOKUP(AR$1,városok!$A$2:$C$346,3,0))^2)/1000,0)</f>
        <v>76</v>
      </c>
      <c r="AS201">
        <f ca="1">ROUND(SQRT((VLOOKUP($A201,városok!$A$2:$C$346,2,0)-VLOOKUP(AS$1,városok!$A$2:$C$346,2,0))^2+(VLOOKUP($A201,városok!$A$2:$C$346,3,0)-VLOOKUP(AS$1,városok!$A$2:$C$346,3,0))^2)/1000,0)</f>
        <v>98</v>
      </c>
      <c r="AT201">
        <f ca="1">ROUND(SQRT((VLOOKUP($A201,városok!$A$2:$C$346,2,0)-VLOOKUP(AT$1,városok!$A$2:$C$346,2,0))^2+(VLOOKUP($A201,városok!$A$2:$C$346,3,0)-VLOOKUP(AT$1,városok!$A$2:$C$346,3,0))^2)/1000,0)</f>
        <v>65</v>
      </c>
      <c r="AU201">
        <f ca="1">ROUND(SQRT((VLOOKUP($A201,városok!$A$2:$C$346,2,0)-VLOOKUP(AU$1,városok!$A$2:$C$346,2,0))^2+(VLOOKUP($A201,városok!$A$2:$C$346,3,0)-VLOOKUP(AU$1,városok!$A$2:$C$346,3,0))^2)/1000,0)</f>
        <v>55</v>
      </c>
      <c r="AV201">
        <f ca="1">ROUND(SQRT((VLOOKUP($A201,városok!$A$2:$C$346,2,0)-VLOOKUP(AV$1,városok!$A$2:$C$346,2,0))^2+(VLOOKUP($A201,városok!$A$2:$C$346,3,0)-VLOOKUP(AV$1,városok!$A$2:$C$346,3,0))^2)/1000,0)</f>
        <v>54</v>
      </c>
      <c r="AW201">
        <f ca="1">ROUND(SQRT((VLOOKUP($A201,városok!$A$2:$C$346,2,0)-VLOOKUP(AW$1,városok!$A$2:$C$346,2,0))^2+(VLOOKUP($A201,városok!$A$2:$C$346,3,0)-VLOOKUP(AW$1,városok!$A$2:$C$346,3,0))^2)/1000,0)</f>
        <v>56</v>
      </c>
      <c r="AX201">
        <f ca="1">ROUND(SQRT((VLOOKUP($A201,városok!$A$2:$C$346,2,0)-VLOOKUP(AX$1,városok!$A$2:$C$346,2,0))^2+(VLOOKUP($A201,városok!$A$2:$C$346,3,0)-VLOOKUP(AX$1,városok!$A$2:$C$346,3,0))^2)/1000,0)</f>
        <v>27</v>
      </c>
      <c r="AY201">
        <f ca="1">ROUND(SQRT((VLOOKUP($A201,városok!$A$2:$C$346,2,0)-VLOOKUP(AY$1,városok!$A$2:$C$346,2,0))^2+(VLOOKUP($A201,városok!$A$2:$C$346,3,0)-VLOOKUP(AY$1,városok!$A$2:$C$346,3,0))^2)/1000,0)</f>
        <v>64</v>
      </c>
      <c r="AZ201">
        <f ca="1">ROUND(SQRT((VLOOKUP($A201,városok!$A$2:$C$346,2,0)-VLOOKUP(AZ$1,városok!$A$2:$C$346,2,0))^2+(VLOOKUP($A201,városok!$A$2:$C$346,3,0)-VLOOKUP(AZ$1,városok!$A$2:$C$346,3,0))^2)/1000,0)</f>
        <v>78</v>
      </c>
      <c r="BA201">
        <f ca="1">ROUND(SQRT((VLOOKUP($A201,városok!$A$2:$C$346,2,0)-VLOOKUP(BA$1,városok!$A$2:$C$346,2,0))^2+(VLOOKUP($A201,városok!$A$2:$C$346,3,0)-VLOOKUP(BA$1,városok!$A$2:$C$346,3,0))^2)/1000,0)</f>
        <v>154</v>
      </c>
      <c r="BB201">
        <f ca="1">ROUND(SQRT((VLOOKUP($A201,városok!$A$2:$C$346,2,0)-VLOOKUP(BB$1,városok!$A$2:$C$346,2,0))^2+(VLOOKUP($A201,városok!$A$2:$C$346,3,0)-VLOOKUP(BB$1,városok!$A$2:$C$346,3,0))^2)/1000,0)</f>
        <v>150</v>
      </c>
      <c r="BC201">
        <f ca="1">ROUND(SQRT((VLOOKUP($A201,városok!$A$2:$C$346,2,0)-VLOOKUP(BC$1,városok!$A$2:$C$346,2,0))^2+(VLOOKUP($A201,városok!$A$2:$C$346,3,0)-VLOOKUP(BC$1,városok!$A$2:$C$346,3,0))^2)/1000,0)</f>
        <v>170</v>
      </c>
      <c r="BD201">
        <f ca="1">ROUND(SQRT((VLOOKUP($A201,városok!$A$2:$C$346,2,0)-VLOOKUP(BD$1,városok!$A$2:$C$346,2,0))^2+(VLOOKUP($A201,városok!$A$2:$C$346,3,0)-VLOOKUP(BD$1,városok!$A$2:$C$346,3,0))^2)/1000,0)</f>
        <v>123</v>
      </c>
      <c r="BE201">
        <f ca="1">ROUND(SQRT((VLOOKUP($A201,városok!$A$2:$C$346,2,0)-VLOOKUP(BE$1,városok!$A$2:$C$346,2,0))^2+(VLOOKUP($A201,városok!$A$2:$C$346,3,0)-VLOOKUP(BE$1,városok!$A$2:$C$346,3,0))^2)/1000,0)</f>
        <v>239</v>
      </c>
      <c r="BF201">
        <f ca="1">ROUND(SQRT((VLOOKUP($A201,városok!$A$2:$C$346,2,0)-VLOOKUP(BF$1,városok!$A$2:$C$346,2,0))^2+(VLOOKUP($A201,városok!$A$2:$C$346,3,0)-VLOOKUP(BF$1,városok!$A$2:$C$346,3,0))^2)/1000,0)</f>
        <v>214</v>
      </c>
      <c r="BG201">
        <f ca="1">ROUND(SQRT((VLOOKUP($A201,városok!$A$2:$C$346,2,0)-VLOOKUP(BG$1,városok!$A$2:$C$346,2,0))^2+(VLOOKUP($A201,városok!$A$2:$C$346,3,0)-VLOOKUP(BG$1,városok!$A$2:$C$346,3,0))^2)/1000,0)</f>
        <v>170</v>
      </c>
      <c r="BH201">
        <f ca="1">ROUND(SQRT((VLOOKUP($A201,városok!$A$2:$C$346,2,0)-VLOOKUP(BH$1,városok!$A$2:$C$346,2,0))^2+(VLOOKUP($A201,városok!$A$2:$C$346,3,0)-VLOOKUP(BH$1,városok!$A$2:$C$346,3,0))^2)/1000,0)</f>
        <v>170</v>
      </c>
      <c r="BI201">
        <f ca="1">ROUND(SQRT((VLOOKUP($A201,városok!$A$2:$C$346,2,0)-VLOOKUP(BI$1,városok!$A$2:$C$346,2,0))^2+(VLOOKUP($A201,városok!$A$2:$C$346,3,0)-VLOOKUP(BI$1,városok!$A$2:$C$346,3,0))^2)/1000,0)</f>
        <v>121</v>
      </c>
      <c r="BJ201">
        <f ca="1">ROUND(SQRT((VLOOKUP($A201,városok!$A$2:$C$346,2,0)-VLOOKUP(BJ$1,városok!$A$2:$C$346,2,0))^2+(VLOOKUP($A201,városok!$A$2:$C$346,3,0)-VLOOKUP(BJ$1,városok!$A$2:$C$346,3,0))^2)/1000,0)</f>
        <v>138</v>
      </c>
      <c r="BK201">
        <f ca="1">ROUND(SQRT((VLOOKUP($A201,városok!$A$2:$C$346,2,0)-VLOOKUP(BK$1,városok!$A$2:$C$346,2,0))^2+(VLOOKUP($A201,városok!$A$2:$C$346,3,0)-VLOOKUP(BK$1,városok!$A$2:$C$346,3,0))^2)/1000,0)</f>
        <v>121</v>
      </c>
      <c r="BL201">
        <f ca="1">ROUND(SQRT((VLOOKUP($A201,városok!$A$2:$C$346,2,0)-VLOOKUP(BL$1,városok!$A$2:$C$346,2,0))^2+(VLOOKUP($A201,városok!$A$2:$C$346,3,0)-VLOOKUP(BL$1,városok!$A$2:$C$346,3,0))^2)/1000,0)</f>
        <v>230</v>
      </c>
      <c r="BM201">
        <f ca="1">ROUND(SQRT((VLOOKUP($A201,városok!$A$2:$C$346,2,0)-VLOOKUP(BM$1,városok!$A$2:$C$346,2,0))^2+(VLOOKUP($A201,városok!$A$2:$C$346,3,0)-VLOOKUP(BM$1,városok!$A$2:$C$346,3,0))^2)/1000,0)</f>
        <v>203</v>
      </c>
      <c r="BN201">
        <f ca="1">ROUND(SQRT((VLOOKUP($A201,városok!$A$2:$C$346,2,0)-VLOOKUP(BN$1,városok!$A$2:$C$346,2,0))^2+(VLOOKUP($A201,városok!$A$2:$C$346,3,0)-VLOOKUP(BN$1,városok!$A$2:$C$346,3,0))^2)/1000,0)</f>
        <v>227</v>
      </c>
      <c r="BO201">
        <f ca="1">ROUND(SQRT((VLOOKUP($A201,városok!$A$2:$C$346,2,0)-VLOOKUP(BO$1,városok!$A$2:$C$346,2,0))^2+(VLOOKUP($A201,városok!$A$2:$C$346,3,0)-VLOOKUP(BO$1,városok!$A$2:$C$346,3,0))^2)/1000,0)</f>
        <v>124</v>
      </c>
      <c r="BP201">
        <f ca="1">ROUND(SQRT((VLOOKUP($A201,városok!$A$2:$C$346,2,0)-VLOOKUP(BP$1,városok!$A$2:$C$346,2,0))^2+(VLOOKUP($A201,városok!$A$2:$C$346,3,0)-VLOOKUP(BP$1,városok!$A$2:$C$346,3,0))^2)/1000,0)</f>
        <v>116</v>
      </c>
      <c r="BQ201">
        <f ca="1">ROUND(SQRT((VLOOKUP($A201,városok!$A$2:$C$346,2,0)-VLOOKUP(BQ$1,városok!$A$2:$C$346,2,0))^2+(VLOOKUP($A201,városok!$A$2:$C$346,3,0)-VLOOKUP(BQ$1,városok!$A$2:$C$346,3,0))^2)/1000,0)</f>
        <v>130</v>
      </c>
      <c r="BR201">
        <f ca="1">ROUND(SQRT((VLOOKUP($A201,városok!$A$2:$C$346,2,0)-VLOOKUP(BR$1,városok!$A$2:$C$346,2,0))^2+(VLOOKUP($A201,városok!$A$2:$C$346,3,0)-VLOOKUP(BR$1,városok!$A$2:$C$346,3,0))^2)/1000,0)</f>
        <v>187</v>
      </c>
      <c r="BS201">
        <f ca="1">ROUND(SQRT((VLOOKUP($A201,városok!$A$2:$C$346,2,0)-VLOOKUP(BS$1,városok!$A$2:$C$346,2,0))^2+(VLOOKUP($A201,városok!$A$2:$C$346,3,0)-VLOOKUP(BS$1,városok!$A$2:$C$346,3,0))^2)/1000,0)</f>
        <v>219</v>
      </c>
      <c r="BT201">
        <f ca="1">ROUND(SQRT((VLOOKUP($A201,városok!$A$2:$C$346,2,0)-VLOOKUP(BT$1,városok!$A$2:$C$346,2,0))^2+(VLOOKUP($A201,városok!$A$2:$C$346,3,0)-VLOOKUP(BT$1,városok!$A$2:$C$346,3,0))^2)/1000,0)</f>
        <v>216</v>
      </c>
    </row>
    <row r="202" spans="1:72" x14ac:dyDescent="0.2">
      <c r="A202" t="str">
        <f>városok!A202</f>
        <v>Aszód</v>
      </c>
      <c r="B202">
        <f ca="1">ROUND(SQRT((VLOOKUP($A202,városok!$A$2:$C$346,2,0)-VLOOKUP(B$1,városok!$A$2:$C$346,2,0))^2+(VLOOKUP($A202,városok!$A$2:$C$346,3,0)-VLOOKUP(B$1,városok!$A$2:$C$346,3,0))^2)/1000,0)</f>
        <v>168</v>
      </c>
      <c r="C202">
        <f ca="1">ROUND(SQRT((VLOOKUP($A202,városok!$A$2:$C$346,2,0)-VLOOKUP(C$1,városok!$A$2:$C$346,2,0))^2+(VLOOKUP($A202,városok!$A$2:$C$346,3,0)-VLOOKUP(C$1,városok!$A$2:$C$346,3,0))^2)/1000,0)</f>
        <v>131</v>
      </c>
      <c r="D202">
        <f ca="1">ROUND(SQRT((VLOOKUP($A202,városok!$A$2:$C$346,2,0)-VLOOKUP(D$1,városok!$A$2:$C$346,2,0))^2+(VLOOKUP($A202,városok!$A$2:$C$346,3,0)-VLOOKUP(D$1,városok!$A$2:$C$346,3,0))^2)/1000,0)</f>
        <v>84</v>
      </c>
      <c r="E202">
        <f ca="1">ROUND(SQRT((VLOOKUP($A202,városok!$A$2:$C$346,2,0)-VLOOKUP(E$1,városok!$A$2:$C$346,2,0))^2+(VLOOKUP($A202,városok!$A$2:$C$346,3,0)-VLOOKUP(E$1,városok!$A$2:$C$346,3,0))^2)/1000,0)</f>
        <v>187</v>
      </c>
      <c r="F202">
        <f ca="1">ROUND(SQRT((VLOOKUP($A202,városok!$A$2:$C$346,2,0)-VLOOKUP(F$1,városok!$A$2:$C$346,2,0))^2+(VLOOKUP($A202,városok!$A$2:$C$346,3,0)-VLOOKUP(F$1,városok!$A$2:$C$346,3,0))^2)/1000,0)</f>
        <v>194</v>
      </c>
      <c r="G202">
        <f ca="1">ROUND(SQRT((VLOOKUP($A202,városok!$A$2:$C$346,2,0)-VLOOKUP(G$1,városok!$A$2:$C$346,2,0))^2+(VLOOKUP($A202,városok!$A$2:$C$346,3,0)-VLOOKUP(G$1,városok!$A$2:$C$346,3,0))^2)/1000,0)</f>
        <v>199</v>
      </c>
      <c r="H202">
        <f ca="1">ROUND(SQRT((VLOOKUP($A202,városok!$A$2:$C$346,2,0)-VLOOKUP(H$1,városok!$A$2:$C$346,2,0))^2+(VLOOKUP($A202,városok!$A$2:$C$346,3,0)-VLOOKUP(H$1,városok!$A$2:$C$346,3,0))^2)/1000,0)</f>
        <v>220</v>
      </c>
      <c r="I202">
        <f ca="1">ROUND(SQRT((VLOOKUP($A202,városok!$A$2:$C$346,2,0)-VLOOKUP(I$1,városok!$A$2:$C$346,2,0))^2+(VLOOKUP($A202,városok!$A$2:$C$346,3,0)-VLOOKUP(I$1,városok!$A$2:$C$346,3,0))^2)/1000,0)</f>
        <v>162</v>
      </c>
      <c r="J202">
        <f ca="1">ROUND(SQRT((VLOOKUP($A202,városok!$A$2:$C$346,2,0)-VLOOKUP(J$1,városok!$A$2:$C$346,2,0))^2+(VLOOKUP($A202,városok!$A$2:$C$346,3,0)-VLOOKUP(J$1,városok!$A$2:$C$346,3,0))^2)/1000,0)</f>
        <v>176</v>
      </c>
      <c r="K202">
        <f ca="1">ROUND(SQRT((VLOOKUP($A202,városok!$A$2:$C$346,2,0)-VLOOKUP(K$1,városok!$A$2:$C$346,2,0))^2+(VLOOKUP($A202,városok!$A$2:$C$346,3,0)-VLOOKUP(K$1,városok!$A$2:$C$346,3,0))^2)/1000,0)</f>
        <v>151</v>
      </c>
      <c r="L202">
        <f ca="1">ROUND(SQRT((VLOOKUP($A202,városok!$A$2:$C$346,2,0)-VLOOKUP(L$1,városok!$A$2:$C$346,2,0))^2+(VLOOKUP($A202,városok!$A$2:$C$346,3,0)-VLOOKUP(L$1,városok!$A$2:$C$346,3,0))^2)/1000,0)</f>
        <v>109</v>
      </c>
      <c r="M202">
        <f ca="1">ROUND(SQRT((VLOOKUP($A202,városok!$A$2:$C$346,2,0)-VLOOKUP(M$1,városok!$A$2:$C$346,2,0))^2+(VLOOKUP($A202,városok!$A$2:$C$346,3,0)-VLOOKUP(M$1,városok!$A$2:$C$346,3,0))^2)/1000,0)</f>
        <v>110</v>
      </c>
      <c r="N202">
        <f ca="1">ROUND(SQRT((VLOOKUP($A202,városok!$A$2:$C$346,2,0)-VLOOKUP(N$1,városok!$A$2:$C$346,2,0))^2+(VLOOKUP($A202,városok!$A$2:$C$346,3,0)-VLOOKUP(N$1,városok!$A$2:$C$346,3,0))^2)/1000,0)</f>
        <v>87</v>
      </c>
      <c r="O202">
        <f ca="1">ROUND(SQRT((VLOOKUP($A202,városok!$A$2:$C$346,2,0)-VLOOKUP(O$1,városok!$A$2:$C$346,2,0))^2+(VLOOKUP($A202,városok!$A$2:$C$346,3,0)-VLOOKUP(O$1,városok!$A$2:$C$346,3,0))^2)/1000,0)</f>
        <v>181</v>
      </c>
      <c r="P202">
        <f ca="1">ROUND(SQRT((VLOOKUP($A202,városok!$A$2:$C$346,2,0)-VLOOKUP(P$1,városok!$A$2:$C$346,2,0))^2+(VLOOKUP($A202,városok!$A$2:$C$346,3,0)-VLOOKUP(P$1,városok!$A$2:$C$346,3,0))^2)/1000,0)</f>
        <v>182</v>
      </c>
      <c r="Q202">
        <f ca="1">ROUND(SQRT((VLOOKUP($A202,városok!$A$2:$C$346,2,0)-VLOOKUP(Q$1,városok!$A$2:$C$346,2,0))^2+(VLOOKUP($A202,városok!$A$2:$C$346,3,0)-VLOOKUP(Q$1,városok!$A$2:$C$346,3,0))^2)/1000,0)</f>
        <v>151</v>
      </c>
      <c r="R202">
        <f ca="1">ROUND(SQRT((VLOOKUP($A202,városok!$A$2:$C$346,2,0)-VLOOKUP(R$1,városok!$A$2:$C$346,2,0))^2+(VLOOKUP($A202,városok!$A$2:$C$346,3,0)-VLOOKUP(R$1,városok!$A$2:$C$346,3,0))^2)/1000,0)</f>
        <v>176</v>
      </c>
      <c r="S202">
        <f ca="1">ROUND(SQRT((VLOOKUP($A202,városok!$A$2:$C$346,2,0)-VLOOKUP(S$1,városok!$A$2:$C$346,2,0))^2+(VLOOKUP($A202,városok!$A$2:$C$346,3,0)-VLOOKUP(S$1,városok!$A$2:$C$346,3,0))^2)/1000,0)</f>
        <v>164</v>
      </c>
      <c r="T202">
        <f ca="1">ROUND(SQRT((VLOOKUP($A202,városok!$A$2:$C$346,2,0)-VLOOKUP(T$1,városok!$A$2:$C$346,2,0))^2+(VLOOKUP($A202,városok!$A$2:$C$346,3,0)-VLOOKUP(T$1,városok!$A$2:$C$346,3,0))^2)/1000,0)</f>
        <v>67</v>
      </c>
      <c r="U202">
        <f ca="1">ROUND(SQRT((VLOOKUP($A202,városok!$A$2:$C$346,2,0)-VLOOKUP(U$1,városok!$A$2:$C$346,2,0))^2+(VLOOKUP($A202,városok!$A$2:$C$346,3,0)-VLOOKUP(U$1,városok!$A$2:$C$346,3,0))^2)/1000,0)</f>
        <v>87</v>
      </c>
      <c r="V202">
        <f ca="1">ROUND(SQRT((VLOOKUP($A202,városok!$A$2:$C$346,2,0)-VLOOKUP(V$1,városok!$A$2:$C$346,2,0))^2+(VLOOKUP($A202,városok!$A$2:$C$346,3,0)-VLOOKUP(V$1,városok!$A$2:$C$346,3,0))^2)/1000,0)</f>
        <v>111</v>
      </c>
      <c r="W202">
        <f ca="1">ROUND(SQRT((VLOOKUP($A202,városok!$A$2:$C$346,2,0)-VLOOKUP(W$1,városok!$A$2:$C$346,2,0))^2+(VLOOKUP($A202,városok!$A$2:$C$346,3,0)-VLOOKUP(W$1,városok!$A$2:$C$346,3,0))^2)/1000,0)</f>
        <v>107</v>
      </c>
      <c r="X202">
        <f ca="1">ROUND(SQRT((VLOOKUP($A202,városok!$A$2:$C$346,2,0)-VLOOKUP(X$1,városok!$A$2:$C$346,2,0))^2+(VLOOKUP($A202,városok!$A$2:$C$346,3,0)-VLOOKUP(X$1,városok!$A$2:$C$346,3,0))^2)/1000,0)</f>
        <v>96</v>
      </c>
      <c r="Y202">
        <f ca="1">ROUND(SQRT((VLOOKUP($A202,városok!$A$2:$C$346,2,0)-VLOOKUP(Y$1,városok!$A$2:$C$346,2,0))^2+(VLOOKUP($A202,városok!$A$2:$C$346,3,0)-VLOOKUP(Y$1,városok!$A$2:$C$346,3,0))^2)/1000,0)</f>
        <v>139</v>
      </c>
      <c r="Z202">
        <f ca="1">ROUND(SQRT((VLOOKUP($A202,városok!$A$2:$C$346,2,0)-VLOOKUP(Z$1,városok!$A$2:$C$346,2,0))^2+(VLOOKUP($A202,városok!$A$2:$C$346,3,0)-VLOOKUP(Z$1,városok!$A$2:$C$346,3,0))^2)/1000,0)</f>
        <v>158</v>
      </c>
      <c r="AA202">
        <f ca="1">ROUND(SQRT((VLOOKUP($A202,városok!$A$2:$C$346,2,0)-VLOOKUP(AA$1,városok!$A$2:$C$346,2,0))^2+(VLOOKUP($A202,városok!$A$2:$C$346,3,0)-VLOOKUP(AA$1,városok!$A$2:$C$346,3,0))^2)/1000,0)</f>
        <v>218</v>
      </c>
      <c r="AB202">
        <f ca="1">ROUND(SQRT((VLOOKUP($A202,városok!$A$2:$C$346,2,0)-VLOOKUP(AB$1,városok!$A$2:$C$346,2,0))^2+(VLOOKUP($A202,városok!$A$2:$C$346,3,0)-VLOOKUP(AB$1,városok!$A$2:$C$346,3,0))^2)/1000,0)</f>
        <v>162</v>
      </c>
      <c r="AC202">
        <f ca="1">ROUND(SQRT((VLOOKUP($A202,városok!$A$2:$C$346,2,0)-VLOOKUP(AC$1,városok!$A$2:$C$346,2,0))^2+(VLOOKUP($A202,városok!$A$2:$C$346,3,0)-VLOOKUP(AC$1,városok!$A$2:$C$346,3,0))^2)/1000,0)</f>
        <v>146</v>
      </c>
      <c r="AD202">
        <f ca="1">ROUND(SQRT((VLOOKUP($A202,városok!$A$2:$C$346,2,0)-VLOOKUP(AD$1,városok!$A$2:$C$346,2,0))^2+(VLOOKUP($A202,városok!$A$2:$C$346,3,0)-VLOOKUP(AD$1,városok!$A$2:$C$346,3,0))^2)/1000,0)</f>
        <v>128</v>
      </c>
      <c r="AE202">
        <f ca="1">ROUND(SQRT((VLOOKUP($A202,városok!$A$2:$C$346,2,0)-VLOOKUP(AE$1,városok!$A$2:$C$346,2,0))^2+(VLOOKUP($A202,városok!$A$2:$C$346,3,0)-VLOOKUP(AE$1,városok!$A$2:$C$346,3,0))^2)/1000,0)</f>
        <v>133</v>
      </c>
      <c r="AF202">
        <f ca="1">ROUND(SQRT((VLOOKUP($A202,városok!$A$2:$C$346,2,0)-VLOOKUP(AF$1,városok!$A$2:$C$346,2,0))^2+(VLOOKUP($A202,városok!$A$2:$C$346,3,0)-VLOOKUP(AF$1,városok!$A$2:$C$346,3,0))^2)/1000,0)</f>
        <v>72</v>
      </c>
      <c r="AG202">
        <f ca="1">ROUND(SQRT((VLOOKUP($A202,városok!$A$2:$C$346,2,0)-VLOOKUP(AG$1,városok!$A$2:$C$346,2,0))^2+(VLOOKUP($A202,városok!$A$2:$C$346,3,0)-VLOOKUP(AG$1,városok!$A$2:$C$346,3,0))^2)/1000,0)</f>
        <v>36</v>
      </c>
      <c r="AH202">
        <f ca="1">ROUND(SQRT((VLOOKUP($A202,városok!$A$2:$C$346,2,0)-VLOOKUP(AH$1,városok!$A$2:$C$346,2,0))^2+(VLOOKUP($A202,városok!$A$2:$C$346,3,0)-VLOOKUP(AH$1,városok!$A$2:$C$346,3,0))^2)/1000,0)</f>
        <v>14</v>
      </c>
      <c r="AI202">
        <f ca="1">ROUND(SQRT((VLOOKUP($A202,városok!$A$2:$C$346,2,0)-VLOOKUP(AI$1,városok!$A$2:$C$346,2,0))^2+(VLOOKUP($A202,városok!$A$2:$C$346,3,0)-VLOOKUP(AI$1,városok!$A$2:$C$346,3,0))^2)/1000,0)</f>
        <v>61</v>
      </c>
      <c r="AJ202">
        <f ca="1">ROUND(SQRT((VLOOKUP($A202,városok!$A$2:$C$346,2,0)-VLOOKUP(AJ$1,városok!$A$2:$C$346,2,0))^2+(VLOOKUP($A202,városok!$A$2:$C$346,3,0)-VLOOKUP(AJ$1,városok!$A$2:$C$346,3,0))^2)/1000,0)</f>
        <v>37</v>
      </c>
      <c r="AK202">
        <f ca="1">ROUND(SQRT((VLOOKUP($A202,városok!$A$2:$C$346,2,0)-VLOOKUP(AK$1,városok!$A$2:$C$346,2,0))^2+(VLOOKUP($A202,városok!$A$2:$C$346,3,0)-VLOOKUP(AK$1,városok!$A$2:$C$346,3,0))^2)/1000,0)</f>
        <v>119</v>
      </c>
      <c r="AL202">
        <f ca="1">ROUND(SQRT((VLOOKUP($A202,városok!$A$2:$C$346,2,0)-VLOOKUP(AL$1,városok!$A$2:$C$346,2,0))^2+(VLOOKUP($A202,városok!$A$2:$C$346,3,0)-VLOOKUP(AL$1,városok!$A$2:$C$346,3,0))^2)/1000,0)</f>
        <v>92</v>
      </c>
      <c r="AM202">
        <f ca="1">ROUND(SQRT((VLOOKUP($A202,városok!$A$2:$C$346,2,0)-VLOOKUP(AM$1,városok!$A$2:$C$346,2,0))^2+(VLOOKUP($A202,városok!$A$2:$C$346,3,0)-VLOOKUP(AM$1,városok!$A$2:$C$346,3,0))^2)/1000,0)</f>
        <v>74</v>
      </c>
      <c r="AN202">
        <f ca="1">ROUND(SQRT((VLOOKUP($A202,városok!$A$2:$C$346,2,0)-VLOOKUP(AN$1,városok!$A$2:$C$346,2,0))^2+(VLOOKUP($A202,városok!$A$2:$C$346,3,0)-VLOOKUP(AN$1,városok!$A$2:$C$346,3,0))^2)/1000,0)</f>
        <v>58</v>
      </c>
      <c r="AO202">
        <f ca="1">ROUND(SQRT((VLOOKUP($A202,városok!$A$2:$C$346,2,0)-VLOOKUP(AO$1,városok!$A$2:$C$346,2,0))^2+(VLOOKUP($A202,városok!$A$2:$C$346,3,0)-VLOOKUP(AO$1,városok!$A$2:$C$346,3,0))^2)/1000,0)</f>
        <v>103</v>
      </c>
      <c r="AP202">
        <f ca="1">ROUND(SQRT((VLOOKUP($A202,városok!$A$2:$C$346,2,0)-VLOOKUP(AP$1,városok!$A$2:$C$346,2,0))^2+(VLOOKUP($A202,városok!$A$2:$C$346,3,0)-VLOOKUP(AP$1,városok!$A$2:$C$346,3,0))^2)/1000,0)</f>
        <v>87</v>
      </c>
      <c r="AQ202">
        <f ca="1">ROUND(SQRT((VLOOKUP($A202,városok!$A$2:$C$346,2,0)-VLOOKUP(AQ$1,városok!$A$2:$C$346,2,0))^2+(VLOOKUP($A202,városok!$A$2:$C$346,3,0)-VLOOKUP(AQ$1,városok!$A$2:$C$346,3,0))^2)/1000,0)</f>
        <v>82</v>
      </c>
      <c r="AR202">
        <f ca="1">ROUND(SQRT((VLOOKUP($A202,városok!$A$2:$C$346,2,0)-VLOOKUP(AR$1,városok!$A$2:$C$346,2,0))^2+(VLOOKUP($A202,városok!$A$2:$C$346,3,0)-VLOOKUP(AR$1,városok!$A$2:$C$346,3,0))^2)/1000,0)</f>
        <v>34</v>
      </c>
      <c r="AS202">
        <f ca="1">ROUND(SQRT((VLOOKUP($A202,városok!$A$2:$C$346,2,0)-VLOOKUP(AS$1,városok!$A$2:$C$346,2,0))^2+(VLOOKUP($A202,városok!$A$2:$C$346,3,0)-VLOOKUP(AS$1,városok!$A$2:$C$346,3,0))^2)/1000,0)</f>
        <v>57</v>
      </c>
      <c r="AT202">
        <f ca="1">ROUND(SQRT((VLOOKUP($A202,városok!$A$2:$C$346,2,0)-VLOOKUP(AT$1,városok!$A$2:$C$346,2,0))^2+(VLOOKUP($A202,városok!$A$2:$C$346,3,0)-VLOOKUP(AT$1,városok!$A$2:$C$346,3,0))^2)/1000,0)</f>
        <v>54</v>
      </c>
      <c r="AU202">
        <f ca="1">ROUND(SQRT((VLOOKUP($A202,városok!$A$2:$C$346,2,0)-VLOOKUP(AU$1,városok!$A$2:$C$346,2,0))^2+(VLOOKUP($A202,városok!$A$2:$C$346,3,0)-VLOOKUP(AU$1,városok!$A$2:$C$346,3,0))^2)/1000,0)</f>
        <v>45</v>
      </c>
      <c r="AV202">
        <f ca="1">ROUND(SQRT((VLOOKUP($A202,városok!$A$2:$C$346,2,0)-VLOOKUP(AV$1,városok!$A$2:$C$346,2,0))^2+(VLOOKUP($A202,városok!$A$2:$C$346,3,0)-VLOOKUP(AV$1,városok!$A$2:$C$346,3,0))^2)/1000,0)</f>
        <v>49</v>
      </c>
      <c r="AW202">
        <f ca="1">ROUND(SQRT((VLOOKUP($A202,városok!$A$2:$C$346,2,0)-VLOOKUP(AW$1,városok!$A$2:$C$346,2,0))^2+(VLOOKUP($A202,városok!$A$2:$C$346,3,0)-VLOOKUP(AW$1,városok!$A$2:$C$346,3,0))^2)/1000,0)</f>
        <v>52</v>
      </c>
      <c r="AX202">
        <f ca="1">ROUND(SQRT((VLOOKUP($A202,városok!$A$2:$C$346,2,0)-VLOOKUP(AX$1,városok!$A$2:$C$346,2,0))^2+(VLOOKUP($A202,városok!$A$2:$C$346,3,0)-VLOOKUP(AX$1,városok!$A$2:$C$346,3,0))^2)/1000,0)</f>
        <v>73</v>
      </c>
      <c r="AY202">
        <f ca="1">ROUND(SQRT((VLOOKUP($A202,városok!$A$2:$C$346,2,0)-VLOOKUP(AY$1,városok!$A$2:$C$346,2,0))^2+(VLOOKUP($A202,városok!$A$2:$C$346,3,0)-VLOOKUP(AY$1,városok!$A$2:$C$346,3,0))^2)/1000,0)</f>
        <v>32</v>
      </c>
      <c r="AZ202">
        <f ca="1">ROUND(SQRT((VLOOKUP($A202,városok!$A$2:$C$346,2,0)-VLOOKUP(AZ$1,városok!$A$2:$C$346,2,0))^2+(VLOOKUP($A202,városok!$A$2:$C$346,3,0)-VLOOKUP(AZ$1,városok!$A$2:$C$346,3,0))^2)/1000,0)</f>
        <v>42</v>
      </c>
      <c r="BA202">
        <f ca="1">ROUND(SQRT((VLOOKUP($A202,városok!$A$2:$C$346,2,0)-VLOOKUP(BA$1,városok!$A$2:$C$346,2,0))^2+(VLOOKUP($A202,városok!$A$2:$C$346,3,0)-VLOOKUP(BA$1,városok!$A$2:$C$346,3,0))^2)/1000,0)</f>
        <v>166</v>
      </c>
      <c r="BB202">
        <f ca="1">ROUND(SQRT((VLOOKUP($A202,városok!$A$2:$C$346,2,0)-VLOOKUP(BB$1,városok!$A$2:$C$346,2,0))^2+(VLOOKUP($A202,városok!$A$2:$C$346,3,0)-VLOOKUP(BB$1,városok!$A$2:$C$346,3,0))^2)/1000,0)</f>
        <v>170</v>
      </c>
      <c r="BC202">
        <f ca="1">ROUND(SQRT((VLOOKUP($A202,városok!$A$2:$C$346,2,0)-VLOOKUP(BC$1,városok!$A$2:$C$346,2,0))^2+(VLOOKUP($A202,városok!$A$2:$C$346,3,0)-VLOOKUP(BC$1,városok!$A$2:$C$346,3,0))^2)/1000,0)</f>
        <v>193</v>
      </c>
      <c r="BD202">
        <f ca="1">ROUND(SQRT((VLOOKUP($A202,városok!$A$2:$C$346,2,0)-VLOOKUP(BD$1,városok!$A$2:$C$346,2,0))^2+(VLOOKUP($A202,városok!$A$2:$C$346,3,0)-VLOOKUP(BD$1,városok!$A$2:$C$346,3,0))^2)/1000,0)</f>
        <v>136</v>
      </c>
      <c r="BE202">
        <f ca="1">ROUND(SQRT((VLOOKUP($A202,városok!$A$2:$C$346,2,0)-VLOOKUP(BE$1,városok!$A$2:$C$346,2,0))^2+(VLOOKUP($A202,városok!$A$2:$C$346,3,0)-VLOOKUP(BE$1,városok!$A$2:$C$346,3,0))^2)/1000,0)</f>
        <v>240</v>
      </c>
      <c r="BF202">
        <f ca="1">ROUND(SQRT((VLOOKUP($A202,városok!$A$2:$C$346,2,0)-VLOOKUP(BF$1,városok!$A$2:$C$346,2,0))^2+(VLOOKUP($A202,városok!$A$2:$C$346,3,0)-VLOOKUP(BF$1,városok!$A$2:$C$346,3,0))^2)/1000,0)</f>
        <v>204</v>
      </c>
      <c r="BG202">
        <f ca="1">ROUND(SQRT((VLOOKUP($A202,városok!$A$2:$C$346,2,0)-VLOOKUP(BG$1,városok!$A$2:$C$346,2,0))^2+(VLOOKUP($A202,városok!$A$2:$C$346,3,0)-VLOOKUP(BG$1,városok!$A$2:$C$346,3,0))^2)/1000,0)</f>
        <v>157</v>
      </c>
      <c r="BH202">
        <f ca="1">ROUND(SQRT((VLOOKUP($A202,városok!$A$2:$C$346,2,0)-VLOOKUP(BH$1,városok!$A$2:$C$346,2,0))^2+(VLOOKUP($A202,városok!$A$2:$C$346,3,0)-VLOOKUP(BH$1,városok!$A$2:$C$346,3,0))^2)/1000,0)</f>
        <v>157</v>
      </c>
      <c r="BI202">
        <f ca="1">ROUND(SQRT((VLOOKUP($A202,városok!$A$2:$C$346,2,0)-VLOOKUP(BI$1,városok!$A$2:$C$346,2,0))^2+(VLOOKUP($A202,városok!$A$2:$C$346,3,0)-VLOOKUP(BI$1,városok!$A$2:$C$346,3,0))^2)/1000,0)</f>
        <v>154</v>
      </c>
      <c r="BJ202">
        <f ca="1">ROUND(SQRT((VLOOKUP($A202,városok!$A$2:$C$346,2,0)-VLOOKUP(BJ$1,városok!$A$2:$C$346,2,0))^2+(VLOOKUP($A202,városok!$A$2:$C$346,3,0)-VLOOKUP(BJ$1,városok!$A$2:$C$346,3,0))^2)/1000,0)</f>
        <v>171</v>
      </c>
      <c r="BK202">
        <f ca="1">ROUND(SQRT((VLOOKUP($A202,városok!$A$2:$C$346,2,0)-VLOOKUP(BK$1,városok!$A$2:$C$346,2,0))^2+(VLOOKUP($A202,városok!$A$2:$C$346,3,0)-VLOOKUP(BK$1,városok!$A$2:$C$346,3,0))^2)/1000,0)</f>
        <v>156</v>
      </c>
      <c r="BL202">
        <f ca="1">ROUND(SQRT((VLOOKUP($A202,városok!$A$2:$C$346,2,0)-VLOOKUP(BL$1,városok!$A$2:$C$346,2,0))^2+(VLOOKUP($A202,városok!$A$2:$C$346,3,0)-VLOOKUP(BL$1,városok!$A$2:$C$346,3,0))^2)/1000,0)</f>
        <v>229</v>
      </c>
      <c r="BM202">
        <f ca="1">ROUND(SQRT((VLOOKUP($A202,városok!$A$2:$C$346,2,0)-VLOOKUP(BM$1,városok!$A$2:$C$346,2,0))^2+(VLOOKUP($A202,városok!$A$2:$C$346,3,0)-VLOOKUP(BM$1,városok!$A$2:$C$346,3,0))^2)/1000,0)</f>
        <v>197</v>
      </c>
      <c r="BN202">
        <f ca="1">ROUND(SQRT((VLOOKUP($A202,városok!$A$2:$C$346,2,0)-VLOOKUP(BN$1,városok!$A$2:$C$346,2,0))^2+(VLOOKUP($A202,városok!$A$2:$C$346,3,0)-VLOOKUP(BN$1,városok!$A$2:$C$346,3,0))^2)/1000,0)</f>
        <v>221</v>
      </c>
      <c r="BO202">
        <f ca="1">ROUND(SQRT((VLOOKUP($A202,városok!$A$2:$C$346,2,0)-VLOOKUP(BO$1,városok!$A$2:$C$346,2,0))^2+(VLOOKUP($A202,városok!$A$2:$C$346,3,0)-VLOOKUP(BO$1,városok!$A$2:$C$346,3,0))^2)/1000,0)</f>
        <v>131</v>
      </c>
      <c r="BP202">
        <f ca="1">ROUND(SQRT((VLOOKUP($A202,városok!$A$2:$C$346,2,0)-VLOOKUP(BP$1,városok!$A$2:$C$346,2,0))^2+(VLOOKUP($A202,városok!$A$2:$C$346,3,0)-VLOOKUP(BP$1,városok!$A$2:$C$346,3,0))^2)/1000,0)</f>
        <v>124</v>
      </c>
      <c r="BQ202">
        <f ca="1">ROUND(SQRT((VLOOKUP($A202,városok!$A$2:$C$346,2,0)-VLOOKUP(BQ$1,városok!$A$2:$C$346,2,0))^2+(VLOOKUP($A202,városok!$A$2:$C$346,3,0)-VLOOKUP(BQ$1,városok!$A$2:$C$346,3,0))^2)/1000,0)</f>
        <v>134</v>
      </c>
      <c r="BR202">
        <f ca="1">ROUND(SQRT((VLOOKUP($A202,városok!$A$2:$C$346,2,0)-VLOOKUP(BR$1,városok!$A$2:$C$346,2,0))^2+(VLOOKUP($A202,városok!$A$2:$C$346,3,0)-VLOOKUP(BR$1,városok!$A$2:$C$346,3,0))^2)/1000,0)</f>
        <v>195</v>
      </c>
      <c r="BS202">
        <f ca="1">ROUND(SQRT((VLOOKUP($A202,városok!$A$2:$C$346,2,0)-VLOOKUP(BS$1,városok!$A$2:$C$346,2,0))^2+(VLOOKUP($A202,városok!$A$2:$C$346,3,0)-VLOOKUP(BS$1,városok!$A$2:$C$346,3,0))^2)/1000,0)</f>
        <v>232</v>
      </c>
      <c r="BT202">
        <f ca="1">ROUND(SQRT((VLOOKUP($A202,városok!$A$2:$C$346,2,0)-VLOOKUP(BT$1,városok!$A$2:$C$346,2,0))^2+(VLOOKUP($A202,városok!$A$2:$C$346,3,0)-VLOOKUP(BT$1,városok!$A$2:$C$346,3,0))^2)/1000,0)</f>
        <v>220</v>
      </c>
    </row>
    <row r="203" spans="1:72" x14ac:dyDescent="0.2">
      <c r="A203" t="str">
        <f>városok!A203</f>
        <v>Biatorbágy</v>
      </c>
      <c r="B203">
        <f ca="1">ROUND(SQRT((VLOOKUP($A203,városok!$A$2:$C$346,2,0)-VLOOKUP(B$1,városok!$A$2:$C$346,2,0))^2+(VLOOKUP($A203,városok!$A$2:$C$346,3,0)-VLOOKUP(B$1,városok!$A$2:$C$346,3,0))^2)/1000,0)</f>
        <v>143</v>
      </c>
      <c r="C203">
        <f ca="1">ROUND(SQRT((VLOOKUP($A203,városok!$A$2:$C$346,2,0)-VLOOKUP(C$1,városok!$A$2:$C$346,2,0))^2+(VLOOKUP($A203,városok!$A$2:$C$346,3,0)-VLOOKUP(C$1,városok!$A$2:$C$346,3,0))^2)/1000,0)</f>
        <v>106</v>
      </c>
      <c r="D203">
        <f ca="1">ROUND(SQRT((VLOOKUP($A203,városok!$A$2:$C$346,2,0)-VLOOKUP(D$1,városok!$A$2:$C$346,2,0))^2+(VLOOKUP($A203,városok!$A$2:$C$346,3,0)-VLOOKUP(D$1,városok!$A$2:$C$346,3,0))^2)/1000,0)</f>
        <v>91</v>
      </c>
      <c r="E203">
        <f ca="1">ROUND(SQRT((VLOOKUP($A203,városok!$A$2:$C$346,2,0)-VLOOKUP(E$1,városok!$A$2:$C$346,2,0))^2+(VLOOKUP($A203,városok!$A$2:$C$346,3,0)-VLOOKUP(E$1,városok!$A$2:$C$346,3,0))^2)/1000,0)</f>
        <v>149</v>
      </c>
      <c r="F203">
        <f ca="1">ROUND(SQRT((VLOOKUP($A203,városok!$A$2:$C$346,2,0)-VLOOKUP(F$1,városok!$A$2:$C$346,2,0))^2+(VLOOKUP($A203,városok!$A$2:$C$346,3,0)-VLOOKUP(F$1,városok!$A$2:$C$346,3,0))^2)/1000,0)</f>
        <v>165</v>
      </c>
      <c r="G203">
        <f ca="1">ROUND(SQRT((VLOOKUP($A203,városok!$A$2:$C$346,2,0)-VLOOKUP(G$1,városok!$A$2:$C$346,2,0))^2+(VLOOKUP($A203,városok!$A$2:$C$346,3,0)-VLOOKUP(G$1,városok!$A$2:$C$346,3,0))^2)/1000,0)</f>
        <v>161</v>
      </c>
      <c r="H203">
        <f ca="1">ROUND(SQRT((VLOOKUP($A203,városok!$A$2:$C$346,2,0)-VLOOKUP(H$1,városok!$A$2:$C$346,2,0))^2+(VLOOKUP($A203,városok!$A$2:$C$346,3,0)-VLOOKUP(H$1,városok!$A$2:$C$346,3,0))^2)/1000,0)</f>
        <v>177</v>
      </c>
      <c r="I203">
        <f ca="1">ROUND(SQRT((VLOOKUP($A203,városok!$A$2:$C$346,2,0)-VLOOKUP(I$1,városok!$A$2:$C$346,2,0))^2+(VLOOKUP($A203,városok!$A$2:$C$346,3,0)-VLOOKUP(I$1,városok!$A$2:$C$346,3,0))^2)/1000,0)</f>
        <v>193</v>
      </c>
      <c r="J203">
        <f ca="1">ROUND(SQRT((VLOOKUP($A203,városok!$A$2:$C$346,2,0)-VLOOKUP(J$1,városok!$A$2:$C$346,2,0))^2+(VLOOKUP($A203,városok!$A$2:$C$346,3,0)-VLOOKUP(J$1,városok!$A$2:$C$346,3,0))^2)/1000,0)</f>
        <v>208</v>
      </c>
      <c r="K203">
        <f ca="1">ROUND(SQRT((VLOOKUP($A203,városok!$A$2:$C$346,2,0)-VLOOKUP(K$1,városok!$A$2:$C$346,2,0))^2+(VLOOKUP($A203,városok!$A$2:$C$346,3,0)-VLOOKUP(K$1,városok!$A$2:$C$346,3,0))^2)/1000,0)</f>
        <v>173</v>
      </c>
      <c r="L203">
        <f ca="1">ROUND(SQRT((VLOOKUP($A203,városok!$A$2:$C$346,2,0)-VLOOKUP(L$1,városok!$A$2:$C$346,2,0))^2+(VLOOKUP($A203,városok!$A$2:$C$346,3,0)-VLOOKUP(L$1,városok!$A$2:$C$346,3,0))^2)/1000,0)</f>
        <v>161</v>
      </c>
      <c r="M203">
        <f ca="1">ROUND(SQRT((VLOOKUP($A203,városok!$A$2:$C$346,2,0)-VLOOKUP(M$1,városok!$A$2:$C$346,2,0))^2+(VLOOKUP($A203,városok!$A$2:$C$346,3,0)-VLOOKUP(M$1,városok!$A$2:$C$346,3,0))^2)/1000,0)</f>
        <v>164</v>
      </c>
      <c r="N203">
        <f ca="1">ROUND(SQRT((VLOOKUP($A203,városok!$A$2:$C$346,2,0)-VLOOKUP(N$1,városok!$A$2:$C$346,2,0))^2+(VLOOKUP($A203,városok!$A$2:$C$346,3,0)-VLOOKUP(N$1,városok!$A$2:$C$346,3,0))^2)/1000,0)</f>
        <v>138</v>
      </c>
      <c r="O203">
        <f ca="1">ROUND(SQRT((VLOOKUP($A203,városok!$A$2:$C$346,2,0)-VLOOKUP(O$1,városok!$A$2:$C$346,2,0))^2+(VLOOKUP($A203,városok!$A$2:$C$346,3,0)-VLOOKUP(O$1,városok!$A$2:$C$346,3,0))^2)/1000,0)</f>
        <v>235</v>
      </c>
      <c r="P203">
        <f ca="1">ROUND(SQRT((VLOOKUP($A203,városok!$A$2:$C$346,2,0)-VLOOKUP(P$1,városok!$A$2:$C$346,2,0))^2+(VLOOKUP($A203,városok!$A$2:$C$346,3,0)-VLOOKUP(P$1,városok!$A$2:$C$346,3,0))^2)/1000,0)</f>
        <v>235</v>
      </c>
      <c r="Q203">
        <f ca="1">ROUND(SQRT((VLOOKUP($A203,városok!$A$2:$C$346,2,0)-VLOOKUP(Q$1,városok!$A$2:$C$346,2,0))^2+(VLOOKUP($A203,városok!$A$2:$C$346,3,0)-VLOOKUP(Q$1,városok!$A$2:$C$346,3,0))^2)/1000,0)</f>
        <v>164</v>
      </c>
      <c r="R203">
        <f ca="1">ROUND(SQRT((VLOOKUP($A203,városok!$A$2:$C$346,2,0)-VLOOKUP(R$1,városok!$A$2:$C$346,2,0))^2+(VLOOKUP($A203,városok!$A$2:$C$346,3,0)-VLOOKUP(R$1,városok!$A$2:$C$346,3,0))^2)/1000,0)</f>
        <v>188</v>
      </c>
      <c r="S203">
        <f ca="1">ROUND(SQRT((VLOOKUP($A203,városok!$A$2:$C$346,2,0)-VLOOKUP(S$1,városok!$A$2:$C$346,2,0))^2+(VLOOKUP($A203,városok!$A$2:$C$346,3,0)-VLOOKUP(S$1,városok!$A$2:$C$346,3,0))^2)/1000,0)</f>
        <v>170</v>
      </c>
      <c r="T203">
        <f ca="1">ROUND(SQRT((VLOOKUP($A203,városok!$A$2:$C$346,2,0)-VLOOKUP(T$1,városok!$A$2:$C$346,2,0))^2+(VLOOKUP($A203,városok!$A$2:$C$346,3,0)-VLOOKUP(T$1,városok!$A$2:$C$346,3,0))^2)/1000,0)</f>
        <v>14</v>
      </c>
      <c r="U203">
        <f ca="1">ROUND(SQRT((VLOOKUP($A203,városok!$A$2:$C$346,2,0)-VLOOKUP(U$1,városok!$A$2:$C$346,2,0))^2+(VLOOKUP($A203,városok!$A$2:$C$346,3,0)-VLOOKUP(U$1,városok!$A$2:$C$346,3,0))^2)/1000,0)</f>
        <v>57</v>
      </c>
      <c r="V203">
        <f ca="1">ROUND(SQRT((VLOOKUP($A203,városok!$A$2:$C$346,2,0)-VLOOKUP(V$1,városok!$A$2:$C$346,2,0))^2+(VLOOKUP($A203,városok!$A$2:$C$346,3,0)-VLOOKUP(V$1,városok!$A$2:$C$346,3,0))^2)/1000,0)</f>
        <v>60</v>
      </c>
      <c r="W203">
        <f ca="1">ROUND(SQRT((VLOOKUP($A203,városok!$A$2:$C$346,2,0)-VLOOKUP(W$1,városok!$A$2:$C$346,2,0))^2+(VLOOKUP($A203,városok!$A$2:$C$346,3,0)-VLOOKUP(W$1,városok!$A$2:$C$346,3,0))^2)/1000,0)</f>
        <v>67</v>
      </c>
      <c r="X203">
        <f ca="1">ROUND(SQRT((VLOOKUP($A203,városok!$A$2:$C$346,2,0)-VLOOKUP(X$1,városok!$A$2:$C$346,2,0))^2+(VLOOKUP($A203,városok!$A$2:$C$346,3,0)-VLOOKUP(X$1,városok!$A$2:$C$346,3,0))^2)/1000,0)</f>
        <v>42</v>
      </c>
      <c r="Y203">
        <f ca="1">ROUND(SQRT((VLOOKUP($A203,városok!$A$2:$C$346,2,0)-VLOOKUP(Y$1,városok!$A$2:$C$346,2,0))^2+(VLOOKUP($A203,városok!$A$2:$C$346,3,0)-VLOOKUP(Y$1,városok!$A$2:$C$346,3,0))^2)/1000,0)</f>
        <v>92</v>
      </c>
      <c r="Z203">
        <f ca="1">ROUND(SQRT((VLOOKUP($A203,városok!$A$2:$C$346,2,0)-VLOOKUP(Z$1,városok!$A$2:$C$346,2,0))^2+(VLOOKUP($A203,városok!$A$2:$C$346,3,0)-VLOOKUP(Z$1,városok!$A$2:$C$346,3,0))^2)/1000,0)</f>
        <v>111</v>
      </c>
      <c r="AA203">
        <f ca="1">ROUND(SQRT((VLOOKUP($A203,városok!$A$2:$C$346,2,0)-VLOOKUP(AA$1,városok!$A$2:$C$346,2,0))^2+(VLOOKUP($A203,városok!$A$2:$C$346,3,0)-VLOOKUP(AA$1,városok!$A$2:$C$346,3,0))^2)/1000,0)</f>
        <v>170</v>
      </c>
      <c r="AB203">
        <f ca="1">ROUND(SQRT((VLOOKUP($A203,városok!$A$2:$C$346,2,0)-VLOOKUP(AB$1,városok!$A$2:$C$346,2,0))^2+(VLOOKUP($A203,városok!$A$2:$C$346,3,0)-VLOOKUP(AB$1,városok!$A$2:$C$346,3,0))^2)/1000,0)</f>
        <v>212</v>
      </c>
      <c r="AC203">
        <f ca="1">ROUND(SQRT((VLOOKUP($A203,városok!$A$2:$C$346,2,0)-VLOOKUP(AC$1,városok!$A$2:$C$346,2,0))^2+(VLOOKUP($A203,városok!$A$2:$C$346,3,0)-VLOOKUP(AC$1,városok!$A$2:$C$346,3,0))^2)/1000,0)</f>
        <v>194</v>
      </c>
      <c r="AD203">
        <f ca="1">ROUND(SQRT((VLOOKUP($A203,városok!$A$2:$C$346,2,0)-VLOOKUP(AD$1,városok!$A$2:$C$346,2,0))^2+(VLOOKUP($A203,városok!$A$2:$C$346,3,0)-VLOOKUP(AD$1,városok!$A$2:$C$346,3,0))^2)/1000,0)</f>
        <v>177</v>
      </c>
      <c r="AE203">
        <f ca="1">ROUND(SQRT((VLOOKUP($A203,városok!$A$2:$C$346,2,0)-VLOOKUP(AE$1,városok!$A$2:$C$346,2,0))^2+(VLOOKUP($A203,városok!$A$2:$C$346,3,0)-VLOOKUP(AE$1,városok!$A$2:$C$346,3,0))^2)/1000,0)</f>
        <v>179</v>
      </c>
      <c r="AF203">
        <f ca="1">ROUND(SQRT((VLOOKUP($A203,városok!$A$2:$C$346,2,0)-VLOOKUP(AF$1,városok!$A$2:$C$346,2,0))^2+(VLOOKUP($A203,városok!$A$2:$C$346,3,0)-VLOOKUP(AF$1,városok!$A$2:$C$346,3,0))^2)/1000,0)</f>
        <v>126</v>
      </c>
      <c r="AG203">
        <f ca="1">ROUND(SQRT((VLOOKUP($A203,városok!$A$2:$C$346,2,0)-VLOOKUP(AG$1,városok!$A$2:$C$346,2,0))^2+(VLOOKUP($A203,városok!$A$2:$C$346,3,0)-VLOOKUP(AG$1,városok!$A$2:$C$346,3,0))^2)/1000,0)</f>
        <v>90</v>
      </c>
      <c r="AH203">
        <f ca="1">ROUND(SQRT((VLOOKUP($A203,városok!$A$2:$C$346,2,0)-VLOOKUP(AH$1,városok!$A$2:$C$346,2,0))^2+(VLOOKUP($A203,városok!$A$2:$C$346,3,0)-VLOOKUP(AH$1,városok!$A$2:$C$346,3,0))^2)/1000,0)</f>
        <v>68</v>
      </c>
      <c r="AI203">
        <f ca="1">ROUND(SQRT((VLOOKUP($A203,városok!$A$2:$C$346,2,0)-VLOOKUP(AI$1,városok!$A$2:$C$346,2,0))^2+(VLOOKUP($A203,városok!$A$2:$C$346,3,0)-VLOOKUP(AI$1,városok!$A$2:$C$346,3,0))^2)/1000,0)</f>
        <v>114</v>
      </c>
      <c r="AJ203">
        <f ca="1">ROUND(SQRT((VLOOKUP($A203,városok!$A$2:$C$346,2,0)-VLOOKUP(AJ$1,városok!$A$2:$C$346,2,0))^2+(VLOOKUP($A203,városok!$A$2:$C$346,3,0)-VLOOKUP(AJ$1,városok!$A$2:$C$346,3,0))^2)/1000,0)</f>
        <v>89</v>
      </c>
      <c r="AK203">
        <f ca="1">ROUND(SQRT((VLOOKUP($A203,városok!$A$2:$C$346,2,0)-VLOOKUP(AK$1,városok!$A$2:$C$346,2,0))^2+(VLOOKUP($A203,városok!$A$2:$C$346,3,0)-VLOOKUP(AK$1,városok!$A$2:$C$346,3,0))^2)/1000,0)</f>
        <v>164</v>
      </c>
      <c r="AL203">
        <f ca="1">ROUND(SQRT((VLOOKUP($A203,városok!$A$2:$C$346,2,0)-VLOOKUP(AL$1,városok!$A$2:$C$346,2,0))^2+(VLOOKUP($A203,városok!$A$2:$C$346,3,0)-VLOOKUP(AL$1,városok!$A$2:$C$346,3,0))^2)/1000,0)</f>
        <v>137</v>
      </c>
      <c r="AM203">
        <f ca="1">ROUND(SQRT((VLOOKUP($A203,városok!$A$2:$C$346,2,0)-VLOOKUP(AM$1,városok!$A$2:$C$346,2,0))^2+(VLOOKUP($A203,városok!$A$2:$C$346,3,0)-VLOOKUP(AM$1,városok!$A$2:$C$346,3,0))^2)/1000,0)</f>
        <v>108</v>
      </c>
      <c r="AN203">
        <f ca="1">ROUND(SQRT((VLOOKUP($A203,városok!$A$2:$C$346,2,0)-VLOOKUP(AN$1,városok!$A$2:$C$346,2,0))^2+(VLOOKUP($A203,városok!$A$2:$C$346,3,0)-VLOOKUP(AN$1,városok!$A$2:$C$346,3,0))^2)/1000,0)</f>
        <v>36</v>
      </c>
      <c r="AO203">
        <f ca="1">ROUND(SQRT((VLOOKUP($A203,városok!$A$2:$C$346,2,0)-VLOOKUP(AO$1,városok!$A$2:$C$346,2,0))^2+(VLOOKUP($A203,városok!$A$2:$C$346,3,0)-VLOOKUP(AO$1,városok!$A$2:$C$346,3,0))^2)/1000,0)</f>
        <v>60</v>
      </c>
      <c r="AP203">
        <f ca="1">ROUND(SQRT((VLOOKUP($A203,városok!$A$2:$C$346,2,0)-VLOOKUP(AP$1,városok!$A$2:$C$346,2,0))^2+(VLOOKUP($A203,városok!$A$2:$C$346,3,0)-VLOOKUP(AP$1,városok!$A$2:$C$346,3,0))^2)/1000,0)</f>
        <v>41</v>
      </c>
      <c r="AQ203">
        <f ca="1">ROUND(SQRT((VLOOKUP($A203,városok!$A$2:$C$346,2,0)-VLOOKUP(AQ$1,városok!$A$2:$C$346,2,0))^2+(VLOOKUP($A203,városok!$A$2:$C$346,3,0)-VLOOKUP(AQ$1,városok!$A$2:$C$346,3,0))^2)/1000,0)</f>
        <v>33</v>
      </c>
      <c r="AR203">
        <f ca="1">ROUND(SQRT((VLOOKUP($A203,városok!$A$2:$C$346,2,0)-VLOOKUP(AR$1,városok!$A$2:$C$346,2,0))^2+(VLOOKUP($A203,városok!$A$2:$C$346,3,0)-VLOOKUP(AR$1,városok!$A$2:$C$346,3,0))^2)/1000,0)</f>
        <v>83</v>
      </c>
      <c r="AS203">
        <f ca="1">ROUND(SQRT((VLOOKUP($A203,városok!$A$2:$C$346,2,0)-VLOOKUP(AS$1,városok!$A$2:$C$346,2,0))^2+(VLOOKUP($A203,városok!$A$2:$C$346,3,0)-VLOOKUP(AS$1,városok!$A$2:$C$346,3,0))^2)/1000,0)</f>
        <v>103</v>
      </c>
      <c r="AT203">
        <f ca="1">ROUND(SQRT((VLOOKUP($A203,városok!$A$2:$C$346,2,0)-VLOOKUP(AT$1,városok!$A$2:$C$346,2,0))^2+(VLOOKUP($A203,városok!$A$2:$C$346,3,0)-VLOOKUP(AT$1,városok!$A$2:$C$346,3,0))^2)/1000,0)</f>
        <v>0</v>
      </c>
      <c r="AU203">
        <f ca="1">ROUND(SQRT((VLOOKUP($A203,városok!$A$2:$C$346,2,0)-VLOOKUP(AU$1,városok!$A$2:$C$346,2,0))^2+(VLOOKUP($A203,városok!$A$2:$C$346,3,0)-VLOOKUP(AU$1,városok!$A$2:$C$346,3,0))^2)/1000,0)</f>
        <v>11</v>
      </c>
      <c r="AV203">
        <f ca="1">ROUND(SQRT((VLOOKUP($A203,városok!$A$2:$C$346,2,0)-VLOOKUP(AV$1,városok!$A$2:$C$346,2,0))^2+(VLOOKUP($A203,városok!$A$2:$C$346,3,0)-VLOOKUP(AV$1,városok!$A$2:$C$346,3,0))^2)/1000,0)</f>
        <v>12</v>
      </c>
      <c r="AW203">
        <f ca="1">ROUND(SQRT((VLOOKUP($A203,városok!$A$2:$C$346,2,0)-VLOOKUP(AW$1,városok!$A$2:$C$346,2,0))^2+(VLOOKUP($A203,városok!$A$2:$C$346,3,0)-VLOOKUP(AW$1,városok!$A$2:$C$346,3,0))^2)/1000,0)</f>
        <v>11</v>
      </c>
      <c r="AX203">
        <f ca="1">ROUND(SQRT((VLOOKUP($A203,városok!$A$2:$C$346,2,0)-VLOOKUP(AX$1,városok!$A$2:$C$346,2,0))^2+(VLOOKUP($A203,városok!$A$2:$C$346,3,0)-VLOOKUP(AX$1,városok!$A$2:$C$346,3,0))^2)/1000,0)</f>
        <v>88</v>
      </c>
      <c r="AY203">
        <f ca="1">ROUND(SQRT((VLOOKUP($A203,városok!$A$2:$C$346,2,0)-VLOOKUP(AY$1,városok!$A$2:$C$346,2,0))^2+(VLOOKUP($A203,városok!$A$2:$C$346,3,0)-VLOOKUP(AY$1,városok!$A$2:$C$346,3,0))^2)/1000,0)</f>
        <v>30</v>
      </c>
      <c r="AZ203">
        <f ca="1">ROUND(SQRT((VLOOKUP($A203,városok!$A$2:$C$346,2,0)-VLOOKUP(AZ$1,városok!$A$2:$C$346,2,0))^2+(VLOOKUP($A203,városok!$A$2:$C$346,3,0)-VLOOKUP(AZ$1,városok!$A$2:$C$346,3,0))^2)/1000,0)</f>
        <v>37</v>
      </c>
      <c r="BA203">
        <f ca="1">ROUND(SQRT((VLOOKUP($A203,városok!$A$2:$C$346,2,0)-VLOOKUP(BA$1,városok!$A$2:$C$346,2,0))^2+(VLOOKUP($A203,városok!$A$2:$C$346,3,0)-VLOOKUP(BA$1,városok!$A$2:$C$346,3,0))^2)/1000,0)</f>
        <v>114</v>
      </c>
      <c r="BB203">
        <f ca="1">ROUND(SQRT((VLOOKUP($A203,városok!$A$2:$C$346,2,0)-VLOOKUP(BB$1,városok!$A$2:$C$346,2,0))^2+(VLOOKUP($A203,városok!$A$2:$C$346,3,0)-VLOOKUP(BB$1,városok!$A$2:$C$346,3,0))^2)/1000,0)</f>
        <v>123</v>
      </c>
      <c r="BC203">
        <f ca="1">ROUND(SQRT((VLOOKUP($A203,városok!$A$2:$C$346,2,0)-VLOOKUP(BC$1,városok!$A$2:$C$346,2,0))^2+(VLOOKUP($A203,városok!$A$2:$C$346,3,0)-VLOOKUP(BC$1,városok!$A$2:$C$346,3,0))^2)/1000,0)</f>
        <v>146</v>
      </c>
      <c r="BD203">
        <f ca="1">ROUND(SQRT((VLOOKUP($A203,városok!$A$2:$C$346,2,0)-VLOOKUP(BD$1,városok!$A$2:$C$346,2,0))^2+(VLOOKUP($A203,városok!$A$2:$C$346,3,0)-VLOOKUP(BD$1,városok!$A$2:$C$346,3,0))^2)/1000,0)</f>
        <v>85</v>
      </c>
      <c r="BE203">
        <f ca="1">ROUND(SQRT((VLOOKUP($A203,városok!$A$2:$C$346,2,0)-VLOOKUP(BE$1,városok!$A$2:$C$346,2,0))^2+(VLOOKUP($A203,városok!$A$2:$C$346,3,0)-VLOOKUP(BE$1,városok!$A$2:$C$346,3,0))^2)/1000,0)</f>
        <v>292</v>
      </c>
      <c r="BF203">
        <f ca="1">ROUND(SQRT((VLOOKUP($A203,városok!$A$2:$C$346,2,0)-VLOOKUP(BF$1,városok!$A$2:$C$346,2,0))^2+(VLOOKUP($A203,városok!$A$2:$C$346,3,0)-VLOOKUP(BF$1,városok!$A$2:$C$346,3,0))^2)/1000,0)</f>
        <v>258</v>
      </c>
      <c r="BG203">
        <f ca="1">ROUND(SQRT((VLOOKUP($A203,városok!$A$2:$C$346,2,0)-VLOOKUP(BG$1,városok!$A$2:$C$346,2,0))^2+(VLOOKUP($A203,városok!$A$2:$C$346,3,0)-VLOOKUP(BG$1,városok!$A$2:$C$346,3,0))^2)/1000,0)</f>
        <v>211</v>
      </c>
      <c r="BH203">
        <f ca="1">ROUND(SQRT((VLOOKUP($A203,városok!$A$2:$C$346,2,0)-VLOOKUP(BH$1,városok!$A$2:$C$346,2,0))^2+(VLOOKUP($A203,városok!$A$2:$C$346,3,0)-VLOOKUP(BH$1,városok!$A$2:$C$346,3,0))^2)/1000,0)</f>
        <v>211</v>
      </c>
      <c r="BI203">
        <f ca="1">ROUND(SQRT((VLOOKUP($A203,városok!$A$2:$C$346,2,0)-VLOOKUP(BI$1,városok!$A$2:$C$346,2,0))^2+(VLOOKUP($A203,városok!$A$2:$C$346,3,0)-VLOOKUP(BI$1,városok!$A$2:$C$346,3,0))^2)/1000,0)</f>
        <v>120</v>
      </c>
      <c r="BJ203">
        <f ca="1">ROUND(SQRT((VLOOKUP($A203,városok!$A$2:$C$346,2,0)-VLOOKUP(BJ$1,városok!$A$2:$C$346,2,0))^2+(VLOOKUP($A203,városok!$A$2:$C$346,3,0)-VLOOKUP(BJ$1,városok!$A$2:$C$346,3,0))^2)/1000,0)</f>
        <v>135</v>
      </c>
      <c r="BK203">
        <f ca="1">ROUND(SQRT((VLOOKUP($A203,városok!$A$2:$C$346,2,0)-VLOOKUP(BK$1,városok!$A$2:$C$346,2,0))^2+(VLOOKUP($A203,városok!$A$2:$C$346,3,0)-VLOOKUP(BK$1,városok!$A$2:$C$346,3,0))^2)/1000,0)</f>
        <v>125</v>
      </c>
      <c r="BL203">
        <f ca="1">ROUND(SQRT((VLOOKUP($A203,városok!$A$2:$C$346,2,0)-VLOOKUP(BL$1,városok!$A$2:$C$346,2,0))^2+(VLOOKUP($A203,városok!$A$2:$C$346,3,0)-VLOOKUP(BL$1,városok!$A$2:$C$346,3,0))^2)/1000,0)</f>
        <v>175</v>
      </c>
      <c r="BM203">
        <f ca="1">ROUND(SQRT((VLOOKUP($A203,városok!$A$2:$C$346,2,0)-VLOOKUP(BM$1,városok!$A$2:$C$346,2,0))^2+(VLOOKUP($A203,városok!$A$2:$C$346,3,0)-VLOOKUP(BM$1,városok!$A$2:$C$346,3,0))^2)/1000,0)</f>
        <v>144</v>
      </c>
      <c r="BN203">
        <f ca="1">ROUND(SQRT((VLOOKUP($A203,városok!$A$2:$C$346,2,0)-VLOOKUP(BN$1,városok!$A$2:$C$346,2,0))^2+(VLOOKUP($A203,városok!$A$2:$C$346,3,0)-VLOOKUP(BN$1,városok!$A$2:$C$346,3,0))^2)/1000,0)</f>
        <v>168</v>
      </c>
      <c r="BO203">
        <f ca="1">ROUND(SQRT((VLOOKUP($A203,városok!$A$2:$C$346,2,0)-VLOOKUP(BO$1,városok!$A$2:$C$346,2,0))^2+(VLOOKUP($A203,városok!$A$2:$C$346,3,0)-VLOOKUP(BO$1,városok!$A$2:$C$346,3,0))^2)/1000,0)</f>
        <v>78</v>
      </c>
      <c r="BP203">
        <f ca="1">ROUND(SQRT((VLOOKUP($A203,városok!$A$2:$C$346,2,0)-VLOOKUP(BP$1,városok!$A$2:$C$346,2,0))^2+(VLOOKUP($A203,városok!$A$2:$C$346,3,0)-VLOOKUP(BP$1,városok!$A$2:$C$346,3,0))^2)/1000,0)</f>
        <v>72</v>
      </c>
      <c r="BQ203">
        <f ca="1">ROUND(SQRT((VLOOKUP($A203,városok!$A$2:$C$346,2,0)-VLOOKUP(BQ$1,városok!$A$2:$C$346,2,0))^2+(VLOOKUP($A203,városok!$A$2:$C$346,3,0)-VLOOKUP(BQ$1,városok!$A$2:$C$346,3,0))^2)/1000,0)</f>
        <v>81</v>
      </c>
      <c r="BR203">
        <f ca="1">ROUND(SQRT((VLOOKUP($A203,városok!$A$2:$C$346,2,0)-VLOOKUP(BR$1,városok!$A$2:$C$346,2,0))^2+(VLOOKUP($A203,városok!$A$2:$C$346,3,0)-VLOOKUP(BR$1,városok!$A$2:$C$346,3,0))^2)/1000,0)</f>
        <v>142</v>
      </c>
      <c r="BS203">
        <f ca="1">ROUND(SQRT((VLOOKUP($A203,városok!$A$2:$C$346,2,0)-VLOOKUP(BS$1,városok!$A$2:$C$346,2,0))^2+(VLOOKUP($A203,városok!$A$2:$C$346,3,0)-VLOOKUP(BS$1,városok!$A$2:$C$346,3,0))^2)/1000,0)</f>
        <v>179</v>
      </c>
      <c r="BT203">
        <f ca="1">ROUND(SQRT((VLOOKUP($A203,városok!$A$2:$C$346,2,0)-VLOOKUP(BT$1,városok!$A$2:$C$346,2,0))^2+(VLOOKUP($A203,városok!$A$2:$C$346,3,0)-VLOOKUP(BT$1,városok!$A$2:$C$346,3,0))^2)/1000,0)</f>
        <v>166</v>
      </c>
    </row>
    <row r="204" spans="1:72" x14ac:dyDescent="0.2">
      <c r="A204" t="str">
        <f>városok!A204</f>
        <v>Budakalász</v>
      </c>
      <c r="B204">
        <f ca="1">ROUND(SQRT((VLOOKUP($A204,városok!$A$2:$C$346,2,0)-VLOOKUP(B$1,városok!$A$2:$C$346,2,0))^2+(VLOOKUP($A204,városok!$A$2:$C$346,3,0)-VLOOKUP(B$1,városok!$A$2:$C$346,3,0))^2)/1000,0)</f>
        <v>160</v>
      </c>
      <c r="C204">
        <f ca="1">ROUND(SQRT((VLOOKUP($A204,városok!$A$2:$C$346,2,0)-VLOOKUP(C$1,városok!$A$2:$C$346,2,0))^2+(VLOOKUP($A204,városok!$A$2:$C$346,3,0)-VLOOKUP(C$1,városok!$A$2:$C$346,3,0))^2)/1000,0)</f>
        <v>122</v>
      </c>
      <c r="D204">
        <f ca="1">ROUND(SQRT((VLOOKUP($A204,városok!$A$2:$C$346,2,0)-VLOOKUP(D$1,városok!$A$2:$C$346,2,0))^2+(VLOOKUP($A204,városok!$A$2:$C$346,3,0)-VLOOKUP(D$1,városok!$A$2:$C$346,3,0))^2)/1000,0)</f>
        <v>93</v>
      </c>
      <c r="E204">
        <f ca="1">ROUND(SQRT((VLOOKUP($A204,városok!$A$2:$C$346,2,0)-VLOOKUP(E$1,városok!$A$2:$C$346,2,0))^2+(VLOOKUP($A204,városok!$A$2:$C$346,3,0)-VLOOKUP(E$1,városok!$A$2:$C$346,3,0))^2)/1000,0)</f>
        <v>170</v>
      </c>
      <c r="F204">
        <f ca="1">ROUND(SQRT((VLOOKUP($A204,városok!$A$2:$C$346,2,0)-VLOOKUP(F$1,városok!$A$2:$C$346,2,0))^2+(VLOOKUP($A204,városok!$A$2:$C$346,3,0)-VLOOKUP(F$1,városok!$A$2:$C$346,3,0))^2)/1000,0)</f>
        <v>184</v>
      </c>
      <c r="G204">
        <f ca="1">ROUND(SQRT((VLOOKUP($A204,városok!$A$2:$C$346,2,0)-VLOOKUP(G$1,városok!$A$2:$C$346,2,0))^2+(VLOOKUP($A204,városok!$A$2:$C$346,3,0)-VLOOKUP(G$1,városok!$A$2:$C$346,3,0))^2)/1000,0)</f>
        <v>182</v>
      </c>
      <c r="H204">
        <f ca="1">ROUND(SQRT((VLOOKUP($A204,városok!$A$2:$C$346,2,0)-VLOOKUP(H$1,városok!$A$2:$C$346,2,0))^2+(VLOOKUP($A204,városok!$A$2:$C$346,3,0)-VLOOKUP(H$1,városok!$A$2:$C$346,3,0))^2)/1000,0)</f>
        <v>200</v>
      </c>
      <c r="I204">
        <f ca="1">ROUND(SQRT((VLOOKUP($A204,városok!$A$2:$C$346,2,0)-VLOOKUP(I$1,városok!$A$2:$C$346,2,0))^2+(VLOOKUP($A204,városok!$A$2:$C$346,3,0)-VLOOKUP(I$1,városok!$A$2:$C$346,3,0))^2)/1000,0)</f>
        <v>187</v>
      </c>
      <c r="J204">
        <f ca="1">ROUND(SQRT((VLOOKUP($A204,városok!$A$2:$C$346,2,0)-VLOOKUP(J$1,városok!$A$2:$C$346,2,0))^2+(VLOOKUP($A204,városok!$A$2:$C$346,3,0)-VLOOKUP(J$1,városok!$A$2:$C$346,3,0))^2)/1000,0)</f>
        <v>201</v>
      </c>
      <c r="K204">
        <f ca="1">ROUND(SQRT((VLOOKUP($A204,városok!$A$2:$C$346,2,0)-VLOOKUP(K$1,városok!$A$2:$C$346,2,0))^2+(VLOOKUP($A204,városok!$A$2:$C$346,3,0)-VLOOKUP(K$1,városok!$A$2:$C$346,3,0))^2)/1000,0)</f>
        <v>170</v>
      </c>
      <c r="L204">
        <f ca="1">ROUND(SQRT((VLOOKUP($A204,városok!$A$2:$C$346,2,0)-VLOOKUP(L$1,városok!$A$2:$C$346,2,0))^2+(VLOOKUP($A204,városok!$A$2:$C$346,3,0)-VLOOKUP(L$1,városok!$A$2:$C$346,3,0))^2)/1000,0)</f>
        <v>138</v>
      </c>
      <c r="M204">
        <f ca="1">ROUND(SQRT((VLOOKUP($A204,városok!$A$2:$C$346,2,0)-VLOOKUP(M$1,városok!$A$2:$C$346,2,0))^2+(VLOOKUP($A204,városok!$A$2:$C$346,3,0)-VLOOKUP(M$1,városok!$A$2:$C$346,3,0))^2)/1000,0)</f>
        <v>141</v>
      </c>
      <c r="N204">
        <f ca="1">ROUND(SQRT((VLOOKUP($A204,városok!$A$2:$C$346,2,0)-VLOOKUP(N$1,városok!$A$2:$C$346,2,0))^2+(VLOOKUP($A204,városok!$A$2:$C$346,3,0)-VLOOKUP(N$1,városok!$A$2:$C$346,3,0))^2)/1000,0)</f>
        <v>114</v>
      </c>
      <c r="O204">
        <f ca="1">ROUND(SQRT((VLOOKUP($A204,városok!$A$2:$C$346,2,0)-VLOOKUP(O$1,városok!$A$2:$C$346,2,0))^2+(VLOOKUP($A204,városok!$A$2:$C$346,3,0)-VLOOKUP(O$1,városok!$A$2:$C$346,3,0))^2)/1000,0)</f>
        <v>212</v>
      </c>
      <c r="P204">
        <f ca="1">ROUND(SQRT((VLOOKUP($A204,városok!$A$2:$C$346,2,0)-VLOOKUP(P$1,városok!$A$2:$C$346,2,0))^2+(VLOOKUP($A204,városok!$A$2:$C$346,3,0)-VLOOKUP(P$1,városok!$A$2:$C$346,3,0))^2)/1000,0)</f>
        <v>212</v>
      </c>
      <c r="Q204">
        <f ca="1">ROUND(SQRT((VLOOKUP($A204,városok!$A$2:$C$346,2,0)-VLOOKUP(Q$1,városok!$A$2:$C$346,2,0))^2+(VLOOKUP($A204,városok!$A$2:$C$346,3,0)-VLOOKUP(Q$1,városok!$A$2:$C$346,3,0))^2)/1000,0)</f>
        <v>165</v>
      </c>
      <c r="R204">
        <f ca="1">ROUND(SQRT((VLOOKUP($A204,városok!$A$2:$C$346,2,0)-VLOOKUP(R$1,városok!$A$2:$C$346,2,0))^2+(VLOOKUP($A204,városok!$A$2:$C$346,3,0)-VLOOKUP(R$1,városok!$A$2:$C$346,3,0))^2)/1000,0)</f>
        <v>190</v>
      </c>
      <c r="S204">
        <f ca="1">ROUND(SQRT((VLOOKUP($A204,városok!$A$2:$C$346,2,0)-VLOOKUP(S$1,városok!$A$2:$C$346,2,0))^2+(VLOOKUP($A204,városok!$A$2:$C$346,3,0)-VLOOKUP(S$1,városok!$A$2:$C$346,3,0))^2)/1000,0)</f>
        <v>175</v>
      </c>
      <c r="T204">
        <f ca="1">ROUND(SQRT((VLOOKUP($A204,városok!$A$2:$C$346,2,0)-VLOOKUP(T$1,városok!$A$2:$C$346,2,0))^2+(VLOOKUP($A204,városok!$A$2:$C$346,3,0)-VLOOKUP(T$1,városok!$A$2:$C$346,3,0))^2)/1000,0)</f>
        <v>35</v>
      </c>
      <c r="U204">
        <f ca="1">ROUND(SQRT((VLOOKUP($A204,városok!$A$2:$C$346,2,0)-VLOOKUP(U$1,városok!$A$2:$C$346,2,0))^2+(VLOOKUP($A204,városok!$A$2:$C$346,3,0)-VLOOKUP(U$1,városok!$A$2:$C$346,3,0))^2)/1000,0)</f>
        <v>74</v>
      </c>
      <c r="V204">
        <f ca="1">ROUND(SQRT((VLOOKUP($A204,városok!$A$2:$C$346,2,0)-VLOOKUP(V$1,városok!$A$2:$C$346,2,0))^2+(VLOOKUP($A204,városok!$A$2:$C$346,3,0)-VLOOKUP(V$1,városok!$A$2:$C$346,3,0))^2)/1000,0)</f>
        <v>84</v>
      </c>
      <c r="W204">
        <f ca="1">ROUND(SQRT((VLOOKUP($A204,városok!$A$2:$C$346,2,0)-VLOOKUP(W$1,városok!$A$2:$C$346,2,0))^2+(VLOOKUP($A204,városok!$A$2:$C$346,3,0)-VLOOKUP(W$1,városok!$A$2:$C$346,3,0))^2)/1000,0)</f>
        <v>88</v>
      </c>
      <c r="X204">
        <f ca="1">ROUND(SQRT((VLOOKUP($A204,városok!$A$2:$C$346,2,0)-VLOOKUP(X$1,városok!$A$2:$C$346,2,0))^2+(VLOOKUP($A204,városok!$A$2:$C$346,3,0)-VLOOKUP(X$1,városok!$A$2:$C$346,3,0))^2)/1000,0)</f>
        <v>66</v>
      </c>
      <c r="Y204">
        <f ca="1">ROUND(SQRT((VLOOKUP($A204,városok!$A$2:$C$346,2,0)-VLOOKUP(Y$1,városok!$A$2:$C$346,2,0))^2+(VLOOKUP($A204,városok!$A$2:$C$346,3,0)-VLOOKUP(Y$1,városok!$A$2:$C$346,3,0))^2)/1000,0)</f>
        <v>107</v>
      </c>
      <c r="Z204">
        <f ca="1">ROUND(SQRT((VLOOKUP($A204,városok!$A$2:$C$346,2,0)-VLOOKUP(Z$1,városok!$A$2:$C$346,2,0))^2+(VLOOKUP($A204,városok!$A$2:$C$346,3,0)-VLOOKUP(Z$1,városok!$A$2:$C$346,3,0))^2)/1000,0)</f>
        <v>125</v>
      </c>
      <c r="AA204">
        <f ca="1">ROUND(SQRT((VLOOKUP($A204,városok!$A$2:$C$346,2,0)-VLOOKUP(AA$1,városok!$A$2:$C$346,2,0))^2+(VLOOKUP($A204,városok!$A$2:$C$346,3,0)-VLOOKUP(AA$1,városok!$A$2:$C$346,3,0))^2)/1000,0)</f>
        <v>185</v>
      </c>
      <c r="AB204">
        <f ca="1">ROUND(SQRT((VLOOKUP($A204,városok!$A$2:$C$346,2,0)-VLOOKUP(AB$1,városok!$A$2:$C$346,2,0))^2+(VLOOKUP($A204,városok!$A$2:$C$346,3,0)-VLOOKUP(AB$1,városok!$A$2:$C$346,3,0))^2)/1000,0)</f>
        <v>195</v>
      </c>
      <c r="AC204">
        <f ca="1">ROUND(SQRT((VLOOKUP($A204,városok!$A$2:$C$346,2,0)-VLOOKUP(AC$1,városok!$A$2:$C$346,2,0))^2+(VLOOKUP($A204,városok!$A$2:$C$346,3,0)-VLOOKUP(AC$1,városok!$A$2:$C$346,3,0))^2)/1000,0)</f>
        <v>178</v>
      </c>
      <c r="AD204">
        <f ca="1">ROUND(SQRT((VLOOKUP($A204,városok!$A$2:$C$346,2,0)-VLOOKUP(AD$1,városok!$A$2:$C$346,2,0))^2+(VLOOKUP($A204,városok!$A$2:$C$346,3,0)-VLOOKUP(AD$1,városok!$A$2:$C$346,3,0))^2)/1000,0)</f>
        <v>160</v>
      </c>
      <c r="AE204">
        <f ca="1">ROUND(SQRT((VLOOKUP($A204,városok!$A$2:$C$346,2,0)-VLOOKUP(AE$1,városok!$A$2:$C$346,2,0))^2+(VLOOKUP($A204,városok!$A$2:$C$346,3,0)-VLOOKUP(AE$1,városok!$A$2:$C$346,3,0))^2)/1000,0)</f>
        <v>164</v>
      </c>
      <c r="AF204">
        <f ca="1">ROUND(SQRT((VLOOKUP($A204,városok!$A$2:$C$346,2,0)-VLOOKUP(AF$1,városok!$A$2:$C$346,2,0))^2+(VLOOKUP($A204,városok!$A$2:$C$346,3,0)-VLOOKUP(AF$1,városok!$A$2:$C$346,3,0))^2)/1000,0)</f>
        <v>104</v>
      </c>
      <c r="AG204">
        <f ca="1">ROUND(SQRT((VLOOKUP($A204,városok!$A$2:$C$346,2,0)-VLOOKUP(AG$1,városok!$A$2:$C$346,2,0))^2+(VLOOKUP($A204,városok!$A$2:$C$346,3,0)-VLOOKUP(AG$1,városok!$A$2:$C$346,3,0))^2)/1000,0)</f>
        <v>68</v>
      </c>
      <c r="AH204">
        <f ca="1">ROUND(SQRT((VLOOKUP($A204,városok!$A$2:$C$346,2,0)-VLOOKUP(AH$1,városok!$A$2:$C$346,2,0))^2+(VLOOKUP($A204,városok!$A$2:$C$346,3,0)-VLOOKUP(AH$1,városok!$A$2:$C$346,3,0))^2)/1000,0)</f>
        <v>47</v>
      </c>
      <c r="AI204">
        <f ca="1">ROUND(SQRT((VLOOKUP($A204,városok!$A$2:$C$346,2,0)-VLOOKUP(AI$1,városok!$A$2:$C$346,2,0))^2+(VLOOKUP($A204,városok!$A$2:$C$346,3,0)-VLOOKUP(AI$1,városok!$A$2:$C$346,3,0))^2)/1000,0)</f>
        <v>90</v>
      </c>
      <c r="AJ204">
        <f ca="1">ROUND(SQRT((VLOOKUP($A204,városok!$A$2:$C$346,2,0)-VLOOKUP(AJ$1,városok!$A$2:$C$346,2,0))^2+(VLOOKUP($A204,városok!$A$2:$C$346,3,0)-VLOOKUP(AJ$1,városok!$A$2:$C$346,3,0))^2)/1000,0)</f>
        <v>70</v>
      </c>
      <c r="AK204">
        <f ca="1">ROUND(SQRT((VLOOKUP($A204,városok!$A$2:$C$346,2,0)-VLOOKUP(AK$1,városok!$A$2:$C$346,2,0))^2+(VLOOKUP($A204,városok!$A$2:$C$346,3,0)-VLOOKUP(AK$1,városok!$A$2:$C$346,3,0))^2)/1000,0)</f>
        <v>150</v>
      </c>
      <c r="AL204">
        <f ca="1">ROUND(SQRT((VLOOKUP($A204,városok!$A$2:$C$346,2,0)-VLOOKUP(AL$1,városok!$A$2:$C$346,2,0))^2+(VLOOKUP($A204,városok!$A$2:$C$346,3,0)-VLOOKUP(AL$1,városok!$A$2:$C$346,3,0))^2)/1000,0)</f>
        <v>122</v>
      </c>
      <c r="AM204">
        <f ca="1">ROUND(SQRT((VLOOKUP($A204,városok!$A$2:$C$346,2,0)-VLOOKUP(AM$1,városok!$A$2:$C$346,2,0))^2+(VLOOKUP($A204,városok!$A$2:$C$346,3,0)-VLOOKUP(AM$1,városok!$A$2:$C$346,3,0))^2)/1000,0)</f>
        <v>99</v>
      </c>
      <c r="AN204">
        <f ca="1">ROUND(SQRT((VLOOKUP($A204,városok!$A$2:$C$346,2,0)-VLOOKUP(AN$1,városok!$A$2:$C$346,2,0))^2+(VLOOKUP($A204,városok!$A$2:$C$346,3,0)-VLOOKUP(AN$1,városok!$A$2:$C$346,3,0))^2)/1000,0)</f>
        <v>29</v>
      </c>
      <c r="AO204">
        <f ca="1">ROUND(SQRT((VLOOKUP($A204,városok!$A$2:$C$346,2,0)-VLOOKUP(AO$1,városok!$A$2:$C$346,2,0))^2+(VLOOKUP($A204,városok!$A$2:$C$346,3,0)-VLOOKUP(AO$1,városok!$A$2:$C$346,3,0))^2)/1000,0)</f>
        <v>71</v>
      </c>
      <c r="AP204">
        <f ca="1">ROUND(SQRT((VLOOKUP($A204,városok!$A$2:$C$346,2,0)-VLOOKUP(AP$1,városok!$A$2:$C$346,2,0))^2+(VLOOKUP($A204,városok!$A$2:$C$346,3,0)-VLOOKUP(AP$1,városok!$A$2:$C$346,3,0))^2)/1000,0)</f>
        <v>54</v>
      </c>
      <c r="AQ204">
        <f ca="1">ROUND(SQRT((VLOOKUP($A204,városok!$A$2:$C$346,2,0)-VLOOKUP(AQ$1,városok!$A$2:$C$346,2,0))^2+(VLOOKUP($A204,városok!$A$2:$C$346,3,0)-VLOOKUP(AQ$1,városok!$A$2:$C$346,3,0))^2)/1000,0)</f>
        <v>49</v>
      </c>
      <c r="AR204">
        <f ca="1">ROUND(SQRT((VLOOKUP($A204,városok!$A$2:$C$346,2,0)-VLOOKUP(AR$1,városok!$A$2:$C$346,2,0))^2+(VLOOKUP($A204,városok!$A$2:$C$346,3,0)-VLOOKUP(AR$1,városok!$A$2:$C$346,3,0))^2)/1000,0)</f>
        <v>59</v>
      </c>
      <c r="AS204">
        <f ca="1">ROUND(SQRT((VLOOKUP($A204,városok!$A$2:$C$346,2,0)-VLOOKUP(AS$1,városok!$A$2:$C$346,2,0))^2+(VLOOKUP($A204,városok!$A$2:$C$346,3,0)-VLOOKUP(AS$1,városok!$A$2:$C$346,3,0))^2)/1000,0)</f>
        <v>79</v>
      </c>
      <c r="AT204">
        <f ca="1">ROUND(SQRT((VLOOKUP($A204,városok!$A$2:$C$346,2,0)-VLOOKUP(AT$1,városok!$A$2:$C$346,2,0))^2+(VLOOKUP($A204,városok!$A$2:$C$346,3,0)-VLOOKUP(AT$1,városok!$A$2:$C$346,3,0))^2)/1000,0)</f>
        <v>24</v>
      </c>
      <c r="AU204">
        <f ca="1">ROUND(SQRT((VLOOKUP($A204,városok!$A$2:$C$346,2,0)-VLOOKUP(AU$1,városok!$A$2:$C$346,2,0))^2+(VLOOKUP($A204,városok!$A$2:$C$346,3,0)-VLOOKUP(AU$1,városok!$A$2:$C$346,3,0))^2)/1000,0)</f>
        <v>19</v>
      </c>
      <c r="AV204">
        <f ca="1">ROUND(SQRT((VLOOKUP($A204,városok!$A$2:$C$346,2,0)-VLOOKUP(AV$1,városok!$A$2:$C$346,2,0))^2+(VLOOKUP($A204,városok!$A$2:$C$346,3,0)-VLOOKUP(AV$1,városok!$A$2:$C$346,3,0))^2)/1000,0)</f>
        <v>25</v>
      </c>
      <c r="AW204">
        <f ca="1">ROUND(SQRT((VLOOKUP($A204,városok!$A$2:$C$346,2,0)-VLOOKUP(AW$1,városok!$A$2:$C$346,2,0))^2+(VLOOKUP($A204,városok!$A$2:$C$346,3,0)-VLOOKUP(AW$1,városok!$A$2:$C$346,3,0))^2)/1000,0)</f>
        <v>27</v>
      </c>
      <c r="AX204">
        <f ca="1">ROUND(SQRT((VLOOKUP($A204,városok!$A$2:$C$346,2,0)-VLOOKUP(AX$1,városok!$A$2:$C$346,2,0))^2+(VLOOKUP($A204,városok!$A$2:$C$346,3,0)-VLOOKUP(AX$1,városok!$A$2:$C$346,3,0))^2)/1000,0)</f>
        <v>86</v>
      </c>
      <c r="AY204">
        <f ca="1">ROUND(SQRT((VLOOKUP($A204,városok!$A$2:$C$346,2,0)-VLOOKUP(AY$1,városok!$A$2:$C$346,2,0))^2+(VLOOKUP($A204,városok!$A$2:$C$346,3,0)-VLOOKUP(AY$1,városok!$A$2:$C$346,3,0))^2)/1000,0)</f>
        <v>7</v>
      </c>
      <c r="AZ204">
        <f ca="1">ROUND(SQRT((VLOOKUP($A204,városok!$A$2:$C$346,2,0)-VLOOKUP(AZ$1,városok!$A$2:$C$346,2,0))^2+(VLOOKUP($A204,városok!$A$2:$C$346,3,0)-VLOOKUP(AZ$1,városok!$A$2:$C$346,3,0))^2)/1000,0)</f>
        <v>19</v>
      </c>
      <c r="BA204">
        <f ca="1">ROUND(SQRT((VLOOKUP($A204,városok!$A$2:$C$346,2,0)-VLOOKUP(BA$1,városok!$A$2:$C$346,2,0))^2+(VLOOKUP($A204,városok!$A$2:$C$346,3,0)-VLOOKUP(BA$1,városok!$A$2:$C$346,3,0))^2)/1000,0)</f>
        <v>138</v>
      </c>
      <c r="BB204">
        <f ca="1">ROUND(SQRT((VLOOKUP($A204,városok!$A$2:$C$346,2,0)-VLOOKUP(BB$1,városok!$A$2:$C$346,2,0))^2+(VLOOKUP($A204,városok!$A$2:$C$346,3,0)-VLOOKUP(BB$1,városok!$A$2:$C$346,3,0))^2)/1000,0)</f>
        <v>147</v>
      </c>
      <c r="BC204">
        <f ca="1">ROUND(SQRT((VLOOKUP($A204,városok!$A$2:$C$346,2,0)-VLOOKUP(BC$1,városok!$A$2:$C$346,2,0))^2+(VLOOKUP($A204,városok!$A$2:$C$346,3,0)-VLOOKUP(BC$1,városok!$A$2:$C$346,3,0))^2)/1000,0)</f>
        <v>170</v>
      </c>
      <c r="BD204">
        <f ca="1">ROUND(SQRT((VLOOKUP($A204,városok!$A$2:$C$346,2,0)-VLOOKUP(BD$1,városok!$A$2:$C$346,2,0))^2+(VLOOKUP($A204,városok!$A$2:$C$346,3,0)-VLOOKUP(BD$1,városok!$A$2:$C$346,3,0))^2)/1000,0)</f>
        <v>109</v>
      </c>
      <c r="BE204">
        <f ca="1">ROUND(SQRT((VLOOKUP($A204,városok!$A$2:$C$346,2,0)-VLOOKUP(BE$1,városok!$A$2:$C$346,2,0))^2+(VLOOKUP($A204,városok!$A$2:$C$346,3,0)-VLOOKUP(BE$1,városok!$A$2:$C$346,3,0))^2)/1000,0)</f>
        <v>273</v>
      </c>
      <c r="BF204">
        <f ca="1">ROUND(SQRT((VLOOKUP($A204,városok!$A$2:$C$346,2,0)-VLOOKUP(BF$1,városok!$A$2:$C$346,2,0))^2+(VLOOKUP($A204,városok!$A$2:$C$346,3,0)-VLOOKUP(BF$1,városok!$A$2:$C$346,3,0))^2)/1000,0)</f>
        <v>236</v>
      </c>
      <c r="BG204">
        <f ca="1">ROUND(SQRT((VLOOKUP($A204,városok!$A$2:$C$346,2,0)-VLOOKUP(BG$1,városok!$A$2:$C$346,2,0))^2+(VLOOKUP($A204,városok!$A$2:$C$346,3,0)-VLOOKUP(BG$1,városok!$A$2:$C$346,3,0))^2)/1000,0)</f>
        <v>189</v>
      </c>
      <c r="BH204">
        <f ca="1">ROUND(SQRT((VLOOKUP($A204,városok!$A$2:$C$346,2,0)-VLOOKUP(BH$1,városok!$A$2:$C$346,2,0))^2+(VLOOKUP($A204,városok!$A$2:$C$346,3,0)-VLOOKUP(BH$1,városok!$A$2:$C$346,3,0))^2)/1000,0)</f>
        <v>189</v>
      </c>
      <c r="BI204">
        <f ca="1">ROUND(SQRT((VLOOKUP($A204,városok!$A$2:$C$346,2,0)-VLOOKUP(BI$1,városok!$A$2:$C$346,2,0))^2+(VLOOKUP($A204,városok!$A$2:$C$346,3,0)-VLOOKUP(BI$1,városok!$A$2:$C$346,3,0))^2)/1000,0)</f>
        <v>140</v>
      </c>
      <c r="BJ204">
        <f ca="1">ROUND(SQRT((VLOOKUP($A204,városok!$A$2:$C$346,2,0)-VLOOKUP(BJ$1,városok!$A$2:$C$346,2,0))^2+(VLOOKUP($A204,városok!$A$2:$C$346,3,0)-VLOOKUP(BJ$1,városok!$A$2:$C$346,3,0))^2)/1000,0)</f>
        <v>156</v>
      </c>
      <c r="BK204">
        <f ca="1">ROUND(SQRT((VLOOKUP($A204,városok!$A$2:$C$346,2,0)-VLOOKUP(BK$1,városok!$A$2:$C$346,2,0))^2+(VLOOKUP($A204,városok!$A$2:$C$346,3,0)-VLOOKUP(BK$1,városok!$A$2:$C$346,3,0))^2)/1000,0)</f>
        <v>144</v>
      </c>
      <c r="BL204">
        <f ca="1">ROUND(SQRT((VLOOKUP($A204,városok!$A$2:$C$346,2,0)-VLOOKUP(BL$1,városok!$A$2:$C$346,2,0))^2+(VLOOKUP($A204,városok!$A$2:$C$346,3,0)-VLOOKUP(BL$1,városok!$A$2:$C$346,3,0))^2)/1000,0)</f>
        <v>197</v>
      </c>
      <c r="BM204">
        <f ca="1">ROUND(SQRT((VLOOKUP($A204,városok!$A$2:$C$346,2,0)-VLOOKUP(BM$1,városok!$A$2:$C$346,2,0))^2+(VLOOKUP($A204,városok!$A$2:$C$346,3,0)-VLOOKUP(BM$1,városok!$A$2:$C$346,3,0))^2)/1000,0)</f>
        <v>165</v>
      </c>
      <c r="BN204">
        <f ca="1">ROUND(SQRT((VLOOKUP($A204,városok!$A$2:$C$346,2,0)-VLOOKUP(BN$1,városok!$A$2:$C$346,2,0))^2+(VLOOKUP($A204,városok!$A$2:$C$346,3,0)-VLOOKUP(BN$1,városok!$A$2:$C$346,3,0))^2)/1000,0)</f>
        <v>188</v>
      </c>
      <c r="BO204">
        <f ca="1">ROUND(SQRT((VLOOKUP($A204,városok!$A$2:$C$346,2,0)-VLOOKUP(BO$1,városok!$A$2:$C$346,2,0))^2+(VLOOKUP($A204,városok!$A$2:$C$346,3,0)-VLOOKUP(BO$1,városok!$A$2:$C$346,3,0))^2)/1000,0)</f>
        <v>102</v>
      </c>
      <c r="BP204">
        <f ca="1">ROUND(SQRT((VLOOKUP($A204,városok!$A$2:$C$346,2,0)-VLOOKUP(BP$1,városok!$A$2:$C$346,2,0))^2+(VLOOKUP($A204,városok!$A$2:$C$346,3,0)-VLOOKUP(BP$1,városok!$A$2:$C$346,3,0))^2)/1000,0)</f>
        <v>96</v>
      </c>
      <c r="BQ204">
        <f ca="1">ROUND(SQRT((VLOOKUP($A204,városok!$A$2:$C$346,2,0)-VLOOKUP(BQ$1,városok!$A$2:$C$346,2,0))^2+(VLOOKUP($A204,városok!$A$2:$C$346,3,0)-VLOOKUP(BQ$1,városok!$A$2:$C$346,3,0))^2)/1000,0)</f>
        <v>104</v>
      </c>
      <c r="BR204">
        <f ca="1">ROUND(SQRT((VLOOKUP($A204,városok!$A$2:$C$346,2,0)-VLOOKUP(BR$1,városok!$A$2:$C$346,2,0))^2+(VLOOKUP($A204,városok!$A$2:$C$346,3,0)-VLOOKUP(BR$1,városok!$A$2:$C$346,3,0))^2)/1000,0)</f>
        <v>166</v>
      </c>
      <c r="BS204">
        <f ca="1">ROUND(SQRT((VLOOKUP($A204,városok!$A$2:$C$346,2,0)-VLOOKUP(BS$1,városok!$A$2:$C$346,2,0))^2+(VLOOKUP($A204,városok!$A$2:$C$346,3,0)-VLOOKUP(BS$1,városok!$A$2:$C$346,3,0))^2)/1000,0)</f>
        <v>204</v>
      </c>
      <c r="BT204">
        <f ca="1">ROUND(SQRT((VLOOKUP($A204,városok!$A$2:$C$346,2,0)-VLOOKUP(BT$1,városok!$A$2:$C$346,2,0))^2+(VLOOKUP($A204,városok!$A$2:$C$346,3,0)-VLOOKUP(BT$1,városok!$A$2:$C$346,3,0))^2)/1000,0)</f>
        <v>189</v>
      </c>
    </row>
    <row r="205" spans="1:72" x14ac:dyDescent="0.2">
      <c r="A205" t="str">
        <f>városok!A205</f>
        <v>Budakeszi</v>
      </c>
      <c r="B205">
        <f ca="1">ROUND(SQRT((VLOOKUP($A205,városok!$A$2:$C$346,2,0)-VLOOKUP(B$1,városok!$A$2:$C$346,2,0))^2+(VLOOKUP($A205,városok!$A$2:$C$346,3,0)-VLOOKUP(B$1,városok!$A$2:$C$346,3,0))^2)/1000,0)</f>
        <v>148</v>
      </c>
      <c r="C205">
        <f ca="1">ROUND(SQRT((VLOOKUP($A205,városok!$A$2:$C$346,2,0)-VLOOKUP(C$1,városok!$A$2:$C$346,2,0))^2+(VLOOKUP($A205,városok!$A$2:$C$346,3,0)-VLOOKUP(C$1,városok!$A$2:$C$346,3,0))^2)/1000,0)</f>
        <v>110</v>
      </c>
      <c r="D205">
        <f ca="1">ROUND(SQRT((VLOOKUP($A205,városok!$A$2:$C$346,2,0)-VLOOKUP(D$1,városok!$A$2:$C$346,2,0))^2+(VLOOKUP($A205,városok!$A$2:$C$346,3,0)-VLOOKUP(D$1,városok!$A$2:$C$346,3,0))^2)/1000,0)</f>
        <v>88</v>
      </c>
      <c r="E205">
        <f ca="1">ROUND(SQRT((VLOOKUP($A205,városok!$A$2:$C$346,2,0)-VLOOKUP(E$1,városok!$A$2:$C$346,2,0))^2+(VLOOKUP($A205,városok!$A$2:$C$346,3,0)-VLOOKUP(E$1,városok!$A$2:$C$346,3,0))^2)/1000,0)</f>
        <v>156</v>
      </c>
      <c r="F205">
        <f ca="1">ROUND(SQRT((VLOOKUP($A205,városok!$A$2:$C$346,2,0)-VLOOKUP(F$1,városok!$A$2:$C$346,2,0))^2+(VLOOKUP($A205,városok!$A$2:$C$346,3,0)-VLOOKUP(F$1,városok!$A$2:$C$346,3,0))^2)/1000,0)</f>
        <v>170</v>
      </c>
      <c r="G205">
        <f ca="1">ROUND(SQRT((VLOOKUP($A205,városok!$A$2:$C$346,2,0)-VLOOKUP(G$1,városok!$A$2:$C$346,2,0))^2+(VLOOKUP($A205,városok!$A$2:$C$346,3,0)-VLOOKUP(G$1,városok!$A$2:$C$346,3,0))^2)/1000,0)</f>
        <v>168</v>
      </c>
      <c r="H205">
        <f ca="1">ROUND(SQRT((VLOOKUP($A205,városok!$A$2:$C$346,2,0)-VLOOKUP(H$1,városok!$A$2:$C$346,2,0))^2+(VLOOKUP($A205,városok!$A$2:$C$346,3,0)-VLOOKUP(H$1,városok!$A$2:$C$346,3,0))^2)/1000,0)</f>
        <v>185</v>
      </c>
      <c r="I205">
        <f ca="1">ROUND(SQRT((VLOOKUP($A205,városok!$A$2:$C$346,2,0)-VLOOKUP(I$1,városok!$A$2:$C$346,2,0))^2+(VLOOKUP($A205,városok!$A$2:$C$346,3,0)-VLOOKUP(I$1,városok!$A$2:$C$346,3,0))^2)/1000,0)</f>
        <v>188</v>
      </c>
      <c r="J205">
        <f ca="1">ROUND(SQRT((VLOOKUP($A205,városok!$A$2:$C$346,2,0)-VLOOKUP(J$1,városok!$A$2:$C$346,2,0))^2+(VLOOKUP($A205,városok!$A$2:$C$346,3,0)-VLOOKUP(J$1,városok!$A$2:$C$346,3,0))^2)/1000,0)</f>
        <v>202</v>
      </c>
      <c r="K205">
        <f ca="1">ROUND(SQRT((VLOOKUP($A205,városok!$A$2:$C$346,2,0)-VLOOKUP(K$1,városok!$A$2:$C$346,2,0))^2+(VLOOKUP($A205,városok!$A$2:$C$346,3,0)-VLOOKUP(K$1,városok!$A$2:$C$346,3,0))^2)/1000,0)</f>
        <v>169</v>
      </c>
      <c r="L205">
        <f ca="1">ROUND(SQRT((VLOOKUP($A205,városok!$A$2:$C$346,2,0)-VLOOKUP(L$1,városok!$A$2:$C$346,2,0))^2+(VLOOKUP($A205,városok!$A$2:$C$346,3,0)-VLOOKUP(L$1,városok!$A$2:$C$346,3,0))^2)/1000,0)</f>
        <v>152</v>
      </c>
      <c r="M205">
        <f ca="1">ROUND(SQRT((VLOOKUP($A205,városok!$A$2:$C$346,2,0)-VLOOKUP(M$1,városok!$A$2:$C$346,2,0))^2+(VLOOKUP($A205,városok!$A$2:$C$346,3,0)-VLOOKUP(M$1,városok!$A$2:$C$346,3,0))^2)/1000,0)</f>
        <v>154</v>
      </c>
      <c r="N205">
        <f ca="1">ROUND(SQRT((VLOOKUP($A205,városok!$A$2:$C$346,2,0)-VLOOKUP(N$1,városok!$A$2:$C$346,2,0))^2+(VLOOKUP($A205,városok!$A$2:$C$346,3,0)-VLOOKUP(N$1,városok!$A$2:$C$346,3,0))^2)/1000,0)</f>
        <v>129</v>
      </c>
      <c r="O205">
        <f ca="1">ROUND(SQRT((VLOOKUP($A205,városok!$A$2:$C$346,2,0)-VLOOKUP(O$1,városok!$A$2:$C$346,2,0))^2+(VLOOKUP($A205,városok!$A$2:$C$346,3,0)-VLOOKUP(O$1,városok!$A$2:$C$346,3,0))^2)/1000,0)</f>
        <v>225</v>
      </c>
      <c r="P205">
        <f ca="1">ROUND(SQRT((VLOOKUP($A205,városok!$A$2:$C$346,2,0)-VLOOKUP(P$1,városok!$A$2:$C$346,2,0))^2+(VLOOKUP($A205,városok!$A$2:$C$346,3,0)-VLOOKUP(P$1,városok!$A$2:$C$346,3,0))^2)/1000,0)</f>
        <v>225</v>
      </c>
      <c r="Q205">
        <f ca="1">ROUND(SQRT((VLOOKUP($A205,városok!$A$2:$C$346,2,0)-VLOOKUP(Q$1,városok!$A$2:$C$346,2,0))^2+(VLOOKUP($A205,városok!$A$2:$C$346,3,0)-VLOOKUP(Q$1,városok!$A$2:$C$346,3,0))^2)/1000,0)</f>
        <v>161</v>
      </c>
      <c r="R205">
        <f ca="1">ROUND(SQRT((VLOOKUP($A205,városok!$A$2:$C$346,2,0)-VLOOKUP(R$1,városok!$A$2:$C$346,2,0))^2+(VLOOKUP($A205,városok!$A$2:$C$346,3,0)-VLOOKUP(R$1,városok!$A$2:$C$346,3,0))^2)/1000,0)</f>
        <v>186</v>
      </c>
      <c r="S205">
        <f ca="1">ROUND(SQRT((VLOOKUP($A205,városok!$A$2:$C$346,2,0)-VLOOKUP(S$1,városok!$A$2:$C$346,2,0))^2+(VLOOKUP($A205,városok!$A$2:$C$346,3,0)-VLOOKUP(S$1,városok!$A$2:$C$346,3,0))^2)/1000,0)</f>
        <v>169</v>
      </c>
      <c r="T205">
        <f ca="1">ROUND(SQRT((VLOOKUP($A205,városok!$A$2:$C$346,2,0)-VLOOKUP(T$1,városok!$A$2:$C$346,2,0))^2+(VLOOKUP($A205,városok!$A$2:$C$346,3,0)-VLOOKUP(T$1,városok!$A$2:$C$346,3,0))^2)/1000,0)</f>
        <v>23</v>
      </c>
      <c r="U205">
        <f ca="1">ROUND(SQRT((VLOOKUP($A205,városok!$A$2:$C$346,2,0)-VLOOKUP(U$1,városok!$A$2:$C$346,2,0))^2+(VLOOKUP($A205,városok!$A$2:$C$346,3,0)-VLOOKUP(U$1,városok!$A$2:$C$346,3,0))^2)/1000,0)</f>
        <v>61</v>
      </c>
      <c r="V205">
        <f ca="1">ROUND(SQRT((VLOOKUP($A205,városok!$A$2:$C$346,2,0)-VLOOKUP(V$1,városok!$A$2:$C$346,2,0))^2+(VLOOKUP($A205,városok!$A$2:$C$346,3,0)-VLOOKUP(V$1,városok!$A$2:$C$346,3,0))^2)/1000,0)</f>
        <v>69</v>
      </c>
      <c r="W205">
        <f ca="1">ROUND(SQRT((VLOOKUP($A205,városok!$A$2:$C$346,2,0)-VLOOKUP(W$1,városok!$A$2:$C$346,2,0))^2+(VLOOKUP($A205,városok!$A$2:$C$346,3,0)-VLOOKUP(W$1,városok!$A$2:$C$346,3,0))^2)/1000,0)</f>
        <v>74</v>
      </c>
      <c r="X205">
        <f ca="1">ROUND(SQRT((VLOOKUP($A205,városok!$A$2:$C$346,2,0)-VLOOKUP(X$1,városok!$A$2:$C$346,2,0))^2+(VLOOKUP($A205,városok!$A$2:$C$346,3,0)-VLOOKUP(X$1,városok!$A$2:$C$346,3,0))^2)/1000,0)</f>
        <v>52</v>
      </c>
      <c r="Y205">
        <f ca="1">ROUND(SQRT((VLOOKUP($A205,városok!$A$2:$C$346,2,0)-VLOOKUP(Y$1,városok!$A$2:$C$346,2,0))^2+(VLOOKUP($A205,városok!$A$2:$C$346,3,0)-VLOOKUP(Y$1,városok!$A$2:$C$346,3,0))^2)/1000,0)</f>
        <v>100</v>
      </c>
      <c r="Z205">
        <f ca="1">ROUND(SQRT((VLOOKUP($A205,városok!$A$2:$C$346,2,0)-VLOOKUP(Z$1,városok!$A$2:$C$346,2,0))^2+(VLOOKUP($A205,városok!$A$2:$C$346,3,0)-VLOOKUP(Z$1,városok!$A$2:$C$346,3,0))^2)/1000,0)</f>
        <v>119</v>
      </c>
      <c r="AA205">
        <f ca="1">ROUND(SQRT((VLOOKUP($A205,városok!$A$2:$C$346,2,0)-VLOOKUP(AA$1,városok!$A$2:$C$346,2,0))^2+(VLOOKUP($A205,városok!$A$2:$C$346,3,0)-VLOOKUP(AA$1,városok!$A$2:$C$346,3,0))^2)/1000,0)</f>
        <v>178</v>
      </c>
      <c r="AB205">
        <f ca="1">ROUND(SQRT((VLOOKUP($A205,városok!$A$2:$C$346,2,0)-VLOOKUP(AB$1,városok!$A$2:$C$346,2,0))^2+(VLOOKUP($A205,városok!$A$2:$C$346,3,0)-VLOOKUP(AB$1,városok!$A$2:$C$346,3,0))^2)/1000,0)</f>
        <v>203</v>
      </c>
      <c r="AC205">
        <f ca="1">ROUND(SQRT((VLOOKUP($A205,városok!$A$2:$C$346,2,0)-VLOOKUP(AC$1,városok!$A$2:$C$346,2,0))^2+(VLOOKUP($A205,városok!$A$2:$C$346,3,0)-VLOOKUP(AC$1,városok!$A$2:$C$346,3,0))^2)/1000,0)</f>
        <v>186</v>
      </c>
      <c r="AD205">
        <f ca="1">ROUND(SQRT((VLOOKUP($A205,városok!$A$2:$C$346,2,0)-VLOOKUP(AD$1,városok!$A$2:$C$346,2,0))^2+(VLOOKUP($A205,városok!$A$2:$C$346,3,0)-VLOOKUP(AD$1,városok!$A$2:$C$346,3,0))^2)/1000,0)</f>
        <v>168</v>
      </c>
      <c r="AE205">
        <f ca="1">ROUND(SQRT((VLOOKUP($A205,városok!$A$2:$C$346,2,0)-VLOOKUP(AE$1,városok!$A$2:$C$346,2,0))^2+(VLOOKUP($A205,városok!$A$2:$C$346,3,0)-VLOOKUP(AE$1,városok!$A$2:$C$346,3,0))^2)/1000,0)</f>
        <v>171</v>
      </c>
      <c r="AF205">
        <f ca="1">ROUND(SQRT((VLOOKUP($A205,városok!$A$2:$C$346,2,0)-VLOOKUP(AF$1,városok!$A$2:$C$346,2,0))^2+(VLOOKUP($A205,városok!$A$2:$C$346,3,0)-VLOOKUP(AF$1,városok!$A$2:$C$346,3,0))^2)/1000,0)</f>
        <v>117</v>
      </c>
      <c r="AG205">
        <f ca="1">ROUND(SQRT((VLOOKUP($A205,városok!$A$2:$C$346,2,0)-VLOOKUP(AG$1,városok!$A$2:$C$346,2,0))^2+(VLOOKUP($A205,városok!$A$2:$C$346,3,0)-VLOOKUP(AG$1,városok!$A$2:$C$346,3,0))^2)/1000,0)</f>
        <v>80</v>
      </c>
      <c r="AH205">
        <f ca="1">ROUND(SQRT((VLOOKUP($A205,városok!$A$2:$C$346,2,0)-VLOOKUP(AH$1,városok!$A$2:$C$346,2,0))^2+(VLOOKUP($A205,városok!$A$2:$C$346,3,0)-VLOOKUP(AH$1,városok!$A$2:$C$346,3,0))^2)/1000,0)</f>
        <v>58</v>
      </c>
      <c r="AI205">
        <f ca="1">ROUND(SQRT((VLOOKUP($A205,városok!$A$2:$C$346,2,0)-VLOOKUP(AI$1,városok!$A$2:$C$346,2,0))^2+(VLOOKUP($A205,városok!$A$2:$C$346,3,0)-VLOOKUP(AI$1,városok!$A$2:$C$346,3,0))^2)/1000,0)</f>
        <v>104</v>
      </c>
      <c r="AJ205">
        <f ca="1">ROUND(SQRT((VLOOKUP($A205,városok!$A$2:$C$346,2,0)-VLOOKUP(AJ$1,városok!$A$2:$C$346,2,0))^2+(VLOOKUP($A205,városok!$A$2:$C$346,3,0)-VLOOKUP(AJ$1,városok!$A$2:$C$346,3,0))^2)/1000,0)</f>
        <v>80</v>
      </c>
      <c r="AK205">
        <f ca="1">ROUND(SQRT((VLOOKUP($A205,városok!$A$2:$C$346,2,0)-VLOOKUP(AK$1,városok!$A$2:$C$346,2,0))^2+(VLOOKUP($A205,városok!$A$2:$C$346,3,0)-VLOOKUP(AK$1,városok!$A$2:$C$346,3,0))^2)/1000,0)</f>
        <v>156</v>
      </c>
      <c r="AL205">
        <f ca="1">ROUND(SQRT((VLOOKUP($A205,városok!$A$2:$C$346,2,0)-VLOOKUP(AL$1,városok!$A$2:$C$346,2,0))^2+(VLOOKUP($A205,városok!$A$2:$C$346,3,0)-VLOOKUP(AL$1,városok!$A$2:$C$346,3,0))^2)/1000,0)</f>
        <v>129</v>
      </c>
      <c r="AM205">
        <f ca="1">ROUND(SQRT((VLOOKUP($A205,városok!$A$2:$C$346,2,0)-VLOOKUP(AM$1,városok!$A$2:$C$346,2,0))^2+(VLOOKUP($A205,városok!$A$2:$C$346,3,0)-VLOOKUP(AM$1,városok!$A$2:$C$346,3,0))^2)/1000,0)</f>
        <v>102</v>
      </c>
      <c r="AN205">
        <f ca="1">ROUND(SQRT((VLOOKUP($A205,városok!$A$2:$C$346,2,0)-VLOOKUP(AN$1,városok!$A$2:$C$346,2,0))^2+(VLOOKUP($A205,városok!$A$2:$C$346,3,0)-VLOOKUP(AN$1,városok!$A$2:$C$346,3,0))^2)/1000,0)</f>
        <v>34</v>
      </c>
      <c r="AO205">
        <f ca="1">ROUND(SQRT((VLOOKUP($A205,városok!$A$2:$C$346,2,0)-VLOOKUP(AO$1,városok!$A$2:$C$346,2,0))^2+(VLOOKUP($A205,városok!$A$2:$C$346,3,0)-VLOOKUP(AO$1,városok!$A$2:$C$346,3,0))^2)/1000,0)</f>
        <v>66</v>
      </c>
      <c r="AP205">
        <f ca="1">ROUND(SQRT((VLOOKUP($A205,városok!$A$2:$C$346,2,0)-VLOOKUP(AP$1,városok!$A$2:$C$346,2,0))^2+(VLOOKUP($A205,városok!$A$2:$C$346,3,0)-VLOOKUP(AP$1,városok!$A$2:$C$346,3,0))^2)/1000,0)</f>
        <v>47</v>
      </c>
      <c r="AQ205">
        <f ca="1">ROUND(SQRT((VLOOKUP($A205,városok!$A$2:$C$346,2,0)-VLOOKUP(AQ$1,városok!$A$2:$C$346,2,0))^2+(VLOOKUP($A205,városok!$A$2:$C$346,3,0)-VLOOKUP(AQ$1,városok!$A$2:$C$346,3,0))^2)/1000,0)</f>
        <v>40</v>
      </c>
      <c r="AR205">
        <f ca="1">ROUND(SQRT((VLOOKUP($A205,városok!$A$2:$C$346,2,0)-VLOOKUP(AR$1,városok!$A$2:$C$346,2,0))^2+(VLOOKUP($A205,városok!$A$2:$C$346,3,0)-VLOOKUP(AR$1,városok!$A$2:$C$346,3,0))^2)/1000,0)</f>
        <v>73</v>
      </c>
      <c r="AS205">
        <f ca="1">ROUND(SQRT((VLOOKUP($A205,városok!$A$2:$C$346,2,0)-VLOOKUP(AS$1,városok!$A$2:$C$346,2,0))^2+(VLOOKUP($A205,városok!$A$2:$C$346,3,0)-VLOOKUP(AS$1,városok!$A$2:$C$346,3,0))^2)/1000,0)</f>
        <v>94</v>
      </c>
      <c r="AT205">
        <f ca="1">ROUND(SQRT((VLOOKUP($A205,városok!$A$2:$C$346,2,0)-VLOOKUP(AT$1,városok!$A$2:$C$346,2,0))^2+(VLOOKUP($A205,városok!$A$2:$C$346,3,0)-VLOOKUP(AT$1,városok!$A$2:$C$346,3,0))^2)/1000,0)</f>
        <v>10</v>
      </c>
      <c r="AU205">
        <f ca="1">ROUND(SQRT((VLOOKUP($A205,városok!$A$2:$C$346,2,0)-VLOOKUP(AU$1,városok!$A$2:$C$346,2,0))^2+(VLOOKUP($A205,városok!$A$2:$C$346,3,0)-VLOOKUP(AU$1,városok!$A$2:$C$346,3,0))^2)/1000,0)</f>
        <v>6</v>
      </c>
      <c r="AV205">
        <f ca="1">ROUND(SQRT((VLOOKUP($A205,városok!$A$2:$C$346,2,0)-VLOOKUP(AV$1,városok!$A$2:$C$346,2,0))^2+(VLOOKUP($A205,városok!$A$2:$C$346,3,0)-VLOOKUP(AV$1,városok!$A$2:$C$346,3,0))^2)/1000,0)</f>
        <v>12</v>
      </c>
      <c r="AW205">
        <f ca="1">ROUND(SQRT((VLOOKUP($A205,városok!$A$2:$C$346,2,0)-VLOOKUP(AW$1,városok!$A$2:$C$346,2,0))^2+(VLOOKUP($A205,városok!$A$2:$C$346,3,0)-VLOOKUP(AW$1,városok!$A$2:$C$346,3,0))^2)/1000,0)</f>
        <v>13</v>
      </c>
      <c r="AX205">
        <f ca="1">ROUND(SQRT((VLOOKUP($A205,városok!$A$2:$C$346,2,0)-VLOOKUP(AX$1,városok!$A$2:$C$346,2,0))^2+(VLOOKUP($A205,városok!$A$2:$C$346,3,0)-VLOOKUP(AX$1,városok!$A$2:$C$346,3,0))^2)/1000,0)</f>
        <v>84</v>
      </c>
      <c r="AY205">
        <f ca="1">ROUND(SQRT((VLOOKUP($A205,városok!$A$2:$C$346,2,0)-VLOOKUP(AY$1,városok!$A$2:$C$346,2,0))^2+(VLOOKUP($A205,városok!$A$2:$C$346,3,0)-VLOOKUP(AY$1,városok!$A$2:$C$346,3,0))^2)/1000,0)</f>
        <v>21</v>
      </c>
      <c r="AZ205">
        <f ca="1">ROUND(SQRT((VLOOKUP($A205,városok!$A$2:$C$346,2,0)-VLOOKUP(AZ$1,városok!$A$2:$C$346,2,0))^2+(VLOOKUP($A205,városok!$A$2:$C$346,3,0)-VLOOKUP(AZ$1,városok!$A$2:$C$346,3,0))^2)/1000,0)</f>
        <v>30</v>
      </c>
      <c r="BA205">
        <f ca="1">ROUND(SQRT((VLOOKUP($A205,városok!$A$2:$C$346,2,0)-VLOOKUP(BA$1,városok!$A$2:$C$346,2,0))^2+(VLOOKUP($A205,városok!$A$2:$C$346,3,0)-VLOOKUP(BA$1,városok!$A$2:$C$346,3,0))^2)/1000,0)</f>
        <v>124</v>
      </c>
      <c r="BB205">
        <f ca="1">ROUND(SQRT((VLOOKUP($A205,városok!$A$2:$C$346,2,0)-VLOOKUP(BB$1,városok!$A$2:$C$346,2,0))^2+(VLOOKUP($A205,városok!$A$2:$C$346,3,0)-VLOOKUP(BB$1,városok!$A$2:$C$346,3,0))^2)/1000,0)</f>
        <v>132</v>
      </c>
      <c r="BC205">
        <f ca="1">ROUND(SQRT((VLOOKUP($A205,városok!$A$2:$C$346,2,0)-VLOOKUP(BC$1,városok!$A$2:$C$346,2,0))^2+(VLOOKUP($A205,városok!$A$2:$C$346,3,0)-VLOOKUP(BC$1,városok!$A$2:$C$346,3,0))^2)/1000,0)</f>
        <v>155</v>
      </c>
      <c r="BD205">
        <f ca="1">ROUND(SQRT((VLOOKUP($A205,városok!$A$2:$C$346,2,0)-VLOOKUP(BD$1,városok!$A$2:$C$346,2,0))^2+(VLOOKUP($A205,városok!$A$2:$C$346,3,0)-VLOOKUP(BD$1,városok!$A$2:$C$346,3,0))^2)/1000,0)</f>
        <v>94</v>
      </c>
      <c r="BE205">
        <f ca="1">ROUND(SQRT((VLOOKUP($A205,városok!$A$2:$C$346,2,0)-VLOOKUP(BE$1,városok!$A$2:$C$346,2,0))^2+(VLOOKUP($A205,városok!$A$2:$C$346,3,0)-VLOOKUP(BE$1,városok!$A$2:$C$346,3,0))^2)/1000,0)</f>
        <v>283</v>
      </c>
      <c r="BF205">
        <f ca="1">ROUND(SQRT((VLOOKUP($A205,városok!$A$2:$C$346,2,0)-VLOOKUP(BF$1,városok!$A$2:$C$346,2,0))^2+(VLOOKUP($A205,városok!$A$2:$C$346,3,0)-VLOOKUP(BF$1,városok!$A$2:$C$346,3,0))^2)/1000,0)</f>
        <v>248</v>
      </c>
      <c r="BG205">
        <f ca="1">ROUND(SQRT((VLOOKUP($A205,városok!$A$2:$C$346,2,0)-VLOOKUP(BG$1,városok!$A$2:$C$346,2,0))^2+(VLOOKUP($A205,városok!$A$2:$C$346,3,0)-VLOOKUP(BG$1,városok!$A$2:$C$346,3,0))^2)/1000,0)</f>
        <v>202</v>
      </c>
      <c r="BH205">
        <f ca="1">ROUND(SQRT((VLOOKUP($A205,városok!$A$2:$C$346,2,0)-VLOOKUP(BH$1,városok!$A$2:$C$346,2,0))^2+(VLOOKUP($A205,városok!$A$2:$C$346,3,0)-VLOOKUP(BH$1,városok!$A$2:$C$346,3,0))^2)/1000,0)</f>
        <v>201</v>
      </c>
      <c r="BI205">
        <f ca="1">ROUND(SQRT((VLOOKUP($A205,városok!$A$2:$C$346,2,0)-VLOOKUP(BI$1,városok!$A$2:$C$346,2,0))^2+(VLOOKUP($A205,városok!$A$2:$C$346,3,0)-VLOOKUP(BI$1,városok!$A$2:$C$346,3,0))^2)/1000,0)</f>
        <v>126</v>
      </c>
      <c r="BJ205">
        <f ca="1">ROUND(SQRT((VLOOKUP($A205,városok!$A$2:$C$346,2,0)-VLOOKUP(BJ$1,városok!$A$2:$C$346,2,0))^2+(VLOOKUP($A205,városok!$A$2:$C$346,3,0)-VLOOKUP(BJ$1,városok!$A$2:$C$346,3,0))^2)/1000,0)</f>
        <v>141</v>
      </c>
      <c r="BK205">
        <f ca="1">ROUND(SQRT((VLOOKUP($A205,városok!$A$2:$C$346,2,0)-VLOOKUP(BK$1,városok!$A$2:$C$346,2,0))^2+(VLOOKUP($A205,városok!$A$2:$C$346,3,0)-VLOOKUP(BK$1,városok!$A$2:$C$346,3,0))^2)/1000,0)</f>
        <v>130</v>
      </c>
      <c r="BL205">
        <f ca="1">ROUND(SQRT((VLOOKUP($A205,városok!$A$2:$C$346,2,0)-VLOOKUP(BL$1,városok!$A$2:$C$346,2,0))^2+(VLOOKUP($A205,városok!$A$2:$C$346,3,0)-VLOOKUP(BL$1,városok!$A$2:$C$346,3,0))^2)/1000,0)</f>
        <v>185</v>
      </c>
      <c r="BM205">
        <f ca="1">ROUND(SQRT((VLOOKUP($A205,városok!$A$2:$C$346,2,0)-VLOOKUP(BM$1,városok!$A$2:$C$346,2,0))^2+(VLOOKUP($A205,városok!$A$2:$C$346,3,0)-VLOOKUP(BM$1,városok!$A$2:$C$346,3,0))^2)/1000,0)</f>
        <v>154</v>
      </c>
      <c r="BN205">
        <f ca="1">ROUND(SQRT((VLOOKUP($A205,városok!$A$2:$C$346,2,0)-VLOOKUP(BN$1,városok!$A$2:$C$346,2,0))^2+(VLOOKUP($A205,városok!$A$2:$C$346,3,0)-VLOOKUP(BN$1,városok!$A$2:$C$346,3,0))^2)/1000,0)</f>
        <v>177</v>
      </c>
      <c r="BO205">
        <f ca="1">ROUND(SQRT((VLOOKUP($A205,városok!$A$2:$C$346,2,0)-VLOOKUP(BO$1,városok!$A$2:$C$346,2,0))^2+(VLOOKUP($A205,városok!$A$2:$C$346,3,0)-VLOOKUP(BO$1,városok!$A$2:$C$346,3,0))^2)/1000,0)</f>
        <v>88</v>
      </c>
      <c r="BP205">
        <f ca="1">ROUND(SQRT((VLOOKUP($A205,városok!$A$2:$C$346,2,0)-VLOOKUP(BP$1,városok!$A$2:$C$346,2,0))^2+(VLOOKUP($A205,városok!$A$2:$C$346,3,0)-VLOOKUP(BP$1,városok!$A$2:$C$346,3,0))^2)/1000,0)</f>
        <v>82</v>
      </c>
      <c r="BQ205">
        <f ca="1">ROUND(SQRT((VLOOKUP($A205,városok!$A$2:$C$346,2,0)-VLOOKUP(BQ$1,városok!$A$2:$C$346,2,0))^2+(VLOOKUP($A205,városok!$A$2:$C$346,3,0)-VLOOKUP(BQ$1,városok!$A$2:$C$346,3,0))^2)/1000,0)</f>
        <v>90</v>
      </c>
      <c r="BR205">
        <f ca="1">ROUND(SQRT((VLOOKUP($A205,városok!$A$2:$C$346,2,0)-VLOOKUP(BR$1,városok!$A$2:$C$346,2,0))^2+(VLOOKUP($A205,városok!$A$2:$C$346,3,0)-VLOOKUP(BR$1,városok!$A$2:$C$346,3,0))^2)/1000,0)</f>
        <v>152</v>
      </c>
      <c r="BS205">
        <f ca="1">ROUND(SQRT((VLOOKUP($A205,városok!$A$2:$C$346,2,0)-VLOOKUP(BS$1,városok!$A$2:$C$346,2,0))^2+(VLOOKUP($A205,városok!$A$2:$C$346,3,0)-VLOOKUP(BS$1,városok!$A$2:$C$346,3,0))^2)/1000,0)</f>
        <v>189</v>
      </c>
      <c r="BT205">
        <f ca="1">ROUND(SQRT((VLOOKUP($A205,városok!$A$2:$C$346,2,0)-VLOOKUP(BT$1,városok!$A$2:$C$346,2,0))^2+(VLOOKUP($A205,városok!$A$2:$C$346,3,0)-VLOOKUP(BT$1,városok!$A$2:$C$346,3,0))^2)/1000,0)</f>
        <v>176</v>
      </c>
    </row>
    <row r="206" spans="1:72" x14ac:dyDescent="0.2">
      <c r="A206" t="str">
        <f>városok!A206</f>
        <v>Budaörs</v>
      </c>
      <c r="B206">
        <f ca="1">ROUND(SQRT((VLOOKUP($A206,városok!$A$2:$C$346,2,0)-VLOOKUP(B$1,városok!$A$2:$C$346,2,0))^2+(VLOOKUP($A206,városok!$A$2:$C$346,3,0)-VLOOKUP(B$1,városok!$A$2:$C$346,3,0))^2)/1000,0)</f>
        <v>142</v>
      </c>
      <c r="C206">
        <f ca="1">ROUND(SQRT((VLOOKUP($A206,városok!$A$2:$C$346,2,0)-VLOOKUP(C$1,városok!$A$2:$C$346,2,0))^2+(VLOOKUP($A206,városok!$A$2:$C$346,3,0)-VLOOKUP(C$1,városok!$A$2:$C$346,3,0))^2)/1000,0)</f>
        <v>104</v>
      </c>
      <c r="D206">
        <f ca="1">ROUND(SQRT((VLOOKUP($A206,városok!$A$2:$C$346,2,0)-VLOOKUP(D$1,városok!$A$2:$C$346,2,0))^2+(VLOOKUP($A206,városok!$A$2:$C$346,3,0)-VLOOKUP(D$1,városok!$A$2:$C$346,3,0))^2)/1000,0)</f>
        <v>82</v>
      </c>
      <c r="E206">
        <f ca="1">ROUND(SQRT((VLOOKUP($A206,városok!$A$2:$C$346,2,0)-VLOOKUP(E$1,városok!$A$2:$C$346,2,0))^2+(VLOOKUP($A206,városok!$A$2:$C$346,3,0)-VLOOKUP(E$1,városok!$A$2:$C$346,3,0))^2)/1000,0)</f>
        <v>151</v>
      </c>
      <c r="F206">
        <f ca="1">ROUND(SQRT((VLOOKUP($A206,városok!$A$2:$C$346,2,0)-VLOOKUP(F$1,városok!$A$2:$C$346,2,0))^2+(VLOOKUP($A206,városok!$A$2:$C$346,3,0)-VLOOKUP(F$1,városok!$A$2:$C$346,3,0))^2)/1000,0)</f>
        <v>165</v>
      </c>
      <c r="G206">
        <f ca="1">ROUND(SQRT((VLOOKUP($A206,városok!$A$2:$C$346,2,0)-VLOOKUP(G$1,városok!$A$2:$C$346,2,0))^2+(VLOOKUP($A206,városok!$A$2:$C$346,3,0)-VLOOKUP(G$1,városok!$A$2:$C$346,3,0))^2)/1000,0)</f>
        <v>163</v>
      </c>
      <c r="H206">
        <f ca="1">ROUND(SQRT((VLOOKUP($A206,városok!$A$2:$C$346,2,0)-VLOOKUP(H$1,városok!$A$2:$C$346,2,0))^2+(VLOOKUP($A206,városok!$A$2:$C$346,3,0)-VLOOKUP(H$1,városok!$A$2:$C$346,3,0))^2)/1000,0)</f>
        <v>180</v>
      </c>
      <c r="I206">
        <f ca="1">ROUND(SQRT((VLOOKUP($A206,városok!$A$2:$C$346,2,0)-VLOOKUP(I$1,városok!$A$2:$C$346,2,0))^2+(VLOOKUP($A206,városok!$A$2:$C$346,3,0)-VLOOKUP(I$1,városok!$A$2:$C$346,3,0))^2)/1000,0)</f>
        <v>183</v>
      </c>
      <c r="J206">
        <f ca="1">ROUND(SQRT((VLOOKUP($A206,városok!$A$2:$C$346,2,0)-VLOOKUP(J$1,városok!$A$2:$C$346,2,0))^2+(VLOOKUP($A206,városok!$A$2:$C$346,3,0)-VLOOKUP(J$1,városok!$A$2:$C$346,3,0))^2)/1000,0)</f>
        <v>198</v>
      </c>
      <c r="K206">
        <f ca="1">ROUND(SQRT((VLOOKUP($A206,városok!$A$2:$C$346,2,0)-VLOOKUP(K$1,városok!$A$2:$C$346,2,0))^2+(VLOOKUP($A206,városok!$A$2:$C$346,3,0)-VLOOKUP(K$1,városok!$A$2:$C$346,3,0))^2)/1000,0)</f>
        <v>164</v>
      </c>
      <c r="L206">
        <f ca="1">ROUND(SQRT((VLOOKUP($A206,városok!$A$2:$C$346,2,0)-VLOOKUP(L$1,városok!$A$2:$C$346,2,0))^2+(VLOOKUP($A206,városok!$A$2:$C$346,3,0)-VLOOKUP(L$1,városok!$A$2:$C$346,3,0))^2)/1000,0)</f>
        <v>153</v>
      </c>
      <c r="M206">
        <f ca="1">ROUND(SQRT((VLOOKUP($A206,városok!$A$2:$C$346,2,0)-VLOOKUP(M$1,városok!$A$2:$C$346,2,0))^2+(VLOOKUP($A206,városok!$A$2:$C$346,3,0)-VLOOKUP(M$1,városok!$A$2:$C$346,3,0))^2)/1000,0)</f>
        <v>155</v>
      </c>
      <c r="N206">
        <f ca="1">ROUND(SQRT((VLOOKUP($A206,városok!$A$2:$C$346,2,0)-VLOOKUP(N$1,városok!$A$2:$C$346,2,0))^2+(VLOOKUP($A206,városok!$A$2:$C$346,3,0)-VLOOKUP(N$1,városok!$A$2:$C$346,3,0))^2)/1000,0)</f>
        <v>131</v>
      </c>
      <c r="O206">
        <f ca="1">ROUND(SQRT((VLOOKUP($A206,városok!$A$2:$C$346,2,0)-VLOOKUP(O$1,városok!$A$2:$C$346,2,0))^2+(VLOOKUP($A206,városok!$A$2:$C$346,3,0)-VLOOKUP(O$1,városok!$A$2:$C$346,3,0))^2)/1000,0)</f>
        <v>226</v>
      </c>
      <c r="P206">
        <f ca="1">ROUND(SQRT((VLOOKUP($A206,városok!$A$2:$C$346,2,0)-VLOOKUP(P$1,városok!$A$2:$C$346,2,0))^2+(VLOOKUP($A206,városok!$A$2:$C$346,3,0)-VLOOKUP(P$1,városok!$A$2:$C$346,3,0))^2)/1000,0)</f>
        <v>226</v>
      </c>
      <c r="Q206">
        <f ca="1">ROUND(SQRT((VLOOKUP($A206,városok!$A$2:$C$346,2,0)-VLOOKUP(Q$1,városok!$A$2:$C$346,2,0))^2+(VLOOKUP($A206,városok!$A$2:$C$346,3,0)-VLOOKUP(Q$1,városok!$A$2:$C$346,3,0))^2)/1000,0)</f>
        <v>155</v>
      </c>
      <c r="R206">
        <f ca="1">ROUND(SQRT((VLOOKUP($A206,városok!$A$2:$C$346,2,0)-VLOOKUP(R$1,városok!$A$2:$C$346,2,0))^2+(VLOOKUP($A206,városok!$A$2:$C$346,3,0)-VLOOKUP(R$1,városok!$A$2:$C$346,3,0))^2)/1000,0)</f>
        <v>180</v>
      </c>
      <c r="S206">
        <f ca="1">ROUND(SQRT((VLOOKUP($A206,városok!$A$2:$C$346,2,0)-VLOOKUP(S$1,városok!$A$2:$C$346,2,0))^2+(VLOOKUP($A206,városok!$A$2:$C$346,3,0)-VLOOKUP(S$1,városok!$A$2:$C$346,3,0))^2)/1000,0)</f>
        <v>163</v>
      </c>
      <c r="T206">
        <f ca="1">ROUND(SQRT((VLOOKUP($A206,városok!$A$2:$C$346,2,0)-VLOOKUP(T$1,városok!$A$2:$C$346,2,0))^2+(VLOOKUP($A206,városok!$A$2:$C$346,3,0)-VLOOKUP(T$1,városok!$A$2:$C$346,3,0))^2)/1000,0)</f>
        <v>25</v>
      </c>
      <c r="U206">
        <f ca="1">ROUND(SQRT((VLOOKUP($A206,városok!$A$2:$C$346,2,0)-VLOOKUP(U$1,városok!$A$2:$C$346,2,0))^2+(VLOOKUP($A206,városok!$A$2:$C$346,3,0)-VLOOKUP(U$1,városok!$A$2:$C$346,3,0))^2)/1000,0)</f>
        <v>55</v>
      </c>
      <c r="V206">
        <f ca="1">ROUND(SQRT((VLOOKUP($A206,városok!$A$2:$C$346,2,0)-VLOOKUP(V$1,városok!$A$2:$C$346,2,0))^2+(VLOOKUP($A206,városok!$A$2:$C$346,3,0)-VLOOKUP(V$1,városok!$A$2:$C$346,3,0))^2)/1000,0)</f>
        <v>67</v>
      </c>
      <c r="W206">
        <f ca="1">ROUND(SQRT((VLOOKUP($A206,városok!$A$2:$C$346,2,0)-VLOOKUP(W$1,városok!$A$2:$C$346,2,0))^2+(VLOOKUP($A206,városok!$A$2:$C$346,3,0)-VLOOKUP(W$1,városok!$A$2:$C$346,3,0))^2)/1000,0)</f>
        <v>69</v>
      </c>
      <c r="X206">
        <f ca="1">ROUND(SQRT((VLOOKUP($A206,városok!$A$2:$C$346,2,0)-VLOOKUP(X$1,városok!$A$2:$C$346,2,0))^2+(VLOOKUP($A206,városok!$A$2:$C$346,3,0)-VLOOKUP(X$1,városok!$A$2:$C$346,3,0))^2)/1000,0)</f>
        <v>51</v>
      </c>
      <c r="Y206">
        <f ca="1">ROUND(SQRT((VLOOKUP($A206,városok!$A$2:$C$346,2,0)-VLOOKUP(Y$1,városok!$A$2:$C$346,2,0))^2+(VLOOKUP($A206,városok!$A$2:$C$346,3,0)-VLOOKUP(Y$1,városok!$A$2:$C$346,3,0))^2)/1000,0)</f>
        <v>103</v>
      </c>
      <c r="Z206">
        <f ca="1">ROUND(SQRT((VLOOKUP($A206,városok!$A$2:$C$346,2,0)-VLOOKUP(Z$1,városok!$A$2:$C$346,2,0))^2+(VLOOKUP($A206,városok!$A$2:$C$346,3,0)-VLOOKUP(Z$1,városok!$A$2:$C$346,3,0))^2)/1000,0)</f>
        <v>122</v>
      </c>
      <c r="AA206">
        <f ca="1">ROUND(SQRT((VLOOKUP($A206,városok!$A$2:$C$346,2,0)-VLOOKUP(AA$1,városok!$A$2:$C$346,2,0))^2+(VLOOKUP($A206,városok!$A$2:$C$346,3,0)-VLOOKUP(AA$1,városok!$A$2:$C$346,3,0))^2)/1000,0)</f>
        <v>181</v>
      </c>
      <c r="AB206">
        <f ca="1">ROUND(SQRT((VLOOKUP($A206,városok!$A$2:$C$346,2,0)-VLOOKUP(AB$1,városok!$A$2:$C$346,2,0))^2+(VLOOKUP($A206,városok!$A$2:$C$346,3,0)-VLOOKUP(AB$1,városok!$A$2:$C$346,3,0))^2)/1000,0)</f>
        <v>201</v>
      </c>
      <c r="AC206">
        <f ca="1">ROUND(SQRT((VLOOKUP($A206,városok!$A$2:$C$346,2,0)-VLOOKUP(AC$1,városok!$A$2:$C$346,2,0))^2+(VLOOKUP($A206,városok!$A$2:$C$346,3,0)-VLOOKUP(AC$1,városok!$A$2:$C$346,3,0))^2)/1000,0)</f>
        <v>184</v>
      </c>
      <c r="AD206">
        <f ca="1">ROUND(SQRT((VLOOKUP($A206,városok!$A$2:$C$346,2,0)-VLOOKUP(AD$1,városok!$A$2:$C$346,2,0))^2+(VLOOKUP($A206,városok!$A$2:$C$346,3,0)-VLOOKUP(AD$1,városok!$A$2:$C$346,3,0))^2)/1000,0)</f>
        <v>166</v>
      </c>
      <c r="AE206">
        <f ca="1">ROUND(SQRT((VLOOKUP($A206,városok!$A$2:$C$346,2,0)-VLOOKUP(AE$1,városok!$A$2:$C$346,2,0))^2+(VLOOKUP($A206,városok!$A$2:$C$346,3,0)-VLOOKUP(AE$1,városok!$A$2:$C$346,3,0))^2)/1000,0)</f>
        <v>168</v>
      </c>
      <c r="AF206">
        <f ca="1">ROUND(SQRT((VLOOKUP($A206,városok!$A$2:$C$346,2,0)-VLOOKUP(AF$1,városok!$A$2:$C$346,2,0))^2+(VLOOKUP($A206,városok!$A$2:$C$346,3,0)-VLOOKUP(AF$1,városok!$A$2:$C$346,3,0))^2)/1000,0)</f>
        <v>117</v>
      </c>
      <c r="AG206">
        <f ca="1">ROUND(SQRT((VLOOKUP($A206,városok!$A$2:$C$346,2,0)-VLOOKUP(AG$1,városok!$A$2:$C$346,2,0))^2+(VLOOKUP($A206,városok!$A$2:$C$346,3,0)-VLOOKUP(AG$1,városok!$A$2:$C$346,3,0))^2)/1000,0)</f>
        <v>81</v>
      </c>
      <c r="AH206">
        <f ca="1">ROUND(SQRT((VLOOKUP($A206,városok!$A$2:$C$346,2,0)-VLOOKUP(AH$1,városok!$A$2:$C$346,2,0))^2+(VLOOKUP($A206,városok!$A$2:$C$346,3,0)-VLOOKUP(AH$1,városok!$A$2:$C$346,3,0))^2)/1000,0)</f>
        <v>58</v>
      </c>
      <c r="AI206">
        <f ca="1">ROUND(SQRT((VLOOKUP($A206,városok!$A$2:$C$346,2,0)-VLOOKUP(AI$1,városok!$A$2:$C$346,2,0))^2+(VLOOKUP($A206,városok!$A$2:$C$346,3,0)-VLOOKUP(AI$1,városok!$A$2:$C$346,3,0))^2)/1000,0)</f>
        <v>106</v>
      </c>
      <c r="AJ206">
        <f ca="1">ROUND(SQRT((VLOOKUP($A206,városok!$A$2:$C$346,2,0)-VLOOKUP(AJ$1,városok!$A$2:$C$346,2,0))^2+(VLOOKUP($A206,városok!$A$2:$C$346,3,0)-VLOOKUP(AJ$1,városok!$A$2:$C$346,3,0))^2)/1000,0)</f>
        <v>79</v>
      </c>
      <c r="AK206">
        <f ca="1">ROUND(SQRT((VLOOKUP($A206,városok!$A$2:$C$346,2,0)-VLOOKUP(AK$1,városok!$A$2:$C$346,2,0))^2+(VLOOKUP($A206,városok!$A$2:$C$346,3,0)-VLOOKUP(AK$1,városok!$A$2:$C$346,3,0))^2)/1000,0)</f>
        <v>153</v>
      </c>
      <c r="AL206">
        <f ca="1">ROUND(SQRT((VLOOKUP($A206,városok!$A$2:$C$346,2,0)-VLOOKUP(AL$1,városok!$A$2:$C$346,2,0))^2+(VLOOKUP($A206,városok!$A$2:$C$346,3,0)-VLOOKUP(AL$1,városok!$A$2:$C$346,3,0))^2)/1000,0)</f>
        <v>126</v>
      </c>
      <c r="AM206">
        <f ca="1">ROUND(SQRT((VLOOKUP($A206,városok!$A$2:$C$346,2,0)-VLOOKUP(AM$1,városok!$A$2:$C$346,2,0))^2+(VLOOKUP($A206,városok!$A$2:$C$346,3,0)-VLOOKUP(AM$1,városok!$A$2:$C$346,3,0))^2)/1000,0)</f>
        <v>98</v>
      </c>
      <c r="AN206">
        <f ca="1">ROUND(SQRT((VLOOKUP($A206,városok!$A$2:$C$346,2,0)-VLOOKUP(AN$1,városok!$A$2:$C$346,2,0))^2+(VLOOKUP($A206,városok!$A$2:$C$346,3,0)-VLOOKUP(AN$1,városok!$A$2:$C$346,3,0))^2)/1000,0)</f>
        <v>40</v>
      </c>
      <c r="AO206">
        <f ca="1">ROUND(SQRT((VLOOKUP($A206,városok!$A$2:$C$346,2,0)-VLOOKUP(AO$1,városok!$A$2:$C$346,2,0))^2+(VLOOKUP($A206,városok!$A$2:$C$346,3,0)-VLOOKUP(AO$1,városok!$A$2:$C$346,3,0))^2)/1000,0)</f>
        <v>70</v>
      </c>
      <c r="AP206">
        <f ca="1">ROUND(SQRT((VLOOKUP($A206,városok!$A$2:$C$346,2,0)-VLOOKUP(AP$1,városok!$A$2:$C$346,2,0))^2+(VLOOKUP($A206,városok!$A$2:$C$346,3,0)-VLOOKUP(AP$1,városok!$A$2:$C$346,3,0))^2)/1000,0)</f>
        <v>52</v>
      </c>
      <c r="AQ206">
        <f ca="1">ROUND(SQRT((VLOOKUP($A206,városok!$A$2:$C$346,2,0)-VLOOKUP(AQ$1,városok!$A$2:$C$346,2,0))^2+(VLOOKUP($A206,városok!$A$2:$C$346,3,0)-VLOOKUP(AQ$1,városok!$A$2:$C$346,3,0))^2)/1000,0)</f>
        <v>43</v>
      </c>
      <c r="AR206">
        <f ca="1">ROUND(SQRT((VLOOKUP($A206,városok!$A$2:$C$346,2,0)-VLOOKUP(AR$1,városok!$A$2:$C$346,2,0))^2+(VLOOKUP($A206,városok!$A$2:$C$346,3,0)-VLOOKUP(AR$1,városok!$A$2:$C$346,3,0))^2)/1000,0)</f>
        <v>75</v>
      </c>
      <c r="AS206">
        <f ca="1">ROUND(SQRT((VLOOKUP($A206,városok!$A$2:$C$346,2,0)-VLOOKUP(AS$1,városok!$A$2:$C$346,2,0))^2+(VLOOKUP($A206,városok!$A$2:$C$346,3,0)-VLOOKUP(AS$1,városok!$A$2:$C$346,3,0))^2)/1000,0)</f>
        <v>97</v>
      </c>
      <c r="AT206">
        <f ca="1">ROUND(SQRT((VLOOKUP($A206,városok!$A$2:$C$346,2,0)-VLOOKUP(AT$1,városok!$A$2:$C$346,2,0))^2+(VLOOKUP($A206,városok!$A$2:$C$346,3,0)-VLOOKUP(AT$1,városok!$A$2:$C$346,3,0))^2)/1000,0)</f>
        <v>11</v>
      </c>
      <c r="AU206">
        <f ca="1">ROUND(SQRT((VLOOKUP($A206,városok!$A$2:$C$346,2,0)-VLOOKUP(AU$1,városok!$A$2:$C$346,2,0))^2+(VLOOKUP($A206,városok!$A$2:$C$346,3,0)-VLOOKUP(AU$1,városok!$A$2:$C$346,3,0))^2)/1000,0)</f>
        <v>0</v>
      </c>
      <c r="AV206">
        <f ca="1">ROUND(SQRT((VLOOKUP($A206,városok!$A$2:$C$346,2,0)-VLOOKUP(AV$1,városok!$A$2:$C$346,2,0))^2+(VLOOKUP($A206,városok!$A$2:$C$346,3,0)-VLOOKUP(AV$1,városok!$A$2:$C$346,3,0))^2)/1000,0)</f>
        <v>6</v>
      </c>
      <c r="AW206">
        <f ca="1">ROUND(SQRT((VLOOKUP($A206,városok!$A$2:$C$346,2,0)-VLOOKUP(AW$1,városok!$A$2:$C$346,2,0))^2+(VLOOKUP($A206,városok!$A$2:$C$346,3,0)-VLOOKUP(AW$1,városok!$A$2:$C$346,3,0))^2)/1000,0)</f>
        <v>8</v>
      </c>
      <c r="AX206">
        <f ca="1">ROUND(SQRT((VLOOKUP($A206,városok!$A$2:$C$346,2,0)-VLOOKUP(AX$1,városok!$A$2:$C$346,2,0))^2+(VLOOKUP($A206,városok!$A$2:$C$346,3,0)-VLOOKUP(AX$1,városok!$A$2:$C$346,3,0))^2)/1000,0)</f>
        <v>78</v>
      </c>
      <c r="AY206">
        <f ca="1">ROUND(SQRT((VLOOKUP($A206,városok!$A$2:$C$346,2,0)-VLOOKUP(AY$1,városok!$A$2:$C$346,2,0))^2+(VLOOKUP($A206,városok!$A$2:$C$346,3,0)-VLOOKUP(AY$1,városok!$A$2:$C$346,3,0))^2)/1000,0)</f>
        <v>26</v>
      </c>
      <c r="AZ206">
        <f ca="1">ROUND(SQRT((VLOOKUP($A206,városok!$A$2:$C$346,2,0)-VLOOKUP(AZ$1,városok!$A$2:$C$346,2,0))^2+(VLOOKUP($A206,városok!$A$2:$C$346,3,0)-VLOOKUP(AZ$1,városok!$A$2:$C$346,3,0))^2)/1000,0)</f>
        <v>36</v>
      </c>
      <c r="BA206">
        <f ca="1">ROUND(SQRT((VLOOKUP($A206,városok!$A$2:$C$346,2,0)-VLOOKUP(BA$1,városok!$A$2:$C$346,2,0))^2+(VLOOKUP($A206,városok!$A$2:$C$346,3,0)-VLOOKUP(BA$1,városok!$A$2:$C$346,3,0))^2)/1000,0)</f>
        <v>122</v>
      </c>
      <c r="BB206">
        <f ca="1">ROUND(SQRT((VLOOKUP($A206,városok!$A$2:$C$346,2,0)-VLOOKUP(BB$1,városok!$A$2:$C$346,2,0))^2+(VLOOKUP($A206,városok!$A$2:$C$346,3,0)-VLOOKUP(BB$1,városok!$A$2:$C$346,3,0))^2)/1000,0)</f>
        <v>128</v>
      </c>
      <c r="BC206">
        <f ca="1">ROUND(SQRT((VLOOKUP($A206,városok!$A$2:$C$346,2,0)-VLOOKUP(BC$1,városok!$A$2:$C$346,2,0))^2+(VLOOKUP($A206,városok!$A$2:$C$346,3,0)-VLOOKUP(BC$1,városok!$A$2:$C$346,3,0))^2)/1000,0)</f>
        <v>151</v>
      </c>
      <c r="BD206">
        <f ca="1">ROUND(SQRT((VLOOKUP($A206,városok!$A$2:$C$346,2,0)-VLOOKUP(BD$1,városok!$A$2:$C$346,2,0))^2+(VLOOKUP($A206,városok!$A$2:$C$346,3,0)-VLOOKUP(BD$1,városok!$A$2:$C$346,3,0))^2)/1000,0)</f>
        <v>91</v>
      </c>
      <c r="BE206">
        <f ca="1">ROUND(SQRT((VLOOKUP($A206,városok!$A$2:$C$346,2,0)-VLOOKUP(BE$1,városok!$A$2:$C$346,2,0))^2+(VLOOKUP($A206,városok!$A$2:$C$346,3,0)-VLOOKUP(BE$1,városok!$A$2:$C$346,3,0))^2)/1000,0)</f>
        <v>282</v>
      </c>
      <c r="BF206">
        <f ca="1">ROUND(SQRT((VLOOKUP($A206,városok!$A$2:$C$346,2,0)-VLOOKUP(BF$1,városok!$A$2:$C$346,2,0))^2+(VLOOKUP($A206,városok!$A$2:$C$346,3,0)-VLOOKUP(BF$1,városok!$A$2:$C$346,3,0))^2)/1000,0)</f>
        <v>248</v>
      </c>
      <c r="BG206">
        <f ca="1">ROUND(SQRT((VLOOKUP($A206,városok!$A$2:$C$346,2,0)-VLOOKUP(BG$1,városok!$A$2:$C$346,2,0))^2+(VLOOKUP($A206,városok!$A$2:$C$346,3,0)-VLOOKUP(BG$1,városok!$A$2:$C$346,3,0))^2)/1000,0)</f>
        <v>202</v>
      </c>
      <c r="BH206">
        <f ca="1">ROUND(SQRT((VLOOKUP($A206,városok!$A$2:$C$346,2,0)-VLOOKUP(BH$1,városok!$A$2:$C$346,2,0))^2+(VLOOKUP($A206,városok!$A$2:$C$346,3,0)-VLOOKUP(BH$1,városok!$A$2:$C$346,3,0))^2)/1000,0)</f>
        <v>201</v>
      </c>
      <c r="BI206">
        <f ca="1">ROUND(SQRT((VLOOKUP($A206,városok!$A$2:$C$346,2,0)-VLOOKUP(BI$1,városok!$A$2:$C$346,2,0))^2+(VLOOKUP($A206,városok!$A$2:$C$346,3,0)-VLOOKUP(BI$1,városok!$A$2:$C$346,3,0))^2)/1000,0)</f>
        <v>121</v>
      </c>
      <c r="BJ206">
        <f ca="1">ROUND(SQRT((VLOOKUP($A206,városok!$A$2:$C$346,2,0)-VLOOKUP(BJ$1,városok!$A$2:$C$346,2,0))^2+(VLOOKUP($A206,városok!$A$2:$C$346,3,0)-VLOOKUP(BJ$1,városok!$A$2:$C$346,3,0))^2)/1000,0)</f>
        <v>136</v>
      </c>
      <c r="BK206">
        <f ca="1">ROUND(SQRT((VLOOKUP($A206,városok!$A$2:$C$346,2,0)-VLOOKUP(BK$1,városok!$A$2:$C$346,2,0))^2+(VLOOKUP($A206,városok!$A$2:$C$346,3,0)-VLOOKUP(BK$1,városok!$A$2:$C$346,3,0))^2)/1000,0)</f>
        <v>125</v>
      </c>
      <c r="BL206">
        <f ca="1">ROUND(SQRT((VLOOKUP($A206,városok!$A$2:$C$346,2,0)-VLOOKUP(BL$1,városok!$A$2:$C$346,2,0))^2+(VLOOKUP($A206,városok!$A$2:$C$346,3,0)-VLOOKUP(BL$1,városok!$A$2:$C$346,3,0))^2)/1000,0)</f>
        <v>185</v>
      </c>
      <c r="BM206">
        <f ca="1">ROUND(SQRT((VLOOKUP($A206,városok!$A$2:$C$346,2,0)-VLOOKUP(BM$1,városok!$A$2:$C$346,2,0))^2+(VLOOKUP($A206,városok!$A$2:$C$346,3,0)-VLOOKUP(BM$1,városok!$A$2:$C$346,3,0))^2)/1000,0)</f>
        <v>155</v>
      </c>
      <c r="BN206">
        <f ca="1">ROUND(SQRT((VLOOKUP($A206,városok!$A$2:$C$346,2,0)-VLOOKUP(BN$1,városok!$A$2:$C$346,2,0))^2+(VLOOKUP($A206,városok!$A$2:$C$346,3,0)-VLOOKUP(BN$1,városok!$A$2:$C$346,3,0))^2)/1000,0)</f>
        <v>178</v>
      </c>
      <c r="BO206">
        <f ca="1">ROUND(SQRT((VLOOKUP($A206,városok!$A$2:$C$346,2,0)-VLOOKUP(BO$1,városok!$A$2:$C$346,2,0))^2+(VLOOKUP($A206,városok!$A$2:$C$346,3,0)-VLOOKUP(BO$1,városok!$A$2:$C$346,3,0))^2)/1000,0)</f>
        <v>86</v>
      </c>
      <c r="BP206">
        <f ca="1">ROUND(SQRT((VLOOKUP($A206,városok!$A$2:$C$346,2,0)-VLOOKUP(BP$1,városok!$A$2:$C$346,2,0))^2+(VLOOKUP($A206,városok!$A$2:$C$346,3,0)-VLOOKUP(BP$1,városok!$A$2:$C$346,3,0))^2)/1000,0)</f>
        <v>80</v>
      </c>
      <c r="BQ206">
        <f ca="1">ROUND(SQRT((VLOOKUP($A206,városok!$A$2:$C$346,2,0)-VLOOKUP(BQ$1,városok!$A$2:$C$346,2,0))^2+(VLOOKUP($A206,városok!$A$2:$C$346,3,0)-VLOOKUP(BQ$1,városok!$A$2:$C$346,3,0))^2)/1000,0)</f>
        <v>89</v>
      </c>
      <c r="BR206">
        <f ca="1">ROUND(SQRT((VLOOKUP($A206,városok!$A$2:$C$346,2,0)-VLOOKUP(BR$1,városok!$A$2:$C$346,2,0))^2+(VLOOKUP($A206,városok!$A$2:$C$346,3,0)-VLOOKUP(BR$1,városok!$A$2:$C$346,3,0))^2)/1000,0)</f>
        <v>150</v>
      </c>
      <c r="BS206">
        <f ca="1">ROUND(SQRT((VLOOKUP($A206,városok!$A$2:$C$346,2,0)-VLOOKUP(BS$1,városok!$A$2:$C$346,2,0))^2+(VLOOKUP($A206,városok!$A$2:$C$346,3,0)-VLOOKUP(BS$1,városok!$A$2:$C$346,3,0))^2)/1000,0)</f>
        <v>187</v>
      </c>
      <c r="BT206">
        <f ca="1">ROUND(SQRT((VLOOKUP($A206,városok!$A$2:$C$346,2,0)-VLOOKUP(BT$1,városok!$A$2:$C$346,2,0))^2+(VLOOKUP($A206,városok!$A$2:$C$346,3,0)-VLOOKUP(BT$1,városok!$A$2:$C$346,3,0))^2)/1000,0)</f>
        <v>175</v>
      </c>
    </row>
    <row r="207" spans="1:72" x14ac:dyDescent="0.2">
      <c r="A207" t="str">
        <f>városok!A207</f>
        <v>Cegléd</v>
      </c>
      <c r="B207">
        <f ca="1">ROUND(SQRT((VLOOKUP($A207,városok!$A$2:$C$346,2,0)-VLOOKUP(B$1,városok!$A$2:$C$346,2,0))^2+(VLOOKUP($A207,városok!$A$2:$C$346,3,0)-VLOOKUP(B$1,városok!$A$2:$C$346,3,0))^2)/1000,0)</f>
        <v>127</v>
      </c>
      <c r="C207">
        <f ca="1">ROUND(SQRT((VLOOKUP($A207,városok!$A$2:$C$346,2,0)-VLOOKUP(C$1,városok!$A$2:$C$346,2,0))^2+(VLOOKUP($A207,városok!$A$2:$C$346,3,0)-VLOOKUP(C$1,városok!$A$2:$C$346,3,0))^2)/1000,0)</f>
        <v>95</v>
      </c>
      <c r="D207">
        <f ca="1">ROUND(SQRT((VLOOKUP($A207,városok!$A$2:$C$346,2,0)-VLOOKUP(D$1,városok!$A$2:$C$346,2,0))^2+(VLOOKUP($A207,városok!$A$2:$C$346,3,0)-VLOOKUP(D$1,városok!$A$2:$C$346,3,0))^2)/1000,0)</f>
        <v>30</v>
      </c>
      <c r="E207">
        <f ca="1">ROUND(SQRT((VLOOKUP($A207,városok!$A$2:$C$346,2,0)-VLOOKUP(E$1,városok!$A$2:$C$346,2,0))^2+(VLOOKUP($A207,városok!$A$2:$C$346,3,0)-VLOOKUP(E$1,városok!$A$2:$C$346,3,0))^2)/1000,0)</f>
        <v>160</v>
      </c>
      <c r="F207">
        <f ca="1">ROUND(SQRT((VLOOKUP($A207,városok!$A$2:$C$346,2,0)-VLOOKUP(F$1,városok!$A$2:$C$346,2,0))^2+(VLOOKUP($A207,városok!$A$2:$C$346,3,0)-VLOOKUP(F$1,városok!$A$2:$C$346,3,0))^2)/1000,0)</f>
        <v>156</v>
      </c>
      <c r="G207">
        <f ca="1">ROUND(SQRT((VLOOKUP($A207,városok!$A$2:$C$346,2,0)-VLOOKUP(G$1,városok!$A$2:$C$346,2,0))^2+(VLOOKUP($A207,városok!$A$2:$C$346,3,0)-VLOOKUP(G$1,városok!$A$2:$C$346,3,0))^2)/1000,0)</f>
        <v>170</v>
      </c>
      <c r="H207">
        <f ca="1">ROUND(SQRT((VLOOKUP($A207,városok!$A$2:$C$346,2,0)-VLOOKUP(H$1,városok!$A$2:$C$346,2,0))^2+(VLOOKUP($A207,városok!$A$2:$C$346,3,0)-VLOOKUP(H$1,városok!$A$2:$C$346,3,0))^2)/1000,0)</f>
        <v>198</v>
      </c>
      <c r="I207">
        <f ca="1">ROUND(SQRT((VLOOKUP($A207,városok!$A$2:$C$346,2,0)-VLOOKUP(I$1,városok!$A$2:$C$346,2,0))^2+(VLOOKUP($A207,városok!$A$2:$C$346,3,0)-VLOOKUP(I$1,városok!$A$2:$C$346,3,0))^2)/1000,0)</f>
        <v>112</v>
      </c>
      <c r="J207">
        <f ca="1">ROUND(SQRT((VLOOKUP($A207,városok!$A$2:$C$346,2,0)-VLOOKUP(J$1,városok!$A$2:$C$346,2,0))^2+(VLOOKUP($A207,városok!$A$2:$C$346,3,0)-VLOOKUP(J$1,városok!$A$2:$C$346,3,0))^2)/1000,0)</f>
        <v>127</v>
      </c>
      <c r="K207">
        <f ca="1">ROUND(SQRT((VLOOKUP($A207,városok!$A$2:$C$346,2,0)-VLOOKUP(K$1,városok!$A$2:$C$346,2,0))^2+(VLOOKUP($A207,városok!$A$2:$C$346,3,0)-VLOOKUP(K$1,városok!$A$2:$C$346,3,0))^2)/1000,0)</f>
        <v>95</v>
      </c>
      <c r="L207">
        <f ca="1">ROUND(SQRT((VLOOKUP($A207,városok!$A$2:$C$346,2,0)-VLOOKUP(L$1,városok!$A$2:$C$346,2,0))^2+(VLOOKUP($A207,városok!$A$2:$C$346,3,0)-VLOOKUP(L$1,városok!$A$2:$C$346,3,0))^2)/1000,0)</f>
        <v>136</v>
      </c>
      <c r="M207">
        <f ca="1">ROUND(SQRT((VLOOKUP($A207,városok!$A$2:$C$346,2,0)-VLOOKUP(M$1,városok!$A$2:$C$346,2,0))^2+(VLOOKUP($A207,városok!$A$2:$C$346,3,0)-VLOOKUP(M$1,városok!$A$2:$C$346,3,0))^2)/1000,0)</f>
        <v>128</v>
      </c>
      <c r="N207">
        <f ca="1">ROUND(SQRT((VLOOKUP($A207,városok!$A$2:$C$346,2,0)-VLOOKUP(N$1,városok!$A$2:$C$346,2,0))^2+(VLOOKUP($A207,városok!$A$2:$C$346,3,0)-VLOOKUP(N$1,városok!$A$2:$C$346,3,0))^2)/1000,0)</f>
        <v>123</v>
      </c>
      <c r="O207">
        <f ca="1">ROUND(SQRT((VLOOKUP($A207,városok!$A$2:$C$346,2,0)-VLOOKUP(O$1,városok!$A$2:$C$346,2,0))^2+(VLOOKUP($A207,városok!$A$2:$C$346,3,0)-VLOOKUP(O$1,városok!$A$2:$C$346,3,0))^2)/1000,0)</f>
        <v>195</v>
      </c>
      <c r="P207">
        <f ca="1">ROUND(SQRT((VLOOKUP($A207,városok!$A$2:$C$346,2,0)-VLOOKUP(P$1,városok!$A$2:$C$346,2,0))^2+(VLOOKUP($A207,városok!$A$2:$C$346,3,0)-VLOOKUP(P$1,városok!$A$2:$C$346,3,0))^2)/1000,0)</f>
        <v>195</v>
      </c>
      <c r="Q207">
        <f ca="1">ROUND(SQRT((VLOOKUP($A207,városok!$A$2:$C$346,2,0)-VLOOKUP(Q$1,városok!$A$2:$C$346,2,0))^2+(VLOOKUP($A207,városok!$A$2:$C$346,3,0)-VLOOKUP(Q$1,városok!$A$2:$C$346,3,0))^2)/1000,0)</f>
        <v>93</v>
      </c>
      <c r="R207">
        <f ca="1">ROUND(SQRT((VLOOKUP($A207,városok!$A$2:$C$346,2,0)-VLOOKUP(R$1,városok!$A$2:$C$346,2,0))^2+(VLOOKUP($A207,városok!$A$2:$C$346,3,0)-VLOOKUP(R$1,városok!$A$2:$C$346,3,0))^2)/1000,0)</f>
        <v>118</v>
      </c>
      <c r="S207">
        <f ca="1">ROUND(SQRT((VLOOKUP($A207,városok!$A$2:$C$346,2,0)-VLOOKUP(S$1,városok!$A$2:$C$346,2,0))^2+(VLOOKUP($A207,városok!$A$2:$C$346,3,0)-VLOOKUP(S$1,városok!$A$2:$C$346,3,0))^2)/1000,0)</f>
        <v>106</v>
      </c>
      <c r="T207">
        <f ca="1">ROUND(SQRT((VLOOKUP($A207,városok!$A$2:$C$346,2,0)-VLOOKUP(T$1,városok!$A$2:$C$346,2,0))^2+(VLOOKUP($A207,városok!$A$2:$C$346,3,0)-VLOOKUP(T$1,városok!$A$2:$C$346,3,0))^2)/1000,0)</f>
        <v>95</v>
      </c>
      <c r="U207">
        <f ca="1">ROUND(SQRT((VLOOKUP($A207,városok!$A$2:$C$346,2,0)-VLOOKUP(U$1,városok!$A$2:$C$346,2,0))^2+(VLOOKUP($A207,városok!$A$2:$C$346,3,0)-VLOOKUP(U$1,városok!$A$2:$C$346,3,0))^2)/1000,0)</f>
        <v>69</v>
      </c>
      <c r="V207">
        <f ca="1">ROUND(SQRT((VLOOKUP($A207,városok!$A$2:$C$346,2,0)-VLOOKUP(V$1,városok!$A$2:$C$346,2,0))^2+(VLOOKUP($A207,városok!$A$2:$C$346,3,0)-VLOOKUP(V$1,városok!$A$2:$C$346,3,0))^2)/1000,0)</f>
        <v>114</v>
      </c>
      <c r="W207">
        <f ca="1">ROUND(SQRT((VLOOKUP($A207,városok!$A$2:$C$346,2,0)-VLOOKUP(W$1,városok!$A$2:$C$346,2,0))^2+(VLOOKUP($A207,városok!$A$2:$C$346,3,0)-VLOOKUP(W$1,városok!$A$2:$C$346,3,0))^2)/1000,0)</f>
        <v>95</v>
      </c>
      <c r="X207">
        <f ca="1">ROUND(SQRT((VLOOKUP($A207,városok!$A$2:$C$346,2,0)-VLOOKUP(X$1,városok!$A$2:$C$346,2,0))^2+(VLOOKUP($A207,városok!$A$2:$C$346,3,0)-VLOOKUP(X$1,városok!$A$2:$C$346,3,0))^2)/1000,0)</f>
        <v>112</v>
      </c>
      <c r="Y207">
        <f ca="1">ROUND(SQRT((VLOOKUP($A207,városok!$A$2:$C$346,2,0)-VLOOKUP(Y$1,városok!$A$2:$C$346,2,0))^2+(VLOOKUP($A207,városok!$A$2:$C$346,3,0)-VLOOKUP(Y$1,városok!$A$2:$C$346,3,0))^2)/1000,0)</f>
        <v>173</v>
      </c>
      <c r="Z207">
        <f ca="1">ROUND(SQRT((VLOOKUP($A207,városok!$A$2:$C$346,2,0)-VLOOKUP(Z$1,városok!$A$2:$C$346,2,0))^2+(VLOOKUP($A207,városok!$A$2:$C$346,3,0)-VLOOKUP(Z$1,városok!$A$2:$C$346,3,0))^2)/1000,0)</f>
        <v>192</v>
      </c>
      <c r="AA207">
        <f ca="1">ROUND(SQRT((VLOOKUP($A207,városok!$A$2:$C$346,2,0)-VLOOKUP(AA$1,városok!$A$2:$C$346,2,0))^2+(VLOOKUP($A207,városok!$A$2:$C$346,3,0)-VLOOKUP(AA$1,városok!$A$2:$C$346,3,0))^2)/1000,0)</f>
        <v>249</v>
      </c>
      <c r="AB207">
        <f ca="1">ROUND(SQRT((VLOOKUP($A207,városok!$A$2:$C$346,2,0)-VLOOKUP(AB$1,városok!$A$2:$C$346,2,0))^2+(VLOOKUP($A207,városok!$A$2:$C$346,3,0)-VLOOKUP(AB$1,városok!$A$2:$C$346,3,0))^2)/1000,0)</f>
        <v>144</v>
      </c>
      <c r="AC207">
        <f ca="1">ROUND(SQRT((VLOOKUP($A207,városok!$A$2:$C$346,2,0)-VLOOKUP(AC$1,városok!$A$2:$C$346,2,0))^2+(VLOOKUP($A207,városok!$A$2:$C$346,3,0)-VLOOKUP(AC$1,városok!$A$2:$C$346,3,0))^2)/1000,0)</f>
        <v>125</v>
      </c>
      <c r="AD207">
        <f ca="1">ROUND(SQRT((VLOOKUP($A207,városok!$A$2:$C$346,2,0)-VLOOKUP(AD$1,városok!$A$2:$C$346,2,0))^2+(VLOOKUP($A207,városok!$A$2:$C$346,3,0)-VLOOKUP(AD$1,városok!$A$2:$C$346,3,0))^2)/1000,0)</f>
        <v>107</v>
      </c>
      <c r="AE207">
        <f ca="1">ROUND(SQRT((VLOOKUP($A207,városok!$A$2:$C$346,2,0)-VLOOKUP(AE$1,városok!$A$2:$C$346,2,0))^2+(VLOOKUP($A207,városok!$A$2:$C$346,3,0)-VLOOKUP(AE$1,városok!$A$2:$C$346,3,0))^2)/1000,0)</f>
        <v>105</v>
      </c>
      <c r="AF207">
        <f ca="1">ROUND(SQRT((VLOOKUP($A207,városok!$A$2:$C$346,2,0)-VLOOKUP(AF$1,városok!$A$2:$C$346,2,0))^2+(VLOOKUP($A207,városok!$A$2:$C$346,3,0)-VLOOKUP(AF$1,városok!$A$2:$C$346,3,0))^2)/1000,0)</f>
        <v>92</v>
      </c>
      <c r="AG207">
        <f ca="1">ROUND(SQRT((VLOOKUP($A207,városok!$A$2:$C$346,2,0)-VLOOKUP(AG$1,városok!$A$2:$C$346,2,0))^2+(VLOOKUP($A207,városok!$A$2:$C$346,3,0)-VLOOKUP(AG$1,városok!$A$2:$C$346,3,0))^2)/1000,0)</f>
        <v>69</v>
      </c>
      <c r="AH207">
        <f ca="1">ROUND(SQRT((VLOOKUP($A207,városok!$A$2:$C$346,2,0)-VLOOKUP(AH$1,városok!$A$2:$C$346,2,0))^2+(VLOOKUP($A207,városok!$A$2:$C$346,3,0)-VLOOKUP(AH$1,városok!$A$2:$C$346,3,0))^2)/1000,0)</f>
        <v>56</v>
      </c>
      <c r="AI207">
        <f ca="1">ROUND(SQRT((VLOOKUP($A207,városok!$A$2:$C$346,2,0)-VLOOKUP(AI$1,városok!$A$2:$C$346,2,0))^2+(VLOOKUP($A207,városok!$A$2:$C$346,3,0)-VLOOKUP(AI$1,városok!$A$2:$C$346,3,0))^2)/1000,0)</f>
        <v>97</v>
      </c>
      <c r="AJ207">
        <f ca="1">ROUND(SQRT((VLOOKUP($A207,városok!$A$2:$C$346,2,0)-VLOOKUP(AJ$1,városok!$A$2:$C$346,2,0))^2+(VLOOKUP($A207,városok!$A$2:$C$346,3,0)-VLOOKUP(AJ$1,városok!$A$2:$C$346,3,0))^2)/1000,0)</f>
        <v>54</v>
      </c>
      <c r="AK207">
        <f ca="1">ROUND(SQRT((VLOOKUP($A207,városok!$A$2:$C$346,2,0)-VLOOKUP(AK$1,városok!$A$2:$C$346,2,0))^2+(VLOOKUP($A207,városok!$A$2:$C$346,3,0)-VLOOKUP(AK$1,városok!$A$2:$C$346,3,0))^2)/1000,0)</f>
        <v>90</v>
      </c>
      <c r="AL207">
        <f ca="1">ROUND(SQRT((VLOOKUP($A207,városok!$A$2:$C$346,2,0)-VLOOKUP(AL$1,városok!$A$2:$C$346,2,0))^2+(VLOOKUP($A207,városok!$A$2:$C$346,3,0)-VLOOKUP(AL$1,városok!$A$2:$C$346,3,0))^2)/1000,0)</f>
        <v>67</v>
      </c>
      <c r="AM207">
        <f ca="1">ROUND(SQRT((VLOOKUP($A207,városok!$A$2:$C$346,2,0)-VLOOKUP(AM$1,városok!$A$2:$C$346,2,0))^2+(VLOOKUP($A207,városok!$A$2:$C$346,3,0)-VLOOKUP(AM$1,városok!$A$2:$C$346,3,0))^2)/1000,0)</f>
        <v>29</v>
      </c>
      <c r="AN207">
        <f ca="1">ROUND(SQRT((VLOOKUP($A207,városok!$A$2:$C$346,2,0)-VLOOKUP(AN$1,városok!$A$2:$C$346,2,0))^2+(VLOOKUP($A207,városok!$A$2:$C$346,3,0)-VLOOKUP(AN$1,városok!$A$2:$C$346,3,0))^2)/1000,0)</f>
        <v>105</v>
      </c>
      <c r="AO207">
        <f ca="1">ROUND(SQRT((VLOOKUP($A207,városok!$A$2:$C$346,2,0)-VLOOKUP(AO$1,városok!$A$2:$C$346,2,0))^2+(VLOOKUP($A207,városok!$A$2:$C$346,3,0)-VLOOKUP(AO$1,városok!$A$2:$C$346,3,0))^2)/1000,0)</f>
        <v>141</v>
      </c>
      <c r="AP207">
        <f ca="1">ROUND(SQRT((VLOOKUP($A207,városok!$A$2:$C$346,2,0)-VLOOKUP(AP$1,városok!$A$2:$C$346,2,0))^2+(VLOOKUP($A207,városok!$A$2:$C$346,3,0)-VLOOKUP(AP$1,városok!$A$2:$C$346,3,0))^2)/1000,0)</f>
        <v>122</v>
      </c>
      <c r="AQ207">
        <f ca="1">ROUND(SQRT((VLOOKUP($A207,városok!$A$2:$C$346,2,0)-VLOOKUP(AQ$1,városok!$A$2:$C$346,2,0))^2+(VLOOKUP($A207,városok!$A$2:$C$346,3,0)-VLOOKUP(AQ$1,városok!$A$2:$C$346,3,0))^2)/1000,0)</f>
        <v>114</v>
      </c>
      <c r="AR207">
        <f ca="1">ROUND(SQRT((VLOOKUP($A207,városok!$A$2:$C$346,2,0)-VLOOKUP(AR$1,városok!$A$2:$C$346,2,0))^2+(VLOOKUP($A207,városok!$A$2:$C$346,3,0)-VLOOKUP(AR$1,városok!$A$2:$C$346,3,0))^2)/1000,0)</f>
        <v>84</v>
      </c>
      <c r="AS207">
        <f ca="1">ROUND(SQRT((VLOOKUP($A207,városok!$A$2:$C$346,2,0)-VLOOKUP(AS$1,városok!$A$2:$C$346,2,0))^2+(VLOOKUP($A207,városok!$A$2:$C$346,3,0)-VLOOKUP(AS$1,városok!$A$2:$C$346,3,0))^2)/1000,0)</f>
        <v>105</v>
      </c>
      <c r="AT207">
        <f ca="1">ROUND(SQRT((VLOOKUP($A207,városok!$A$2:$C$346,2,0)-VLOOKUP(AT$1,városok!$A$2:$C$346,2,0))^2+(VLOOKUP($A207,városok!$A$2:$C$346,3,0)-VLOOKUP(AT$1,városok!$A$2:$C$346,3,0))^2)/1000,0)</f>
        <v>81</v>
      </c>
      <c r="AU207">
        <f ca="1">ROUND(SQRT((VLOOKUP($A207,városok!$A$2:$C$346,2,0)-VLOOKUP(AU$1,városok!$A$2:$C$346,2,0))^2+(VLOOKUP($A207,városok!$A$2:$C$346,3,0)-VLOOKUP(AU$1,városok!$A$2:$C$346,3,0))^2)/1000,0)</f>
        <v>71</v>
      </c>
      <c r="AV207">
        <f ca="1">ROUND(SQRT((VLOOKUP($A207,városok!$A$2:$C$346,2,0)-VLOOKUP(AV$1,városok!$A$2:$C$346,2,0))^2+(VLOOKUP($A207,városok!$A$2:$C$346,3,0)-VLOOKUP(AV$1,városok!$A$2:$C$346,3,0))^2)/1000,0)</f>
        <v>69</v>
      </c>
      <c r="AW207">
        <f ca="1">ROUND(SQRT((VLOOKUP($A207,városok!$A$2:$C$346,2,0)-VLOOKUP(AW$1,városok!$A$2:$C$346,2,0))^2+(VLOOKUP($A207,városok!$A$2:$C$346,3,0)-VLOOKUP(AW$1,városok!$A$2:$C$346,3,0))^2)/1000,0)</f>
        <v>72</v>
      </c>
      <c r="AX207">
        <f ca="1">ROUND(SQRT((VLOOKUP($A207,városok!$A$2:$C$346,2,0)-VLOOKUP(AX$1,városok!$A$2:$C$346,2,0))^2+(VLOOKUP($A207,városok!$A$2:$C$346,3,0)-VLOOKUP(AX$1,városok!$A$2:$C$346,3,0))^2)/1000,0)</f>
        <v>16</v>
      </c>
      <c r="AY207">
        <f ca="1">ROUND(SQRT((VLOOKUP($A207,városok!$A$2:$C$346,2,0)-VLOOKUP(AY$1,városok!$A$2:$C$346,2,0))^2+(VLOOKUP($A207,városok!$A$2:$C$346,3,0)-VLOOKUP(AY$1,városok!$A$2:$C$346,3,0))^2)/1000,0)</f>
        <v>79</v>
      </c>
      <c r="AZ207">
        <f ca="1">ROUND(SQRT((VLOOKUP($A207,városok!$A$2:$C$346,2,0)-VLOOKUP(AZ$1,városok!$A$2:$C$346,2,0))^2+(VLOOKUP($A207,városok!$A$2:$C$346,3,0)-VLOOKUP(AZ$1,városok!$A$2:$C$346,3,0))^2)/1000,0)</f>
        <v>93</v>
      </c>
      <c r="BA207">
        <f ca="1">ROUND(SQRT((VLOOKUP($A207,városok!$A$2:$C$346,2,0)-VLOOKUP(BA$1,városok!$A$2:$C$346,2,0))^2+(VLOOKUP($A207,városok!$A$2:$C$346,3,0)-VLOOKUP(BA$1,városok!$A$2:$C$346,3,0))^2)/1000,0)</f>
        <v>165</v>
      </c>
      <c r="BB207">
        <f ca="1">ROUND(SQRT((VLOOKUP($A207,városok!$A$2:$C$346,2,0)-VLOOKUP(BB$1,városok!$A$2:$C$346,2,0))^2+(VLOOKUP($A207,városok!$A$2:$C$346,3,0)-VLOOKUP(BB$1,városok!$A$2:$C$346,3,0))^2)/1000,0)</f>
        <v>158</v>
      </c>
      <c r="BC207">
        <f ca="1">ROUND(SQRT((VLOOKUP($A207,városok!$A$2:$C$346,2,0)-VLOOKUP(BC$1,városok!$A$2:$C$346,2,0))^2+(VLOOKUP($A207,városok!$A$2:$C$346,3,0)-VLOOKUP(BC$1,városok!$A$2:$C$346,3,0))^2)/1000,0)</f>
        <v>178</v>
      </c>
      <c r="BD207">
        <f ca="1">ROUND(SQRT((VLOOKUP($A207,városok!$A$2:$C$346,2,0)-VLOOKUP(BD$1,városok!$A$2:$C$346,2,0))^2+(VLOOKUP($A207,városok!$A$2:$C$346,3,0)-VLOOKUP(BD$1,városok!$A$2:$C$346,3,0))^2)/1000,0)</f>
        <v>135</v>
      </c>
      <c r="BE207">
        <f ca="1">ROUND(SQRT((VLOOKUP($A207,városok!$A$2:$C$346,2,0)-VLOOKUP(BE$1,városok!$A$2:$C$346,2,0))^2+(VLOOKUP($A207,városok!$A$2:$C$346,3,0)-VLOOKUP(BE$1,városok!$A$2:$C$346,3,0))^2)/1000,0)</f>
        <v>229</v>
      </c>
      <c r="BF207">
        <f ca="1">ROUND(SQRT((VLOOKUP($A207,városok!$A$2:$C$346,2,0)-VLOOKUP(BF$1,városok!$A$2:$C$346,2,0))^2+(VLOOKUP($A207,városok!$A$2:$C$346,3,0)-VLOOKUP(BF$1,városok!$A$2:$C$346,3,0))^2)/1000,0)</f>
        <v>207</v>
      </c>
      <c r="BG207">
        <f ca="1">ROUND(SQRT((VLOOKUP($A207,városok!$A$2:$C$346,2,0)-VLOOKUP(BG$1,városok!$A$2:$C$346,2,0))^2+(VLOOKUP($A207,városok!$A$2:$C$346,3,0)-VLOOKUP(BG$1,városok!$A$2:$C$346,3,0))^2)/1000,0)</f>
        <v>164</v>
      </c>
      <c r="BH207">
        <f ca="1">ROUND(SQRT((VLOOKUP($A207,városok!$A$2:$C$346,2,0)-VLOOKUP(BH$1,városok!$A$2:$C$346,2,0))^2+(VLOOKUP($A207,városok!$A$2:$C$346,3,0)-VLOOKUP(BH$1,városok!$A$2:$C$346,3,0))^2)/1000,0)</f>
        <v>164</v>
      </c>
      <c r="BI207">
        <f ca="1">ROUND(SQRT((VLOOKUP($A207,városok!$A$2:$C$346,2,0)-VLOOKUP(BI$1,városok!$A$2:$C$346,2,0))^2+(VLOOKUP($A207,városok!$A$2:$C$346,3,0)-VLOOKUP(BI$1,városok!$A$2:$C$346,3,0))^2)/1000,0)</f>
        <v>124</v>
      </c>
      <c r="BJ207">
        <f ca="1">ROUND(SQRT((VLOOKUP($A207,városok!$A$2:$C$346,2,0)-VLOOKUP(BJ$1,városok!$A$2:$C$346,2,0))^2+(VLOOKUP($A207,városok!$A$2:$C$346,3,0)-VLOOKUP(BJ$1,városok!$A$2:$C$346,3,0))^2)/1000,0)</f>
        <v>142</v>
      </c>
      <c r="BK207">
        <f ca="1">ROUND(SQRT((VLOOKUP($A207,városok!$A$2:$C$346,2,0)-VLOOKUP(BK$1,városok!$A$2:$C$346,2,0))^2+(VLOOKUP($A207,városok!$A$2:$C$346,3,0)-VLOOKUP(BK$1,városok!$A$2:$C$346,3,0))^2)/1000,0)</f>
        <v>124</v>
      </c>
      <c r="BL207">
        <f ca="1">ROUND(SQRT((VLOOKUP($A207,városok!$A$2:$C$346,2,0)-VLOOKUP(BL$1,városok!$A$2:$C$346,2,0))^2+(VLOOKUP($A207,városok!$A$2:$C$346,3,0)-VLOOKUP(BL$1,városok!$A$2:$C$346,3,0))^2)/1000,0)</f>
        <v>243</v>
      </c>
      <c r="BM207">
        <f ca="1">ROUND(SQRT((VLOOKUP($A207,városok!$A$2:$C$346,2,0)-VLOOKUP(BM$1,városok!$A$2:$C$346,2,0))^2+(VLOOKUP($A207,városok!$A$2:$C$346,3,0)-VLOOKUP(BM$1,városok!$A$2:$C$346,3,0))^2)/1000,0)</f>
        <v>217</v>
      </c>
      <c r="BN207">
        <f ca="1">ROUND(SQRT((VLOOKUP($A207,városok!$A$2:$C$346,2,0)-VLOOKUP(BN$1,városok!$A$2:$C$346,2,0))^2+(VLOOKUP($A207,városok!$A$2:$C$346,3,0)-VLOOKUP(BN$1,városok!$A$2:$C$346,3,0))^2)/1000,0)</f>
        <v>240</v>
      </c>
      <c r="BO207">
        <f ca="1">ROUND(SQRT((VLOOKUP($A207,városok!$A$2:$C$346,2,0)-VLOOKUP(BO$1,városok!$A$2:$C$346,2,0))^2+(VLOOKUP($A207,városok!$A$2:$C$346,3,0)-VLOOKUP(BO$1,városok!$A$2:$C$346,3,0))^2)/1000,0)</f>
        <v>136</v>
      </c>
      <c r="BP207">
        <f ca="1">ROUND(SQRT((VLOOKUP($A207,városok!$A$2:$C$346,2,0)-VLOOKUP(BP$1,városok!$A$2:$C$346,2,0))^2+(VLOOKUP($A207,városok!$A$2:$C$346,3,0)-VLOOKUP(BP$1,városok!$A$2:$C$346,3,0))^2)/1000,0)</f>
        <v>129</v>
      </c>
      <c r="BQ207">
        <f ca="1">ROUND(SQRT((VLOOKUP($A207,városok!$A$2:$C$346,2,0)-VLOOKUP(BQ$1,városok!$A$2:$C$346,2,0))^2+(VLOOKUP($A207,városok!$A$2:$C$346,3,0)-VLOOKUP(BQ$1,városok!$A$2:$C$346,3,0))^2)/1000,0)</f>
        <v>143</v>
      </c>
      <c r="BR207">
        <f ca="1">ROUND(SQRT((VLOOKUP($A207,városok!$A$2:$C$346,2,0)-VLOOKUP(BR$1,városok!$A$2:$C$346,2,0))^2+(VLOOKUP($A207,városok!$A$2:$C$346,3,0)-VLOOKUP(BR$1,városok!$A$2:$C$346,3,0))^2)/1000,0)</f>
        <v>198</v>
      </c>
      <c r="BS207">
        <f ca="1">ROUND(SQRT((VLOOKUP($A207,városok!$A$2:$C$346,2,0)-VLOOKUP(BS$1,városok!$A$2:$C$346,2,0))^2+(VLOOKUP($A207,városok!$A$2:$C$346,3,0)-VLOOKUP(BS$1,városok!$A$2:$C$346,3,0))^2)/1000,0)</f>
        <v>228</v>
      </c>
      <c r="BT207">
        <f ca="1">ROUND(SQRT((VLOOKUP($A207,városok!$A$2:$C$346,2,0)-VLOOKUP(BT$1,városok!$A$2:$C$346,2,0))^2+(VLOOKUP($A207,városok!$A$2:$C$346,3,0)-VLOOKUP(BT$1,városok!$A$2:$C$346,3,0))^2)/1000,0)</f>
        <v>228</v>
      </c>
    </row>
    <row r="208" spans="1:72" x14ac:dyDescent="0.2">
      <c r="A208" t="str">
        <f>városok!A208</f>
        <v>Dabas</v>
      </c>
      <c r="B208">
        <f ca="1">ROUND(SQRT((VLOOKUP($A208,városok!$A$2:$C$346,2,0)-VLOOKUP(B$1,városok!$A$2:$C$346,2,0))^2+(VLOOKUP($A208,városok!$A$2:$C$346,3,0)-VLOOKUP(B$1,városok!$A$2:$C$346,3,0))^2)/1000,0)</f>
        <v>114</v>
      </c>
      <c r="C208">
        <f ca="1">ROUND(SQRT((VLOOKUP($A208,városok!$A$2:$C$346,2,0)-VLOOKUP(C$1,városok!$A$2:$C$346,2,0))^2+(VLOOKUP($A208,városok!$A$2:$C$346,3,0)-VLOOKUP(C$1,városok!$A$2:$C$346,3,0))^2)/1000,0)</f>
        <v>77</v>
      </c>
      <c r="D208">
        <f ca="1">ROUND(SQRT((VLOOKUP($A208,városok!$A$2:$C$346,2,0)-VLOOKUP(D$1,városok!$A$2:$C$346,2,0))^2+(VLOOKUP($A208,városok!$A$2:$C$346,3,0)-VLOOKUP(D$1,városok!$A$2:$C$346,3,0))^2)/1000,0)</f>
        <v>42</v>
      </c>
      <c r="E208">
        <f ca="1">ROUND(SQRT((VLOOKUP($A208,városok!$A$2:$C$346,2,0)-VLOOKUP(E$1,városok!$A$2:$C$346,2,0))^2+(VLOOKUP($A208,városok!$A$2:$C$346,3,0)-VLOOKUP(E$1,városok!$A$2:$C$346,3,0))^2)/1000,0)</f>
        <v>137</v>
      </c>
      <c r="F208">
        <f ca="1">ROUND(SQRT((VLOOKUP($A208,városok!$A$2:$C$346,2,0)-VLOOKUP(F$1,városok!$A$2:$C$346,2,0))^2+(VLOOKUP($A208,városok!$A$2:$C$346,3,0)-VLOOKUP(F$1,városok!$A$2:$C$346,3,0))^2)/1000,0)</f>
        <v>141</v>
      </c>
      <c r="G208">
        <f ca="1">ROUND(SQRT((VLOOKUP($A208,városok!$A$2:$C$346,2,0)-VLOOKUP(G$1,városok!$A$2:$C$346,2,0))^2+(VLOOKUP($A208,városok!$A$2:$C$346,3,0)-VLOOKUP(G$1,városok!$A$2:$C$346,3,0))^2)/1000,0)</f>
        <v>147</v>
      </c>
      <c r="H208">
        <f ca="1">ROUND(SQRT((VLOOKUP($A208,városok!$A$2:$C$346,2,0)-VLOOKUP(H$1,városok!$A$2:$C$346,2,0))^2+(VLOOKUP($A208,városok!$A$2:$C$346,3,0)-VLOOKUP(H$1,városok!$A$2:$C$346,3,0))^2)/1000,0)</f>
        <v>171</v>
      </c>
      <c r="I208">
        <f ca="1">ROUND(SQRT((VLOOKUP($A208,városok!$A$2:$C$346,2,0)-VLOOKUP(I$1,városok!$A$2:$C$346,2,0))^2+(VLOOKUP($A208,városok!$A$2:$C$346,3,0)-VLOOKUP(I$1,városok!$A$2:$C$346,3,0))^2)/1000,0)</f>
        <v>146</v>
      </c>
      <c r="J208">
        <f ca="1">ROUND(SQRT((VLOOKUP($A208,városok!$A$2:$C$346,2,0)-VLOOKUP(J$1,városok!$A$2:$C$346,2,0))^2+(VLOOKUP($A208,városok!$A$2:$C$346,3,0)-VLOOKUP(J$1,városok!$A$2:$C$346,3,0))^2)/1000,0)</f>
        <v>161</v>
      </c>
      <c r="K208">
        <f ca="1">ROUND(SQRT((VLOOKUP($A208,városok!$A$2:$C$346,2,0)-VLOOKUP(K$1,városok!$A$2:$C$346,2,0))^2+(VLOOKUP($A208,városok!$A$2:$C$346,3,0)-VLOOKUP(K$1,városok!$A$2:$C$346,3,0))^2)/1000,0)</f>
        <v>124</v>
      </c>
      <c r="L208">
        <f ca="1">ROUND(SQRT((VLOOKUP($A208,városok!$A$2:$C$346,2,0)-VLOOKUP(L$1,városok!$A$2:$C$346,2,0))^2+(VLOOKUP($A208,városok!$A$2:$C$346,3,0)-VLOOKUP(L$1,városok!$A$2:$C$346,3,0))^2)/1000,0)</f>
        <v>155</v>
      </c>
      <c r="M208">
        <f ca="1">ROUND(SQRT((VLOOKUP($A208,városok!$A$2:$C$346,2,0)-VLOOKUP(M$1,városok!$A$2:$C$346,2,0))^2+(VLOOKUP($A208,városok!$A$2:$C$346,3,0)-VLOOKUP(M$1,városok!$A$2:$C$346,3,0))^2)/1000,0)</f>
        <v>151</v>
      </c>
      <c r="N208">
        <f ca="1">ROUND(SQRT((VLOOKUP($A208,városok!$A$2:$C$346,2,0)-VLOOKUP(N$1,városok!$A$2:$C$346,2,0))^2+(VLOOKUP($A208,városok!$A$2:$C$346,3,0)-VLOOKUP(N$1,városok!$A$2:$C$346,3,0))^2)/1000,0)</f>
        <v>137</v>
      </c>
      <c r="O208">
        <f ca="1">ROUND(SQRT((VLOOKUP($A208,városok!$A$2:$C$346,2,0)-VLOOKUP(O$1,városok!$A$2:$C$346,2,0))^2+(VLOOKUP($A208,városok!$A$2:$C$346,3,0)-VLOOKUP(O$1,városok!$A$2:$C$346,3,0))^2)/1000,0)</f>
        <v>221</v>
      </c>
      <c r="P208">
        <f ca="1">ROUND(SQRT((VLOOKUP($A208,városok!$A$2:$C$346,2,0)-VLOOKUP(P$1,városok!$A$2:$C$346,2,0))^2+(VLOOKUP($A208,városok!$A$2:$C$346,3,0)-VLOOKUP(P$1,városok!$A$2:$C$346,3,0))^2)/1000,0)</f>
        <v>221</v>
      </c>
      <c r="Q208">
        <f ca="1">ROUND(SQRT((VLOOKUP($A208,városok!$A$2:$C$346,2,0)-VLOOKUP(Q$1,városok!$A$2:$C$346,2,0))^2+(VLOOKUP($A208,városok!$A$2:$C$346,3,0)-VLOOKUP(Q$1,városok!$A$2:$C$346,3,0))^2)/1000,0)</f>
        <v>114</v>
      </c>
      <c r="R208">
        <f ca="1">ROUND(SQRT((VLOOKUP($A208,városok!$A$2:$C$346,2,0)-VLOOKUP(R$1,városok!$A$2:$C$346,2,0))^2+(VLOOKUP($A208,városok!$A$2:$C$346,3,0)-VLOOKUP(R$1,városok!$A$2:$C$346,3,0))^2)/1000,0)</f>
        <v>139</v>
      </c>
      <c r="S208">
        <f ca="1">ROUND(SQRT((VLOOKUP($A208,városok!$A$2:$C$346,2,0)-VLOOKUP(S$1,városok!$A$2:$C$346,2,0))^2+(VLOOKUP($A208,városok!$A$2:$C$346,3,0)-VLOOKUP(S$1,városok!$A$2:$C$346,3,0))^2)/1000,0)</f>
        <v>122</v>
      </c>
      <c r="T208">
        <f ca="1">ROUND(SQRT((VLOOKUP($A208,városok!$A$2:$C$346,2,0)-VLOOKUP(T$1,városok!$A$2:$C$346,2,0))^2+(VLOOKUP($A208,városok!$A$2:$C$346,3,0)-VLOOKUP(T$1,városok!$A$2:$C$346,3,0))^2)/1000,0)</f>
        <v>62</v>
      </c>
      <c r="U208">
        <f ca="1">ROUND(SQRT((VLOOKUP($A208,városok!$A$2:$C$346,2,0)-VLOOKUP(U$1,városok!$A$2:$C$346,2,0))^2+(VLOOKUP($A208,városok!$A$2:$C$346,3,0)-VLOOKUP(U$1,városok!$A$2:$C$346,3,0))^2)/1000,0)</f>
        <v>37</v>
      </c>
      <c r="V208">
        <f ca="1">ROUND(SQRT((VLOOKUP($A208,városok!$A$2:$C$346,2,0)-VLOOKUP(V$1,városok!$A$2:$C$346,2,0))^2+(VLOOKUP($A208,városok!$A$2:$C$346,3,0)-VLOOKUP(V$1,városok!$A$2:$C$346,3,0))^2)/1000,0)</f>
        <v>78</v>
      </c>
      <c r="W208">
        <f ca="1">ROUND(SQRT((VLOOKUP($A208,városok!$A$2:$C$346,2,0)-VLOOKUP(W$1,városok!$A$2:$C$346,2,0))^2+(VLOOKUP($A208,városok!$A$2:$C$346,3,0)-VLOOKUP(W$1,városok!$A$2:$C$346,3,0))^2)/1000,0)</f>
        <v>62</v>
      </c>
      <c r="X208">
        <f ca="1">ROUND(SQRT((VLOOKUP($A208,városok!$A$2:$C$346,2,0)-VLOOKUP(X$1,városok!$A$2:$C$346,2,0))^2+(VLOOKUP($A208,városok!$A$2:$C$346,3,0)-VLOOKUP(X$1,városok!$A$2:$C$346,3,0))^2)/1000,0)</f>
        <v>76</v>
      </c>
      <c r="Y208">
        <f ca="1">ROUND(SQRT((VLOOKUP($A208,városok!$A$2:$C$346,2,0)-VLOOKUP(Y$1,városok!$A$2:$C$346,2,0))^2+(VLOOKUP($A208,városok!$A$2:$C$346,3,0)-VLOOKUP(Y$1,városok!$A$2:$C$346,3,0))^2)/1000,0)</f>
        <v>139</v>
      </c>
      <c r="Z208">
        <f ca="1">ROUND(SQRT((VLOOKUP($A208,városok!$A$2:$C$346,2,0)-VLOOKUP(Z$1,városok!$A$2:$C$346,2,0))^2+(VLOOKUP($A208,városok!$A$2:$C$346,3,0)-VLOOKUP(Z$1,városok!$A$2:$C$346,3,0))^2)/1000,0)</f>
        <v>158</v>
      </c>
      <c r="AA208">
        <f ca="1">ROUND(SQRT((VLOOKUP($A208,városok!$A$2:$C$346,2,0)-VLOOKUP(AA$1,városok!$A$2:$C$346,2,0))^2+(VLOOKUP($A208,városok!$A$2:$C$346,3,0)-VLOOKUP(AA$1,városok!$A$2:$C$346,3,0))^2)/1000,0)</f>
        <v>213</v>
      </c>
      <c r="AB208">
        <f ca="1">ROUND(SQRT((VLOOKUP($A208,városok!$A$2:$C$346,2,0)-VLOOKUP(AB$1,városok!$A$2:$C$346,2,0))^2+(VLOOKUP($A208,városok!$A$2:$C$346,3,0)-VLOOKUP(AB$1,városok!$A$2:$C$346,3,0))^2)/1000,0)</f>
        <v>179</v>
      </c>
      <c r="AC208">
        <f ca="1">ROUND(SQRT((VLOOKUP($A208,városok!$A$2:$C$346,2,0)-VLOOKUP(AC$1,városok!$A$2:$C$346,2,0))^2+(VLOOKUP($A208,városok!$A$2:$C$346,3,0)-VLOOKUP(AC$1,városok!$A$2:$C$346,3,0))^2)/1000,0)</f>
        <v>160</v>
      </c>
      <c r="AD208">
        <f ca="1">ROUND(SQRT((VLOOKUP($A208,városok!$A$2:$C$346,2,0)-VLOOKUP(AD$1,városok!$A$2:$C$346,2,0))^2+(VLOOKUP($A208,városok!$A$2:$C$346,3,0)-VLOOKUP(AD$1,városok!$A$2:$C$346,3,0))^2)/1000,0)</f>
        <v>142</v>
      </c>
      <c r="AE208">
        <f ca="1">ROUND(SQRT((VLOOKUP($A208,városok!$A$2:$C$346,2,0)-VLOOKUP(AE$1,városok!$A$2:$C$346,2,0))^2+(VLOOKUP($A208,városok!$A$2:$C$346,3,0)-VLOOKUP(AE$1,városok!$A$2:$C$346,3,0))^2)/1000,0)</f>
        <v>141</v>
      </c>
      <c r="AF208">
        <f ca="1">ROUND(SQRT((VLOOKUP($A208,városok!$A$2:$C$346,2,0)-VLOOKUP(AF$1,városok!$A$2:$C$346,2,0))^2+(VLOOKUP($A208,városok!$A$2:$C$346,3,0)-VLOOKUP(AF$1,városok!$A$2:$C$346,3,0))^2)/1000,0)</f>
        <v>113</v>
      </c>
      <c r="AG208">
        <f ca="1">ROUND(SQRT((VLOOKUP($A208,városok!$A$2:$C$346,2,0)-VLOOKUP(AG$1,városok!$A$2:$C$346,2,0))^2+(VLOOKUP($A208,városok!$A$2:$C$346,3,0)-VLOOKUP(AG$1,városok!$A$2:$C$346,3,0))^2)/1000,0)</f>
        <v>81</v>
      </c>
      <c r="AH208">
        <f ca="1">ROUND(SQRT((VLOOKUP($A208,városok!$A$2:$C$346,2,0)-VLOOKUP(AH$1,városok!$A$2:$C$346,2,0))^2+(VLOOKUP($A208,városok!$A$2:$C$346,3,0)-VLOOKUP(AH$1,városok!$A$2:$C$346,3,0))^2)/1000,0)</f>
        <v>60</v>
      </c>
      <c r="AI208">
        <f ca="1">ROUND(SQRT((VLOOKUP($A208,városok!$A$2:$C$346,2,0)-VLOOKUP(AI$1,városok!$A$2:$C$346,2,0))^2+(VLOOKUP($A208,városok!$A$2:$C$346,3,0)-VLOOKUP(AI$1,városok!$A$2:$C$346,3,0))^2)/1000,0)</f>
        <v>110</v>
      </c>
      <c r="AJ208">
        <f ca="1">ROUND(SQRT((VLOOKUP($A208,városok!$A$2:$C$346,2,0)-VLOOKUP(AJ$1,városok!$A$2:$C$346,2,0))^2+(VLOOKUP($A208,városok!$A$2:$C$346,3,0)-VLOOKUP(AJ$1,városok!$A$2:$C$346,3,0))^2)/1000,0)</f>
        <v>72</v>
      </c>
      <c r="AK208">
        <f ca="1">ROUND(SQRT((VLOOKUP($A208,városok!$A$2:$C$346,2,0)-VLOOKUP(AK$1,városok!$A$2:$C$346,2,0))^2+(VLOOKUP($A208,városok!$A$2:$C$346,3,0)-VLOOKUP(AK$1,városok!$A$2:$C$346,3,0))^2)/1000,0)</f>
        <v>126</v>
      </c>
      <c r="AL208">
        <f ca="1">ROUND(SQRT((VLOOKUP($A208,városok!$A$2:$C$346,2,0)-VLOOKUP(AL$1,városok!$A$2:$C$346,2,0))^2+(VLOOKUP($A208,városok!$A$2:$C$346,3,0)-VLOOKUP(AL$1,városok!$A$2:$C$346,3,0))^2)/1000,0)</f>
        <v>102</v>
      </c>
      <c r="AM208">
        <f ca="1">ROUND(SQRT((VLOOKUP($A208,városok!$A$2:$C$346,2,0)-VLOOKUP(AM$1,városok!$A$2:$C$346,2,0))^2+(VLOOKUP($A208,városok!$A$2:$C$346,3,0)-VLOOKUP(AM$1,városok!$A$2:$C$346,3,0))^2)/1000,0)</f>
        <v>66</v>
      </c>
      <c r="AN208">
        <f ca="1">ROUND(SQRT((VLOOKUP($A208,városok!$A$2:$C$346,2,0)-VLOOKUP(AN$1,városok!$A$2:$C$346,2,0))^2+(VLOOKUP($A208,városok!$A$2:$C$346,3,0)-VLOOKUP(AN$1,városok!$A$2:$C$346,3,0))^2)/1000,0)</f>
        <v>80</v>
      </c>
      <c r="AO208">
        <f ca="1">ROUND(SQRT((VLOOKUP($A208,városok!$A$2:$C$346,2,0)-VLOOKUP(AO$1,városok!$A$2:$C$346,2,0))^2+(VLOOKUP($A208,városok!$A$2:$C$346,3,0)-VLOOKUP(AO$1,városok!$A$2:$C$346,3,0))^2)/1000,0)</f>
        <v>109</v>
      </c>
      <c r="AP208">
        <f ca="1">ROUND(SQRT((VLOOKUP($A208,városok!$A$2:$C$346,2,0)-VLOOKUP(AP$1,városok!$A$2:$C$346,2,0))^2+(VLOOKUP($A208,városok!$A$2:$C$346,3,0)-VLOOKUP(AP$1,városok!$A$2:$C$346,3,0))^2)/1000,0)</f>
        <v>90</v>
      </c>
      <c r="AQ208">
        <f ca="1">ROUND(SQRT((VLOOKUP($A208,városok!$A$2:$C$346,2,0)-VLOOKUP(AQ$1,városok!$A$2:$C$346,2,0))^2+(VLOOKUP($A208,városok!$A$2:$C$346,3,0)-VLOOKUP(AQ$1,városok!$A$2:$C$346,3,0))^2)/1000,0)</f>
        <v>81</v>
      </c>
      <c r="AR208">
        <f ca="1">ROUND(SQRT((VLOOKUP($A208,városok!$A$2:$C$346,2,0)-VLOOKUP(AR$1,városok!$A$2:$C$346,2,0))^2+(VLOOKUP($A208,városok!$A$2:$C$346,3,0)-VLOOKUP(AR$1,városok!$A$2:$C$346,3,0))^2)/1000,0)</f>
        <v>87</v>
      </c>
      <c r="AS208">
        <f ca="1">ROUND(SQRT((VLOOKUP($A208,városok!$A$2:$C$346,2,0)-VLOOKUP(AS$1,városok!$A$2:$C$346,2,0))^2+(VLOOKUP($A208,városok!$A$2:$C$346,3,0)-VLOOKUP(AS$1,városok!$A$2:$C$346,3,0))^2)/1000,0)</f>
        <v>110</v>
      </c>
      <c r="AT208">
        <f ca="1">ROUND(SQRT((VLOOKUP($A208,városok!$A$2:$C$346,2,0)-VLOOKUP(AT$1,városok!$A$2:$C$346,2,0))^2+(VLOOKUP($A208,városok!$A$2:$C$346,3,0)-VLOOKUP(AT$1,városok!$A$2:$C$346,3,0))^2)/1000,0)</f>
        <v>49</v>
      </c>
      <c r="AU208">
        <f ca="1">ROUND(SQRT((VLOOKUP($A208,városok!$A$2:$C$346,2,0)-VLOOKUP(AU$1,városok!$A$2:$C$346,2,0))^2+(VLOOKUP($A208,városok!$A$2:$C$346,3,0)-VLOOKUP(AU$1,városok!$A$2:$C$346,3,0))^2)/1000,0)</f>
        <v>41</v>
      </c>
      <c r="AV208">
        <f ca="1">ROUND(SQRT((VLOOKUP($A208,városok!$A$2:$C$346,2,0)-VLOOKUP(AV$1,városok!$A$2:$C$346,2,0))^2+(VLOOKUP($A208,városok!$A$2:$C$346,3,0)-VLOOKUP(AV$1,városok!$A$2:$C$346,3,0))^2)/1000,0)</f>
        <v>37</v>
      </c>
      <c r="AW208">
        <f ca="1">ROUND(SQRT((VLOOKUP($A208,városok!$A$2:$C$346,2,0)-VLOOKUP(AW$1,városok!$A$2:$C$346,2,0))^2+(VLOOKUP($A208,városok!$A$2:$C$346,3,0)-VLOOKUP(AW$1,városok!$A$2:$C$346,3,0))^2)/1000,0)</f>
        <v>39</v>
      </c>
      <c r="AX208">
        <f ca="1">ROUND(SQRT((VLOOKUP($A208,városok!$A$2:$C$346,2,0)-VLOOKUP(AX$1,városok!$A$2:$C$346,2,0))^2+(VLOOKUP($A208,városok!$A$2:$C$346,3,0)-VLOOKUP(AX$1,városok!$A$2:$C$346,3,0))^2)/1000,0)</f>
        <v>39</v>
      </c>
      <c r="AY208">
        <f ca="1">ROUND(SQRT((VLOOKUP($A208,városok!$A$2:$C$346,2,0)-VLOOKUP(AY$1,városok!$A$2:$C$346,2,0))^2+(VLOOKUP($A208,városok!$A$2:$C$346,3,0)-VLOOKUP(AY$1,városok!$A$2:$C$346,3,0))^2)/1000,0)</f>
        <v>59</v>
      </c>
      <c r="AZ208">
        <f ca="1">ROUND(SQRT((VLOOKUP($A208,városok!$A$2:$C$346,2,0)-VLOOKUP(AZ$1,városok!$A$2:$C$346,2,0))^2+(VLOOKUP($A208,városok!$A$2:$C$346,3,0)-VLOOKUP(AZ$1,városok!$A$2:$C$346,3,0))^2)/1000,0)</f>
        <v>72</v>
      </c>
      <c r="BA208">
        <f ca="1">ROUND(SQRT((VLOOKUP($A208,városok!$A$2:$C$346,2,0)-VLOOKUP(BA$1,városok!$A$2:$C$346,2,0))^2+(VLOOKUP($A208,városok!$A$2:$C$346,3,0)-VLOOKUP(BA$1,városok!$A$2:$C$346,3,0))^2)/1000,0)</f>
        <v>130</v>
      </c>
      <c r="BB208">
        <f ca="1">ROUND(SQRT((VLOOKUP($A208,városok!$A$2:$C$346,2,0)-VLOOKUP(BB$1,városok!$A$2:$C$346,2,0))^2+(VLOOKUP($A208,városok!$A$2:$C$346,3,0)-VLOOKUP(BB$1,városok!$A$2:$C$346,3,0))^2)/1000,0)</f>
        <v>127</v>
      </c>
      <c r="BC208">
        <f ca="1">ROUND(SQRT((VLOOKUP($A208,városok!$A$2:$C$346,2,0)-VLOOKUP(BC$1,városok!$A$2:$C$346,2,0))^2+(VLOOKUP($A208,városok!$A$2:$C$346,3,0)-VLOOKUP(BC$1,városok!$A$2:$C$346,3,0))^2)/1000,0)</f>
        <v>148</v>
      </c>
      <c r="BD208">
        <f ca="1">ROUND(SQRT((VLOOKUP($A208,városok!$A$2:$C$346,2,0)-VLOOKUP(BD$1,városok!$A$2:$C$346,2,0))^2+(VLOOKUP($A208,városok!$A$2:$C$346,3,0)-VLOOKUP(BD$1,városok!$A$2:$C$346,3,0))^2)/1000,0)</f>
        <v>100</v>
      </c>
      <c r="BE208">
        <f ca="1">ROUND(SQRT((VLOOKUP($A208,városok!$A$2:$C$346,2,0)-VLOOKUP(BE$1,városok!$A$2:$C$346,2,0))^2+(VLOOKUP($A208,városok!$A$2:$C$346,3,0)-VLOOKUP(BE$1,városok!$A$2:$C$346,3,0))^2)/1000,0)</f>
        <v>263</v>
      </c>
      <c r="BF208">
        <f ca="1">ROUND(SQRT((VLOOKUP($A208,városok!$A$2:$C$346,2,0)-VLOOKUP(BF$1,városok!$A$2:$C$346,2,0))^2+(VLOOKUP($A208,városok!$A$2:$C$346,3,0)-VLOOKUP(BF$1,városok!$A$2:$C$346,3,0))^2)/1000,0)</f>
        <v>237</v>
      </c>
      <c r="BG208">
        <f ca="1">ROUND(SQRT((VLOOKUP($A208,városok!$A$2:$C$346,2,0)-VLOOKUP(BG$1,városok!$A$2:$C$346,2,0))^2+(VLOOKUP($A208,városok!$A$2:$C$346,3,0)-VLOOKUP(BG$1,városok!$A$2:$C$346,3,0))^2)/1000,0)</f>
        <v>193</v>
      </c>
      <c r="BH208">
        <f ca="1">ROUND(SQRT((VLOOKUP($A208,városok!$A$2:$C$346,2,0)-VLOOKUP(BH$1,városok!$A$2:$C$346,2,0))^2+(VLOOKUP($A208,városok!$A$2:$C$346,3,0)-VLOOKUP(BH$1,városok!$A$2:$C$346,3,0))^2)/1000,0)</f>
        <v>192</v>
      </c>
      <c r="BI208">
        <f ca="1">ROUND(SQRT((VLOOKUP($A208,városok!$A$2:$C$346,2,0)-VLOOKUP(BI$1,városok!$A$2:$C$346,2,0))^2+(VLOOKUP($A208,városok!$A$2:$C$346,3,0)-VLOOKUP(BI$1,városok!$A$2:$C$346,3,0))^2)/1000,0)</f>
        <v>102</v>
      </c>
      <c r="BJ208">
        <f ca="1">ROUND(SQRT((VLOOKUP($A208,városok!$A$2:$C$346,2,0)-VLOOKUP(BJ$1,városok!$A$2:$C$346,2,0))^2+(VLOOKUP($A208,városok!$A$2:$C$346,3,0)-VLOOKUP(BJ$1,városok!$A$2:$C$346,3,0))^2)/1000,0)</f>
        <v>119</v>
      </c>
      <c r="BK208">
        <f ca="1">ROUND(SQRT((VLOOKUP($A208,városok!$A$2:$C$346,2,0)-VLOOKUP(BK$1,városok!$A$2:$C$346,2,0))^2+(VLOOKUP($A208,városok!$A$2:$C$346,3,0)-VLOOKUP(BK$1,városok!$A$2:$C$346,3,0))^2)/1000,0)</f>
        <v>103</v>
      </c>
      <c r="BL208">
        <f ca="1">ROUND(SQRT((VLOOKUP($A208,városok!$A$2:$C$346,2,0)-VLOOKUP(BL$1,városok!$A$2:$C$346,2,0))^2+(VLOOKUP($A208,városok!$A$2:$C$346,3,0)-VLOOKUP(BL$1,városok!$A$2:$C$346,3,0))^2)/1000,0)</f>
        <v>207</v>
      </c>
      <c r="BM208">
        <f ca="1">ROUND(SQRT((VLOOKUP($A208,városok!$A$2:$C$346,2,0)-VLOOKUP(BM$1,városok!$A$2:$C$346,2,0))^2+(VLOOKUP($A208,városok!$A$2:$C$346,3,0)-VLOOKUP(BM$1,városok!$A$2:$C$346,3,0))^2)/1000,0)</f>
        <v>181</v>
      </c>
      <c r="BN208">
        <f ca="1">ROUND(SQRT((VLOOKUP($A208,városok!$A$2:$C$346,2,0)-VLOOKUP(BN$1,városok!$A$2:$C$346,2,0))^2+(VLOOKUP($A208,városok!$A$2:$C$346,3,0)-VLOOKUP(BN$1,városok!$A$2:$C$346,3,0))^2)/1000,0)</f>
        <v>204</v>
      </c>
      <c r="BO208">
        <f ca="1">ROUND(SQRT((VLOOKUP($A208,városok!$A$2:$C$346,2,0)-VLOOKUP(BO$1,városok!$A$2:$C$346,2,0))^2+(VLOOKUP($A208,városok!$A$2:$C$346,3,0)-VLOOKUP(BO$1,városok!$A$2:$C$346,3,0))^2)/1000,0)</f>
        <v>100</v>
      </c>
      <c r="BP208">
        <f ca="1">ROUND(SQRT((VLOOKUP($A208,városok!$A$2:$C$346,2,0)-VLOOKUP(BP$1,városok!$A$2:$C$346,2,0))^2+(VLOOKUP($A208,városok!$A$2:$C$346,3,0)-VLOOKUP(BP$1,városok!$A$2:$C$346,3,0))^2)/1000,0)</f>
        <v>93</v>
      </c>
      <c r="BQ208">
        <f ca="1">ROUND(SQRT((VLOOKUP($A208,városok!$A$2:$C$346,2,0)-VLOOKUP(BQ$1,városok!$A$2:$C$346,2,0))^2+(VLOOKUP($A208,városok!$A$2:$C$346,3,0)-VLOOKUP(BQ$1,városok!$A$2:$C$346,3,0))^2)/1000,0)</f>
        <v>107</v>
      </c>
      <c r="BR208">
        <f ca="1">ROUND(SQRT((VLOOKUP($A208,városok!$A$2:$C$346,2,0)-VLOOKUP(BR$1,városok!$A$2:$C$346,2,0))^2+(VLOOKUP($A208,városok!$A$2:$C$346,3,0)-VLOOKUP(BR$1,városok!$A$2:$C$346,3,0))^2)/1000,0)</f>
        <v>163</v>
      </c>
      <c r="BS208">
        <f ca="1">ROUND(SQRT((VLOOKUP($A208,városok!$A$2:$C$346,2,0)-VLOOKUP(BS$1,városok!$A$2:$C$346,2,0))^2+(VLOOKUP($A208,városok!$A$2:$C$346,3,0)-VLOOKUP(BS$1,városok!$A$2:$C$346,3,0))^2)/1000,0)</f>
        <v>195</v>
      </c>
      <c r="BT208">
        <f ca="1">ROUND(SQRT((VLOOKUP($A208,városok!$A$2:$C$346,2,0)-VLOOKUP(BT$1,városok!$A$2:$C$346,2,0))^2+(VLOOKUP($A208,városok!$A$2:$C$346,3,0)-VLOOKUP(BT$1,városok!$A$2:$C$346,3,0))^2)/1000,0)</f>
        <v>192</v>
      </c>
    </row>
    <row r="209" spans="1:72" x14ac:dyDescent="0.2">
      <c r="A209" t="str">
        <f>városok!A209</f>
        <v>Diósd</v>
      </c>
      <c r="B209">
        <f ca="1">ROUND(SQRT((VLOOKUP($A209,városok!$A$2:$C$346,2,0)-VLOOKUP(B$1,városok!$A$2:$C$346,2,0))^2+(VLOOKUP($A209,városok!$A$2:$C$346,3,0)-VLOOKUP(B$1,városok!$A$2:$C$346,3,0))^2)/1000,0)</f>
        <v>136</v>
      </c>
      <c r="C209">
        <f ca="1">ROUND(SQRT((VLOOKUP($A209,városok!$A$2:$C$346,2,0)-VLOOKUP(C$1,városok!$A$2:$C$346,2,0))^2+(VLOOKUP($A209,városok!$A$2:$C$346,3,0)-VLOOKUP(C$1,városok!$A$2:$C$346,3,0))^2)/1000,0)</f>
        <v>98</v>
      </c>
      <c r="D209">
        <f ca="1">ROUND(SQRT((VLOOKUP($A209,városok!$A$2:$C$346,2,0)-VLOOKUP(D$1,városok!$A$2:$C$346,2,0))^2+(VLOOKUP($A209,városok!$A$2:$C$346,3,0)-VLOOKUP(D$1,városok!$A$2:$C$346,3,0))^2)/1000,0)</f>
        <v>79</v>
      </c>
      <c r="E209">
        <f ca="1">ROUND(SQRT((VLOOKUP($A209,városok!$A$2:$C$346,2,0)-VLOOKUP(E$1,városok!$A$2:$C$346,2,0))^2+(VLOOKUP($A209,városok!$A$2:$C$346,3,0)-VLOOKUP(E$1,városok!$A$2:$C$346,3,0))^2)/1000,0)</f>
        <v>145</v>
      </c>
      <c r="F209">
        <f ca="1">ROUND(SQRT((VLOOKUP($A209,városok!$A$2:$C$346,2,0)-VLOOKUP(F$1,városok!$A$2:$C$346,2,0))^2+(VLOOKUP($A209,városok!$A$2:$C$346,3,0)-VLOOKUP(F$1,városok!$A$2:$C$346,3,0))^2)/1000,0)</f>
        <v>159</v>
      </c>
      <c r="G209">
        <f ca="1">ROUND(SQRT((VLOOKUP($A209,városok!$A$2:$C$346,2,0)-VLOOKUP(G$1,városok!$A$2:$C$346,2,0))^2+(VLOOKUP($A209,városok!$A$2:$C$346,3,0)-VLOOKUP(G$1,városok!$A$2:$C$346,3,0))^2)/1000,0)</f>
        <v>157</v>
      </c>
      <c r="H209">
        <f ca="1">ROUND(SQRT((VLOOKUP($A209,városok!$A$2:$C$346,2,0)-VLOOKUP(H$1,városok!$A$2:$C$346,2,0))^2+(VLOOKUP($A209,városok!$A$2:$C$346,3,0)-VLOOKUP(H$1,városok!$A$2:$C$346,3,0))^2)/1000,0)</f>
        <v>175</v>
      </c>
      <c r="I209">
        <f ca="1">ROUND(SQRT((VLOOKUP($A209,városok!$A$2:$C$346,2,0)-VLOOKUP(I$1,városok!$A$2:$C$346,2,0))^2+(VLOOKUP($A209,városok!$A$2:$C$346,3,0)-VLOOKUP(I$1,városok!$A$2:$C$346,3,0))^2)/1000,0)</f>
        <v>181</v>
      </c>
      <c r="J209">
        <f ca="1">ROUND(SQRT((VLOOKUP($A209,városok!$A$2:$C$346,2,0)-VLOOKUP(J$1,városok!$A$2:$C$346,2,0))^2+(VLOOKUP($A209,városok!$A$2:$C$346,3,0)-VLOOKUP(J$1,városok!$A$2:$C$346,3,0))^2)/1000,0)</f>
        <v>196</v>
      </c>
      <c r="K209">
        <f ca="1">ROUND(SQRT((VLOOKUP($A209,városok!$A$2:$C$346,2,0)-VLOOKUP(K$1,városok!$A$2:$C$346,2,0))^2+(VLOOKUP($A209,városok!$A$2:$C$346,3,0)-VLOOKUP(K$1,városok!$A$2:$C$346,3,0))^2)/1000,0)</f>
        <v>161</v>
      </c>
      <c r="L209">
        <f ca="1">ROUND(SQRT((VLOOKUP($A209,városok!$A$2:$C$346,2,0)-VLOOKUP(L$1,városok!$A$2:$C$346,2,0))^2+(VLOOKUP($A209,városok!$A$2:$C$346,3,0)-VLOOKUP(L$1,városok!$A$2:$C$346,3,0))^2)/1000,0)</f>
        <v>157</v>
      </c>
      <c r="M209">
        <f ca="1">ROUND(SQRT((VLOOKUP($A209,városok!$A$2:$C$346,2,0)-VLOOKUP(M$1,városok!$A$2:$C$346,2,0))^2+(VLOOKUP($A209,városok!$A$2:$C$346,3,0)-VLOOKUP(M$1,városok!$A$2:$C$346,3,0))^2)/1000,0)</f>
        <v>159</v>
      </c>
      <c r="N209">
        <f ca="1">ROUND(SQRT((VLOOKUP($A209,városok!$A$2:$C$346,2,0)-VLOOKUP(N$1,városok!$A$2:$C$346,2,0))^2+(VLOOKUP($A209,városok!$A$2:$C$346,3,0)-VLOOKUP(N$1,városok!$A$2:$C$346,3,0))^2)/1000,0)</f>
        <v>135</v>
      </c>
      <c r="O209">
        <f ca="1">ROUND(SQRT((VLOOKUP($A209,városok!$A$2:$C$346,2,0)-VLOOKUP(O$1,városok!$A$2:$C$346,2,0))^2+(VLOOKUP($A209,városok!$A$2:$C$346,3,0)-VLOOKUP(O$1,városok!$A$2:$C$346,3,0))^2)/1000,0)</f>
        <v>230</v>
      </c>
      <c r="P209">
        <f ca="1">ROUND(SQRT((VLOOKUP($A209,városok!$A$2:$C$346,2,0)-VLOOKUP(P$1,városok!$A$2:$C$346,2,0))^2+(VLOOKUP($A209,városok!$A$2:$C$346,3,0)-VLOOKUP(P$1,városok!$A$2:$C$346,3,0))^2)/1000,0)</f>
        <v>230</v>
      </c>
      <c r="Q209">
        <f ca="1">ROUND(SQRT((VLOOKUP($A209,városok!$A$2:$C$346,2,0)-VLOOKUP(Q$1,városok!$A$2:$C$346,2,0))^2+(VLOOKUP($A209,városok!$A$2:$C$346,3,0)-VLOOKUP(Q$1,városok!$A$2:$C$346,3,0))^2)/1000,0)</f>
        <v>152</v>
      </c>
      <c r="R209">
        <f ca="1">ROUND(SQRT((VLOOKUP($A209,városok!$A$2:$C$346,2,0)-VLOOKUP(R$1,városok!$A$2:$C$346,2,0))^2+(VLOOKUP($A209,városok!$A$2:$C$346,3,0)-VLOOKUP(R$1,városok!$A$2:$C$346,3,0))^2)/1000,0)</f>
        <v>176</v>
      </c>
      <c r="S209">
        <f ca="1">ROUND(SQRT((VLOOKUP($A209,városok!$A$2:$C$346,2,0)-VLOOKUP(S$1,városok!$A$2:$C$346,2,0))^2+(VLOOKUP($A209,városok!$A$2:$C$346,3,0)-VLOOKUP(S$1,városok!$A$2:$C$346,3,0))^2)/1000,0)</f>
        <v>159</v>
      </c>
      <c r="T209">
        <f ca="1">ROUND(SQRT((VLOOKUP($A209,városok!$A$2:$C$346,2,0)-VLOOKUP(T$1,városok!$A$2:$C$346,2,0))^2+(VLOOKUP($A209,városok!$A$2:$C$346,3,0)-VLOOKUP(T$1,városok!$A$2:$C$346,3,0))^2)/1000,0)</f>
        <v>25</v>
      </c>
      <c r="U209">
        <f ca="1">ROUND(SQRT((VLOOKUP($A209,városok!$A$2:$C$346,2,0)-VLOOKUP(U$1,városok!$A$2:$C$346,2,0))^2+(VLOOKUP($A209,városok!$A$2:$C$346,3,0)-VLOOKUP(U$1,városok!$A$2:$C$346,3,0))^2)/1000,0)</f>
        <v>49</v>
      </c>
      <c r="V209">
        <f ca="1">ROUND(SQRT((VLOOKUP($A209,városok!$A$2:$C$346,2,0)-VLOOKUP(V$1,városok!$A$2:$C$346,2,0))^2+(VLOOKUP($A209,városok!$A$2:$C$346,3,0)-VLOOKUP(V$1,városok!$A$2:$C$346,3,0))^2)/1000,0)</f>
        <v>62</v>
      </c>
      <c r="W209">
        <f ca="1">ROUND(SQRT((VLOOKUP($A209,városok!$A$2:$C$346,2,0)-VLOOKUP(W$1,városok!$A$2:$C$346,2,0))^2+(VLOOKUP($A209,városok!$A$2:$C$346,3,0)-VLOOKUP(W$1,városok!$A$2:$C$346,3,0))^2)/1000,0)</f>
        <v>63</v>
      </c>
      <c r="X209">
        <f ca="1">ROUND(SQRT((VLOOKUP($A209,városok!$A$2:$C$346,2,0)-VLOOKUP(X$1,városok!$A$2:$C$346,2,0))^2+(VLOOKUP($A209,városok!$A$2:$C$346,3,0)-VLOOKUP(X$1,városok!$A$2:$C$346,3,0))^2)/1000,0)</f>
        <v>49</v>
      </c>
      <c r="Y209">
        <f ca="1">ROUND(SQRT((VLOOKUP($A209,városok!$A$2:$C$346,2,0)-VLOOKUP(Y$1,városok!$A$2:$C$346,2,0))^2+(VLOOKUP($A209,városok!$A$2:$C$346,3,0)-VLOOKUP(Y$1,városok!$A$2:$C$346,3,0))^2)/1000,0)</f>
        <v>104</v>
      </c>
      <c r="Z209">
        <f ca="1">ROUND(SQRT((VLOOKUP($A209,városok!$A$2:$C$346,2,0)-VLOOKUP(Z$1,városok!$A$2:$C$346,2,0))^2+(VLOOKUP($A209,városok!$A$2:$C$346,3,0)-VLOOKUP(Z$1,városok!$A$2:$C$346,3,0))^2)/1000,0)</f>
        <v>123</v>
      </c>
      <c r="AA209">
        <f ca="1">ROUND(SQRT((VLOOKUP($A209,városok!$A$2:$C$346,2,0)-VLOOKUP(AA$1,városok!$A$2:$C$346,2,0))^2+(VLOOKUP($A209,városok!$A$2:$C$346,3,0)-VLOOKUP(AA$1,városok!$A$2:$C$346,3,0))^2)/1000,0)</f>
        <v>181</v>
      </c>
      <c r="AB209">
        <f ca="1">ROUND(SQRT((VLOOKUP($A209,városok!$A$2:$C$346,2,0)-VLOOKUP(AB$1,városok!$A$2:$C$346,2,0))^2+(VLOOKUP($A209,városok!$A$2:$C$346,3,0)-VLOOKUP(AB$1,városok!$A$2:$C$346,3,0))^2)/1000,0)</f>
        <v>203</v>
      </c>
      <c r="AC209">
        <f ca="1">ROUND(SQRT((VLOOKUP($A209,városok!$A$2:$C$346,2,0)-VLOOKUP(AC$1,városok!$A$2:$C$346,2,0))^2+(VLOOKUP($A209,városok!$A$2:$C$346,3,0)-VLOOKUP(AC$1,városok!$A$2:$C$346,3,0))^2)/1000,0)</f>
        <v>185</v>
      </c>
      <c r="AD209">
        <f ca="1">ROUND(SQRT((VLOOKUP($A209,városok!$A$2:$C$346,2,0)-VLOOKUP(AD$1,városok!$A$2:$C$346,2,0))^2+(VLOOKUP($A209,városok!$A$2:$C$346,3,0)-VLOOKUP(AD$1,városok!$A$2:$C$346,3,0))^2)/1000,0)</f>
        <v>167</v>
      </c>
      <c r="AE209">
        <f ca="1">ROUND(SQRT((VLOOKUP($A209,városok!$A$2:$C$346,2,0)-VLOOKUP(AE$1,városok!$A$2:$C$346,2,0))^2+(VLOOKUP($A209,városok!$A$2:$C$346,3,0)-VLOOKUP(AE$1,városok!$A$2:$C$346,3,0))^2)/1000,0)</f>
        <v>168</v>
      </c>
      <c r="AF209">
        <f ca="1">ROUND(SQRT((VLOOKUP($A209,városok!$A$2:$C$346,2,0)-VLOOKUP(AF$1,városok!$A$2:$C$346,2,0))^2+(VLOOKUP($A209,városok!$A$2:$C$346,3,0)-VLOOKUP(AF$1,városok!$A$2:$C$346,3,0))^2)/1000,0)</f>
        <v>120</v>
      </c>
      <c r="AG209">
        <f ca="1">ROUND(SQRT((VLOOKUP($A209,városok!$A$2:$C$346,2,0)-VLOOKUP(AG$1,városok!$A$2:$C$346,2,0))^2+(VLOOKUP($A209,városok!$A$2:$C$346,3,0)-VLOOKUP(AG$1,városok!$A$2:$C$346,3,0))^2)/1000,0)</f>
        <v>84</v>
      </c>
      <c r="AH209">
        <f ca="1">ROUND(SQRT((VLOOKUP($A209,városok!$A$2:$C$346,2,0)-VLOOKUP(AH$1,városok!$A$2:$C$346,2,0))^2+(VLOOKUP($A209,városok!$A$2:$C$346,3,0)-VLOOKUP(AH$1,városok!$A$2:$C$346,3,0))^2)/1000,0)</f>
        <v>62</v>
      </c>
      <c r="AI209">
        <f ca="1">ROUND(SQRT((VLOOKUP($A209,városok!$A$2:$C$346,2,0)-VLOOKUP(AI$1,városok!$A$2:$C$346,2,0))^2+(VLOOKUP($A209,városok!$A$2:$C$346,3,0)-VLOOKUP(AI$1,városok!$A$2:$C$346,3,0))^2)/1000,0)</f>
        <v>110</v>
      </c>
      <c r="AJ209">
        <f ca="1">ROUND(SQRT((VLOOKUP($A209,városok!$A$2:$C$346,2,0)-VLOOKUP(AJ$1,városok!$A$2:$C$346,2,0))^2+(VLOOKUP($A209,városok!$A$2:$C$346,3,0)-VLOOKUP(AJ$1,városok!$A$2:$C$346,3,0))^2)/1000,0)</f>
        <v>82</v>
      </c>
      <c r="AK209">
        <f ca="1">ROUND(SQRT((VLOOKUP($A209,városok!$A$2:$C$346,2,0)-VLOOKUP(AK$1,városok!$A$2:$C$346,2,0))^2+(VLOOKUP($A209,városok!$A$2:$C$346,3,0)-VLOOKUP(AK$1,városok!$A$2:$C$346,3,0))^2)/1000,0)</f>
        <v>154</v>
      </c>
      <c r="AL209">
        <f ca="1">ROUND(SQRT((VLOOKUP($A209,városok!$A$2:$C$346,2,0)-VLOOKUP(AL$1,városok!$A$2:$C$346,2,0))^2+(VLOOKUP($A209,városok!$A$2:$C$346,3,0)-VLOOKUP(AL$1,városok!$A$2:$C$346,3,0))^2)/1000,0)</f>
        <v>127</v>
      </c>
      <c r="AM209">
        <f ca="1">ROUND(SQRT((VLOOKUP($A209,városok!$A$2:$C$346,2,0)-VLOOKUP(AM$1,városok!$A$2:$C$346,2,0))^2+(VLOOKUP($A209,városok!$A$2:$C$346,3,0)-VLOOKUP(AM$1,városok!$A$2:$C$346,3,0))^2)/1000,0)</f>
        <v>97</v>
      </c>
      <c r="AN209">
        <f ca="1">ROUND(SQRT((VLOOKUP($A209,városok!$A$2:$C$346,2,0)-VLOOKUP(AN$1,városok!$A$2:$C$346,2,0))^2+(VLOOKUP($A209,városok!$A$2:$C$346,3,0)-VLOOKUP(AN$1,városok!$A$2:$C$346,3,0))^2)/1000,0)</f>
        <v>45</v>
      </c>
      <c r="AO209">
        <f ca="1">ROUND(SQRT((VLOOKUP($A209,városok!$A$2:$C$346,2,0)-VLOOKUP(AO$1,városok!$A$2:$C$346,2,0))^2+(VLOOKUP($A209,városok!$A$2:$C$346,3,0)-VLOOKUP(AO$1,városok!$A$2:$C$346,3,0))^2)/1000,0)</f>
        <v>72</v>
      </c>
      <c r="AP209">
        <f ca="1">ROUND(SQRT((VLOOKUP($A209,városok!$A$2:$C$346,2,0)-VLOOKUP(AP$1,városok!$A$2:$C$346,2,0))^2+(VLOOKUP($A209,városok!$A$2:$C$346,3,0)-VLOOKUP(AP$1,városok!$A$2:$C$346,3,0))^2)/1000,0)</f>
        <v>53</v>
      </c>
      <c r="AQ209">
        <f ca="1">ROUND(SQRT((VLOOKUP($A209,városok!$A$2:$C$346,2,0)-VLOOKUP(AQ$1,városok!$A$2:$C$346,2,0))^2+(VLOOKUP($A209,városok!$A$2:$C$346,3,0)-VLOOKUP(AQ$1,városok!$A$2:$C$346,3,0))^2)/1000,0)</f>
        <v>44</v>
      </c>
      <c r="AR209">
        <f ca="1">ROUND(SQRT((VLOOKUP($A209,városok!$A$2:$C$346,2,0)-VLOOKUP(AR$1,városok!$A$2:$C$346,2,0))^2+(VLOOKUP($A209,városok!$A$2:$C$346,3,0)-VLOOKUP(AR$1,városok!$A$2:$C$346,3,0))^2)/1000,0)</f>
        <v>80</v>
      </c>
      <c r="AS209">
        <f ca="1">ROUND(SQRT((VLOOKUP($A209,városok!$A$2:$C$346,2,0)-VLOOKUP(AS$1,városok!$A$2:$C$346,2,0))^2+(VLOOKUP($A209,városok!$A$2:$C$346,3,0)-VLOOKUP(AS$1,városok!$A$2:$C$346,3,0))^2)/1000,0)</f>
        <v>101</v>
      </c>
      <c r="AT209">
        <f ca="1">ROUND(SQRT((VLOOKUP($A209,városok!$A$2:$C$346,2,0)-VLOOKUP(AT$1,városok!$A$2:$C$346,2,0))^2+(VLOOKUP($A209,városok!$A$2:$C$346,3,0)-VLOOKUP(AT$1,városok!$A$2:$C$346,3,0))^2)/1000,0)</f>
        <v>12</v>
      </c>
      <c r="AU209">
        <f ca="1">ROUND(SQRT((VLOOKUP($A209,városok!$A$2:$C$346,2,0)-VLOOKUP(AU$1,városok!$A$2:$C$346,2,0))^2+(VLOOKUP($A209,városok!$A$2:$C$346,3,0)-VLOOKUP(AU$1,városok!$A$2:$C$346,3,0))^2)/1000,0)</f>
        <v>6</v>
      </c>
      <c r="AV209">
        <f ca="1">ROUND(SQRT((VLOOKUP($A209,városok!$A$2:$C$346,2,0)-VLOOKUP(AV$1,városok!$A$2:$C$346,2,0))^2+(VLOOKUP($A209,városok!$A$2:$C$346,3,0)-VLOOKUP(AV$1,városok!$A$2:$C$346,3,0))^2)/1000,0)</f>
        <v>0</v>
      </c>
      <c r="AW209">
        <f ca="1">ROUND(SQRT((VLOOKUP($A209,városok!$A$2:$C$346,2,0)-VLOOKUP(AW$1,városok!$A$2:$C$346,2,0))^2+(VLOOKUP($A209,városok!$A$2:$C$346,3,0)-VLOOKUP(AW$1,városok!$A$2:$C$346,3,0))^2)/1000,0)</f>
        <v>3</v>
      </c>
      <c r="AX209">
        <f ca="1">ROUND(SQRT((VLOOKUP($A209,városok!$A$2:$C$346,2,0)-VLOOKUP(AX$1,városok!$A$2:$C$346,2,0))^2+(VLOOKUP($A209,városok!$A$2:$C$346,3,0)-VLOOKUP(AX$1,városok!$A$2:$C$346,3,0))^2)/1000,0)</f>
        <v>76</v>
      </c>
      <c r="AY209">
        <f ca="1">ROUND(SQRT((VLOOKUP($A209,városok!$A$2:$C$346,2,0)-VLOOKUP(AY$1,városok!$A$2:$C$346,2,0))^2+(VLOOKUP($A209,városok!$A$2:$C$346,3,0)-VLOOKUP(AY$1,városok!$A$2:$C$346,3,0))^2)/1000,0)</f>
        <v>32</v>
      </c>
      <c r="AZ209">
        <f ca="1">ROUND(SQRT((VLOOKUP($A209,városok!$A$2:$C$346,2,0)-VLOOKUP(AZ$1,városok!$A$2:$C$346,2,0))^2+(VLOOKUP($A209,városok!$A$2:$C$346,3,0)-VLOOKUP(AZ$1,városok!$A$2:$C$346,3,0))^2)/1000,0)</f>
        <v>42</v>
      </c>
      <c r="BA209">
        <f ca="1">ROUND(SQRT((VLOOKUP($A209,városok!$A$2:$C$346,2,0)-VLOOKUP(BA$1,városok!$A$2:$C$346,2,0))^2+(VLOOKUP($A209,városok!$A$2:$C$346,3,0)-VLOOKUP(BA$1,városok!$A$2:$C$346,3,0))^2)/1000,0)</f>
        <v>118</v>
      </c>
      <c r="BB209">
        <f ca="1">ROUND(SQRT((VLOOKUP($A209,városok!$A$2:$C$346,2,0)-VLOOKUP(BB$1,városok!$A$2:$C$346,2,0))^2+(VLOOKUP($A209,városok!$A$2:$C$346,3,0)-VLOOKUP(BB$1,városok!$A$2:$C$346,3,0))^2)/1000,0)</f>
        <v>124</v>
      </c>
      <c r="BC209">
        <f ca="1">ROUND(SQRT((VLOOKUP($A209,városok!$A$2:$C$346,2,0)-VLOOKUP(BC$1,városok!$A$2:$C$346,2,0))^2+(VLOOKUP($A209,városok!$A$2:$C$346,3,0)-VLOOKUP(BC$1,városok!$A$2:$C$346,3,0))^2)/1000,0)</f>
        <v>146</v>
      </c>
      <c r="BD209">
        <f ca="1">ROUND(SQRT((VLOOKUP($A209,városok!$A$2:$C$346,2,0)-VLOOKUP(BD$1,városok!$A$2:$C$346,2,0))^2+(VLOOKUP($A209,városok!$A$2:$C$346,3,0)-VLOOKUP(BD$1,városok!$A$2:$C$346,3,0))^2)/1000,0)</f>
        <v>87</v>
      </c>
      <c r="BE209">
        <f ca="1">ROUND(SQRT((VLOOKUP($A209,városok!$A$2:$C$346,2,0)-VLOOKUP(BE$1,városok!$A$2:$C$346,2,0))^2+(VLOOKUP($A209,városok!$A$2:$C$346,3,0)-VLOOKUP(BE$1,városok!$A$2:$C$346,3,0))^2)/1000,0)</f>
        <v>284</v>
      </c>
      <c r="BF209">
        <f ca="1">ROUND(SQRT((VLOOKUP($A209,városok!$A$2:$C$346,2,0)-VLOOKUP(BF$1,városok!$A$2:$C$346,2,0))^2+(VLOOKUP($A209,városok!$A$2:$C$346,3,0)-VLOOKUP(BF$1,városok!$A$2:$C$346,3,0))^2)/1000,0)</f>
        <v>251</v>
      </c>
      <c r="BG209">
        <f ca="1">ROUND(SQRT((VLOOKUP($A209,városok!$A$2:$C$346,2,0)-VLOOKUP(BG$1,városok!$A$2:$C$346,2,0))^2+(VLOOKUP($A209,városok!$A$2:$C$346,3,0)-VLOOKUP(BG$1,városok!$A$2:$C$346,3,0))^2)/1000,0)</f>
        <v>205</v>
      </c>
      <c r="BH209">
        <f ca="1">ROUND(SQRT((VLOOKUP($A209,városok!$A$2:$C$346,2,0)-VLOOKUP(BH$1,városok!$A$2:$C$346,2,0))^2+(VLOOKUP($A209,városok!$A$2:$C$346,3,0)-VLOOKUP(BH$1,városok!$A$2:$C$346,3,0))^2)/1000,0)</f>
        <v>204</v>
      </c>
      <c r="BI209">
        <f ca="1">ROUND(SQRT((VLOOKUP($A209,városok!$A$2:$C$346,2,0)-VLOOKUP(BI$1,városok!$A$2:$C$346,2,0))^2+(VLOOKUP($A209,városok!$A$2:$C$346,3,0)-VLOOKUP(BI$1,városok!$A$2:$C$346,3,0))^2)/1000,0)</f>
        <v>115</v>
      </c>
      <c r="BJ209">
        <f ca="1">ROUND(SQRT((VLOOKUP($A209,városok!$A$2:$C$346,2,0)-VLOOKUP(BJ$1,városok!$A$2:$C$346,2,0))^2+(VLOOKUP($A209,városok!$A$2:$C$346,3,0)-VLOOKUP(BJ$1,városok!$A$2:$C$346,3,0))^2)/1000,0)</f>
        <v>131</v>
      </c>
      <c r="BK209">
        <f ca="1">ROUND(SQRT((VLOOKUP($A209,városok!$A$2:$C$346,2,0)-VLOOKUP(BK$1,városok!$A$2:$C$346,2,0))^2+(VLOOKUP($A209,városok!$A$2:$C$346,3,0)-VLOOKUP(BK$1,városok!$A$2:$C$346,3,0))^2)/1000,0)</f>
        <v>119</v>
      </c>
      <c r="BL209">
        <f ca="1">ROUND(SQRT((VLOOKUP($A209,városok!$A$2:$C$346,2,0)-VLOOKUP(BL$1,városok!$A$2:$C$346,2,0))^2+(VLOOKUP($A209,városok!$A$2:$C$346,3,0)-VLOOKUP(BL$1,városok!$A$2:$C$346,3,0))^2)/1000,0)</f>
        <v>183</v>
      </c>
      <c r="BM209">
        <f ca="1">ROUND(SQRT((VLOOKUP($A209,városok!$A$2:$C$346,2,0)-VLOOKUP(BM$1,városok!$A$2:$C$346,2,0))^2+(VLOOKUP($A209,városok!$A$2:$C$346,3,0)-VLOOKUP(BM$1,városok!$A$2:$C$346,3,0))^2)/1000,0)</f>
        <v>153</v>
      </c>
      <c r="BN209">
        <f ca="1">ROUND(SQRT((VLOOKUP($A209,városok!$A$2:$C$346,2,0)-VLOOKUP(BN$1,városok!$A$2:$C$346,2,0))^2+(VLOOKUP($A209,városok!$A$2:$C$346,3,0)-VLOOKUP(BN$1,városok!$A$2:$C$346,3,0))^2)/1000,0)</f>
        <v>177</v>
      </c>
      <c r="BO209">
        <f ca="1">ROUND(SQRT((VLOOKUP($A209,városok!$A$2:$C$346,2,0)-VLOOKUP(BO$1,városok!$A$2:$C$346,2,0))^2+(VLOOKUP($A209,városok!$A$2:$C$346,3,0)-VLOOKUP(BO$1,városok!$A$2:$C$346,3,0))^2)/1000,0)</f>
        <v>83</v>
      </c>
      <c r="BP209">
        <f ca="1">ROUND(SQRT((VLOOKUP($A209,városok!$A$2:$C$346,2,0)-VLOOKUP(BP$1,városok!$A$2:$C$346,2,0))^2+(VLOOKUP($A209,városok!$A$2:$C$346,3,0)-VLOOKUP(BP$1,városok!$A$2:$C$346,3,0))^2)/1000,0)</f>
        <v>76</v>
      </c>
      <c r="BQ209">
        <f ca="1">ROUND(SQRT((VLOOKUP($A209,városok!$A$2:$C$346,2,0)-VLOOKUP(BQ$1,városok!$A$2:$C$346,2,0))^2+(VLOOKUP($A209,városok!$A$2:$C$346,3,0)-VLOOKUP(BQ$1,városok!$A$2:$C$346,3,0))^2)/1000,0)</f>
        <v>86</v>
      </c>
      <c r="BR209">
        <f ca="1">ROUND(SQRT((VLOOKUP($A209,városok!$A$2:$C$346,2,0)-VLOOKUP(BR$1,városok!$A$2:$C$346,2,0))^2+(VLOOKUP($A209,városok!$A$2:$C$346,3,0)-VLOOKUP(BR$1,városok!$A$2:$C$346,3,0))^2)/1000,0)</f>
        <v>147</v>
      </c>
      <c r="BS209">
        <f ca="1">ROUND(SQRT((VLOOKUP($A209,városok!$A$2:$C$346,2,0)-VLOOKUP(BS$1,városok!$A$2:$C$346,2,0))^2+(VLOOKUP($A209,városok!$A$2:$C$346,3,0)-VLOOKUP(BS$1,városok!$A$2:$C$346,3,0))^2)/1000,0)</f>
        <v>183</v>
      </c>
      <c r="BT209">
        <f ca="1">ROUND(SQRT((VLOOKUP($A209,városok!$A$2:$C$346,2,0)-VLOOKUP(BT$1,városok!$A$2:$C$346,2,0))^2+(VLOOKUP($A209,városok!$A$2:$C$346,3,0)-VLOOKUP(BT$1,városok!$A$2:$C$346,3,0))^2)/1000,0)</f>
        <v>172</v>
      </c>
    </row>
    <row r="210" spans="1:72" x14ac:dyDescent="0.2">
      <c r="A210" t="str">
        <f>városok!A210</f>
        <v>Dunaharaszti</v>
      </c>
      <c r="B210">
        <f ca="1">ROUND(SQRT((VLOOKUP($A210,városok!$A$2:$C$346,2,0)-VLOOKUP(B$1,városok!$A$2:$C$346,2,0))^2+(VLOOKUP($A210,városok!$A$2:$C$346,3,0)-VLOOKUP(B$1,városok!$A$2:$C$346,3,0))^2)/1000,0)</f>
        <v>131</v>
      </c>
      <c r="C210">
        <f ca="1">ROUND(SQRT((VLOOKUP($A210,városok!$A$2:$C$346,2,0)-VLOOKUP(C$1,városok!$A$2:$C$346,2,0))^2+(VLOOKUP($A210,városok!$A$2:$C$346,3,0)-VLOOKUP(C$1,városok!$A$2:$C$346,3,0))^2)/1000,0)</f>
        <v>92</v>
      </c>
      <c r="D210">
        <f ca="1">ROUND(SQRT((VLOOKUP($A210,városok!$A$2:$C$346,2,0)-VLOOKUP(D$1,városok!$A$2:$C$346,2,0))^2+(VLOOKUP($A210,városok!$A$2:$C$346,3,0)-VLOOKUP(D$1,városok!$A$2:$C$346,3,0))^2)/1000,0)</f>
        <v>67</v>
      </c>
      <c r="E210">
        <f ca="1">ROUND(SQRT((VLOOKUP($A210,városok!$A$2:$C$346,2,0)-VLOOKUP(E$1,városok!$A$2:$C$346,2,0))^2+(VLOOKUP($A210,városok!$A$2:$C$346,3,0)-VLOOKUP(E$1,városok!$A$2:$C$346,3,0))^2)/1000,0)</f>
        <v>144</v>
      </c>
      <c r="F210">
        <f ca="1">ROUND(SQRT((VLOOKUP($A210,városok!$A$2:$C$346,2,0)-VLOOKUP(F$1,városok!$A$2:$C$346,2,0))^2+(VLOOKUP($A210,városok!$A$2:$C$346,3,0)-VLOOKUP(F$1,városok!$A$2:$C$346,3,0))^2)/1000,0)</f>
        <v>155</v>
      </c>
      <c r="G210">
        <f ca="1">ROUND(SQRT((VLOOKUP($A210,városok!$A$2:$C$346,2,0)-VLOOKUP(G$1,városok!$A$2:$C$346,2,0))^2+(VLOOKUP($A210,városok!$A$2:$C$346,3,0)-VLOOKUP(G$1,városok!$A$2:$C$346,3,0))^2)/1000,0)</f>
        <v>156</v>
      </c>
      <c r="H210">
        <f ca="1">ROUND(SQRT((VLOOKUP($A210,városok!$A$2:$C$346,2,0)-VLOOKUP(H$1,városok!$A$2:$C$346,2,0))^2+(VLOOKUP($A210,városok!$A$2:$C$346,3,0)-VLOOKUP(H$1,városok!$A$2:$C$346,3,0))^2)/1000,0)</f>
        <v>176</v>
      </c>
      <c r="I210">
        <f ca="1">ROUND(SQRT((VLOOKUP($A210,városok!$A$2:$C$346,2,0)-VLOOKUP(I$1,városok!$A$2:$C$346,2,0))^2+(VLOOKUP($A210,városok!$A$2:$C$346,3,0)-VLOOKUP(I$1,városok!$A$2:$C$346,3,0))^2)/1000,0)</f>
        <v>169</v>
      </c>
      <c r="J210">
        <f ca="1">ROUND(SQRT((VLOOKUP($A210,városok!$A$2:$C$346,2,0)-VLOOKUP(J$1,városok!$A$2:$C$346,2,0))^2+(VLOOKUP($A210,városok!$A$2:$C$346,3,0)-VLOOKUP(J$1,városok!$A$2:$C$346,3,0))^2)/1000,0)</f>
        <v>184</v>
      </c>
      <c r="K210">
        <f ca="1">ROUND(SQRT((VLOOKUP($A210,városok!$A$2:$C$346,2,0)-VLOOKUP(K$1,városok!$A$2:$C$346,2,0))^2+(VLOOKUP($A210,városok!$A$2:$C$346,3,0)-VLOOKUP(K$1,városok!$A$2:$C$346,3,0))^2)/1000,0)</f>
        <v>149</v>
      </c>
      <c r="L210">
        <f ca="1">ROUND(SQRT((VLOOKUP($A210,városok!$A$2:$C$346,2,0)-VLOOKUP(L$1,városok!$A$2:$C$346,2,0))^2+(VLOOKUP($A210,városok!$A$2:$C$346,3,0)-VLOOKUP(L$1,városok!$A$2:$C$346,3,0))^2)/1000,0)</f>
        <v>153</v>
      </c>
      <c r="M210">
        <f ca="1">ROUND(SQRT((VLOOKUP($A210,városok!$A$2:$C$346,2,0)-VLOOKUP(M$1,városok!$A$2:$C$346,2,0))^2+(VLOOKUP($A210,városok!$A$2:$C$346,3,0)-VLOOKUP(M$1,városok!$A$2:$C$346,3,0))^2)/1000,0)</f>
        <v>152</v>
      </c>
      <c r="N210">
        <f ca="1">ROUND(SQRT((VLOOKUP($A210,városok!$A$2:$C$346,2,0)-VLOOKUP(N$1,városok!$A$2:$C$346,2,0))^2+(VLOOKUP($A210,városok!$A$2:$C$346,3,0)-VLOOKUP(N$1,városok!$A$2:$C$346,3,0))^2)/1000,0)</f>
        <v>132</v>
      </c>
      <c r="O210">
        <f ca="1">ROUND(SQRT((VLOOKUP($A210,városok!$A$2:$C$346,2,0)-VLOOKUP(O$1,városok!$A$2:$C$346,2,0))^2+(VLOOKUP($A210,városok!$A$2:$C$346,3,0)-VLOOKUP(O$1,városok!$A$2:$C$346,3,0))^2)/1000,0)</f>
        <v>223</v>
      </c>
      <c r="P210">
        <f ca="1">ROUND(SQRT((VLOOKUP($A210,városok!$A$2:$C$346,2,0)-VLOOKUP(P$1,városok!$A$2:$C$346,2,0))^2+(VLOOKUP($A210,városok!$A$2:$C$346,3,0)-VLOOKUP(P$1,városok!$A$2:$C$346,3,0))^2)/1000,0)</f>
        <v>223</v>
      </c>
      <c r="Q210">
        <f ca="1">ROUND(SQRT((VLOOKUP($A210,városok!$A$2:$C$346,2,0)-VLOOKUP(Q$1,városok!$A$2:$C$346,2,0))^2+(VLOOKUP($A210,városok!$A$2:$C$346,3,0)-VLOOKUP(Q$1,városok!$A$2:$C$346,3,0))^2)/1000,0)</f>
        <v>140</v>
      </c>
      <c r="R210">
        <f ca="1">ROUND(SQRT((VLOOKUP($A210,városok!$A$2:$C$346,2,0)-VLOOKUP(R$1,városok!$A$2:$C$346,2,0))^2+(VLOOKUP($A210,városok!$A$2:$C$346,3,0)-VLOOKUP(R$1,városok!$A$2:$C$346,3,0))^2)/1000,0)</f>
        <v>165</v>
      </c>
      <c r="S210">
        <f ca="1">ROUND(SQRT((VLOOKUP($A210,városok!$A$2:$C$346,2,0)-VLOOKUP(S$1,városok!$A$2:$C$346,2,0))^2+(VLOOKUP($A210,városok!$A$2:$C$346,3,0)-VLOOKUP(S$1,városok!$A$2:$C$346,3,0))^2)/1000,0)</f>
        <v>148</v>
      </c>
      <c r="T210">
        <f ca="1">ROUND(SQRT((VLOOKUP($A210,városok!$A$2:$C$346,2,0)-VLOOKUP(T$1,városok!$A$2:$C$346,2,0))^2+(VLOOKUP($A210,városok!$A$2:$C$346,3,0)-VLOOKUP(T$1,városok!$A$2:$C$346,3,0))^2)/1000,0)</f>
        <v>38</v>
      </c>
      <c r="U210">
        <f ca="1">ROUND(SQRT((VLOOKUP($A210,városok!$A$2:$C$346,2,0)-VLOOKUP(U$1,városok!$A$2:$C$346,2,0))^2+(VLOOKUP($A210,városok!$A$2:$C$346,3,0)-VLOOKUP(U$1,városok!$A$2:$C$346,3,0))^2)/1000,0)</f>
        <v>45</v>
      </c>
      <c r="V210">
        <f ca="1">ROUND(SQRT((VLOOKUP($A210,városok!$A$2:$C$346,2,0)-VLOOKUP(V$1,városok!$A$2:$C$346,2,0))^2+(VLOOKUP($A210,városok!$A$2:$C$346,3,0)-VLOOKUP(V$1,városok!$A$2:$C$346,3,0))^2)/1000,0)</f>
        <v>68</v>
      </c>
      <c r="W210">
        <f ca="1">ROUND(SQRT((VLOOKUP($A210,városok!$A$2:$C$346,2,0)-VLOOKUP(W$1,városok!$A$2:$C$346,2,0))^2+(VLOOKUP($A210,városok!$A$2:$C$346,3,0)-VLOOKUP(W$1,városok!$A$2:$C$346,3,0))^2)/1000,0)</f>
        <v>63</v>
      </c>
      <c r="X210">
        <f ca="1">ROUND(SQRT((VLOOKUP($A210,városok!$A$2:$C$346,2,0)-VLOOKUP(X$1,városok!$A$2:$C$346,2,0))^2+(VLOOKUP($A210,városok!$A$2:$C$346,3,0)-VLOOKUP(X$1,városok!$A$2:$C$346,3,0))^2)/1000,0)</f>
        <v>59</v>
      </c>
      <c r="Y210">
        <f ca="1">ROUND(SQRT((VLOOKUP($A210,városok!$A$2:$C$346,2,0)-VLOOKUP(Y$1,városok!$A$2:$C$346,2,0))^2+(VLOOKUP($A210,városok!$A$2:$C$346,3,0)-VLOOKUP(Y$1,városok!$A$2:$C$346,3,0))^2)/1000,0)</f>
        <v>116</v>
      </c>
      <c r="Z210">
        <f ca="1">ROUND(SQRT((VLOOKUP($A210,városok!$A$2:$C$346,2,0)-VLOOKUP(Z$1,városok!$A$2:$C$346,2,0))^2+(VLOOKUP($A210,városok!$A$2:$C$346,3,0)-VLOOKUP(Z$1,városok!$A$2:$C$346,3,0))^2)/1000,0)</f>
        <v>135</v>
      </c>
      <c r="AA210">
        <f ca="1">ROUND(SQRT((VLOOKUP($A210,városok!$A$2:$C$346,2,0)-VLOOKUP(AA$1,városok!$A$2:$C$346,2,0))^2+(VLOOKUP($A210,városok!$A$2:$C$346,3,0)-VLOOKUP(AA$1,városok!$A$2:$C$346,3,0))^2)/1000,0)</f>
        <v>193</v>
      </c>
      <c r="AB210">
        <f ca="1">ROUND(SQRT((VLOOKUP($A210,városok!$A$2:$C$346,2,0)-VLOOKUP(AB$1,városok!$A$2:$C$346,2,0))^2+(VLOOKUP($A210,városok!$A$2:$C$346,3,0)-VLOOKUP(AB$1,városok!$A$2:$C$346,3,0))^2)/1000,0)</f>
        <v>192</v>
      </c>
      <c r="AC210">
        <f ca="1">ROUND(SQRT((VLOOKUP($A210,városok!$A$2:$C$346,2,0)-VLOOKUP(AC$1,városok!$A$2:$C$346,2,0))^2+(VLOOKUP($A210,városok!$A$2:$C$346,3,0)-VLOOKUP(AC$1,városok!$A$2:$C$346,3,0))^2)/1000,0)</f>
        <v>174</v>
      </c>
      <c r="AD210">
        <f ca="1">ROUND(SQRT((VLOOKUP($A210,városok!$A$2:$C$346,2,0)-VLOOKUP(AD$1,városok!$A$2:$C$346,2,0))^2+(VLOOKUP($A210,városok!$A$2:$C$346,3,0)-VLOOKUP(AD$1,városok!$A$2:$C$346,3,0))^2)/1000,0)</f>
        <v>156</v>
      </c>
      <c r="AE210">
        <f ca="1">ROUND(SQRT((VLOOKUP($A210,városok!$A$2:$C$346,2,0)-VLOOKUP(AE$1,városok!$A$2:$C$346,2,0))^2+(VLOOKUP($A210,városok!$A$2:$C$346,3,0)-VLOOKUP(AE$1,városok!$A$2:$C$346,3,0))^2)/1000,0)</f>
        <v>157</v>
      </c>
      <c r="AF210">
        <f ca="1">ROUND(SQRT((VLOOKUP($A210,városok!$A$2:$C$346,2,0)-VLOOKUP(AF$1,városok!$A$2:$C$346,2,0))^2+(VLOOKUP($A210,városok!$A$2:$C$346,3,0)-VLOOKUP(AF$1,városok!$A$2:$C$346,3,0))^2)/1000,0)</f>
        <v>114</v>
      </c>
      <c r="AG210">
        <f ca="1">ROUND(SQRT((VLOOKUP($A210,városok!$A$2:$C$346,2,0)-VLOOKUP(AG$1,városok!$A$2:$C$346,2,0))^2+(VLOOKUP($A210,városok!$A$2:$C$346,3,0)-VLOOKUP(AG$1,városok!$A$2:$C$346,3,0))^2)/1000,0)</f>
        <v>78</v>
      </c>
      <c r="AH210">
        <f ca="1">ROUND(SQRT((VLOOKUP($A210,városok!$A$2:$C$346,2,0)-VLOOKUP(AH$1,városok!$A$2:$C$346,2,0))^2+(VLOOKUP($A210,városok!$A$2:$C$346,3,0)-VLOOKUP(AH$1,városok!$A$2:$C$346,3,0))^2)/1000,0)</f>
        <v>56</v>
      </c>
      <c r="AI210">
        <f ca="1">ROUND(SQRT((VLOOKUP($A210,városok!$A$2:$C$346,2,0)-VLOOKUP(AI$1,városok!$A$2:$C$346,2,0))^2+(VLOOKUP($A210,városok!$A$2:$C$346,3,0)-VLOOKUP(AI$1,városok!$A$2:$C$346,3,0))^2)/1000,0)</f>
        <v>105</v>
      </c>
      <c r="AJ210">
        <f ca="1">ROUND(SQRT((VLOOKUP($A210,városok!$A$2:$C$346,2,0)-VLOOKUP(AJ$1,városok!$A$2:$C$346,2,0))^2+(VLOOKUP($A210,városok!$A$2:$C$346,3,0)-VLOOKUP(AJ$1,városok!$A$2:$C$346,3,0))^2)/1000,0)</f>
        <v>74</v>
      </c>
      <c r="AK210">
        <f ca="1">ROUND(SQRT((VLOOKUP($A210,városok!$A$2:$C$346,2,0)-VLOOKUP(AK$1,városok!$A$2:$C$346,2,0))^2+(VLOOKUP($A210,városok!$A$2:$C$346,3,0)-VLOOKUP(AK$1,városok!$A$2:$C$346,3,0))^2)/1000,0)</f>
        <v>142</v>
      </c>
      <c r="AL210">
        <f ca="1">ROUND(SQRT((VLOOKUP($A210,városok!$A$2:$C$346,2,0)-VLOOKUP(AL$1,városok!$A$2:$C$346,2,0))^2+(VLOOKUP($A210,városok!$A$2:$C$346,3,0)-VLOOKUP(AL$1,városok!$A$2:$C$346,3,0))^2)/1000,0)</f>
        <v>116</v>
      </c>
      <c r="AM210">
        <f ca="1">ROUND(SQRT((VLOOKUP($A210,városok!$A$2:$C$346,2,0)-VLOOKUP(AM$1,városok!$A$2:$C$346,2,0))^2+(VLOOKUP($A210,városok!$A$2:$C$346,3,0)-VLOOKUP(AM$1,városok!$A$2:$C$346,3,0))^2)/1000,0)</f>
        <v>85</v>
      </c>
      <c r="AN210">
        <f ca="1">ROUND(SQRT((VLOOKUP($A210,városok!$A$2:$C$346,2,0)-VLOOKUP(AN$1,városok!$A$2:$C$346,2,0))^2+(VLOOKUP($A210,városok!$A$2:$C$346,3,0)-VLOOKUP(AN$1,városok!$A$2:$C$346,3,0))^2)/1000,0)</f>
        <v>55</v>
      </c>
      <c r="AO210">
        <f ca="1">ROUND(SQRT((VLOOKUP($A210,városok!$A$2:$C$346,2,0)-VLOOKUP(AO$1,városok!$A$2:$C$346,2,0))^2+(VLOOKUP($A210,városok!$A$2:$C$346,3,0)-VLOOKUP(AO$1,városok!$A$2:$C$346,3,0))^2)/1000,0)</f>
        <v>85</v>
      </c>
      <c r="AP210">
        <f ca="1">ROUND(SQRT((VLOOKUP($A210,városok!$A$2:$C$346,2,0)-VLOOKUP(AP$1,városok!$A$2:$C$346,2,0))^2+(VLOOKUP($A210,városok!$A$2:$C$346,3,0)-VLOOKUP(AP$1,városok!$A$2:$C$346,3,0))^2)/1000,0)</f>
        <v>66</v>
      </c>
      <c r="AQ210">
        <f ca="1">ROUND(SQRT((VLOOKUP($A210,városok!$A$2:$C$346,2,0)-VLOOKUP(AQ$1,városok!$A$2:$C$346,2,0))^2+(VLOOKUP($A210,városok!$A$2:$C$346,3,0)-VLOOKUP(AQ$1,városok!$A$2:$C$346,3,0))^2)/1000,0)</f>
        <v>57</v>
      </c>
      <c r="AR210">
        <f ca="1">ROUND(SQRT((VLOOKUP($A210,városok!$A$2:$C$346,2,0)-VLOOKUP(AR$1,városok!$A$2:$C$346,2,0))^2+(VLOOKUP($A210,városok!$A$2:$C$346,3,0)-VLOOKUP(AR$1,városok!$A$2:$C$346,3,0))^2)/1000,0)</f>
        <v>77</v>
      </c>
      <c r="AS210">
        <f ca="1">ROUND(SQRT((VLOOKUP($A210,városok!$A$2:$C$346,2,0)-VLOOKUP(AS$1,városok!$A$2:$C$346,2,0))^2+(VLOOKUP($A210,városok!$A$2:$C$346,3,0)-VLOOKUP(AS$1,városok!$A$2:$C$346,3,0))^2)/1000,0)</f>
        <v>100</v>
      </c>
      <c r="AT210">
        <f ca="1">ROUND(SQRT((VLOOKUP($A210,városok!$A$2:$C$346,2,0)-VLOOKUP(AT$1,városok!$A$2:$C$346,2,0))^2+(VLOOKUP($A210,városok!$A$2:$C$346,3,0)-VLOOKUP(AT$1,városok!$A$2:$C$346,3,0))^2)/1000,0)</f>
        <v>25</v>
      </c>
      <c r="AU210">
        <f ca="1">ROUND(SQRT((VLOOKUP($A210,városok!$A$2:$C$346,2,0)-VLOOKUP(AU$1,városok!$A$2:$C$346,2,0))^2+(VLOOKUP($A210,városok!$A$2:$C$346,3,0)-VLOOKUP(AU$1,városok!$A$2:$C$346,3,0))^2)/1000,0)</f>
        <v>15</v>
      </c>
      <c r="AV210">
        <f ca="1">ROUND(SQRT((VLOOKUP($A210,városok!$A$2:$C$346,2,0)-VLOOKUP(AV$1,városok!$A$2:$C$346,2,0))^2+(VLOOKUP($A210,városok!$A$2:$C$346,3,0)-VLOOKUP(AV$1,városok!$A$2:$C$346,3,0))^2)/1000,0)</f>
        <v>13</v>
      </c>
      <c r="AW210">
        <f ca="1">ROUND(SQRT((VLOOKUP($A210,városok!$A$2:$C$346,2,0)-VLOOKUP(AW$1,városok!$A$2:$C$346,2,0))^2+(VLOOKUP($A210,városok!$A$2:$C$346,3,0)-VLOOKUP(AW$1,városok!$A$2:$C$346,3,0))^2)/1000,0)</f>
        <v>15</v>
      </c>
      <c r="AX210">
        <f ca="1">ROUND(SQRT((VLOOKUP($A210,városok!$A$2:$C$346,2,0)-VLOOKUP(AX$1,városok!$A$2:$C$346,2,0))^2+(VLOOKUP($A210,városok!$A$2:$C$346,3,0)-VLOOKUP(AX$1,városok!$A$2:$C$346,3,0))^2)/1000,0)</f>
        <v>63</v>
      </c>
      <c r="AY210">
        <f ca="1">ROUND(SQRT((VLOOKUP($A210,városok!$A$2:$C$346,2,0)-VLOOKUP(AY$1,városok!$A$2:$C$346,2,0))^2+(VLOOKUP($A210,városok!$A$2:$C$346,3,0)-VLOOKUP(AY$1,városok!$A$2:$C$346,3,0))^2)/1000,0)</f>
        <v>37</v>
      </c>
      <c r="AZ210">
        <f ca="1">ROUND(SQRT((VLOOKUP($A210,városok!$A$2:$C$346,2,0)-VLOOKUP(AZ$1,városok!$A$2:$C$346,2,0))^2+(VLOOKUP($A210,városok!$A$2:$C$346,3,0)-VLOOKUP(AZ$1,városok!$A$2:$C$346,3,0))^2)/1000,0)</f>
        <v>49</v>
      </c>
      <c r="BA210">
        <f ca="1">ROUND(SQRT((VLOOKUP($A210,városok!$A$2:$C$346,2,0)-VLOOKUP(BA$1,városok!$A$2:$C$346,2,0))^2+(VLOOKUP($A210,városok!$A$2:$C$346,3,0)-VLOOKUP(BA$1,városok!$A$2:$C$346,3,0))^2)/1000,0)</f>
        <v>124</v>
      </c>
      <c r="BB210">
        <f ca="1">ROUND(SQRT((VLOOKUP($A210,városok!$A$2:$C$346,2,0)-VLOOKUP(BB$1,városok!$A$2:$C$346,2,0))^2+(VLOOKUP($A210,városok!$A$2:$C$346,3,0)-VLOOKUP(BB$1,városok!$A$2:$C$346,3,0))^2)/1000,0)</f>
        <v>126</v>
      </c>
      <c r="BC210">
        <f ca="1">ROUND(SQRT((VLOOKUP($A210,városok!$A$2:$C$346,2,0)-VLOOKUP(BC$1,városok!$A$2:$C$346,2,0))^2+(VLOOKUP($A210,városok!$A$2:$C$346,3,0)-VLOOKUP(BC$1,városok!$A$2:$C$346,3,0))^2)/1000,0)</f>
        <v>149</v>
      </c>
      <c r="BD210">
        <f ca="1">ROUND(SQRT((VLOOKUP($A210,városok!$A$2:$C$346,2,0)-VLOOKUP(BD$1,városok!$A$2:$C$346,2,0))^2+(VLOOKUP($A210,városok!$A$2:$C$346,3,0)-VLOOKUP(BD$1,városok!$A$2:$C$346,3,0))^2)/1000,0)</f>
        <v>93</v>
      </c>
      <c r="BE210">
        <f ca="1">ROUND(SQRT((VLOOKUP($A210,városok!$A$2:$C$346,2,0)-VLOOKUP(BE$1,városok!$A$2:$C$346,2,0))^2+(VLOOKUP($A210,városok!$A$2:$C$346,3,0)-VLOOKUP(BE$1,városok!$A$2:$C$346,3,0))^2)/1000,0)</f>
        <v>274</v>
      </c>
      <c r="BF210">
        <f ca="1">ROUND(SQRT((VLOOKUP($A210,városok!$A$2:$C$346,2,0)-VLOOKUP(BF$1,városok!$A$2:$C$346,2,0))^2+(VLOOKUP($A210,városok!$A$2:$C$346,3,0)-VLOOKUP(BF$1,városok!$A$2:$C$346,3,0))^2)/1000,0)</f>
        <v>243</v>
      </c>
      <c r="BG210">
        <f ca="1">ROUND(SQRT((VLOOKUP($A210,városok!$A$2:$C$346,2,0)-VLOOKUP(BG$1,városok!$A$2:$C$346,2,0))^2+(VLOOKUP($A210,városok!$A$2:$C$346,3,0)-VLOOKUP(BG$1,városok!$A$2:$C$346,3,0))^2)/1000,0)</f>
        <v>197</v>
      </c>
      <c r="BH210">
        <f ca="1">ROUND(SQRT((VLOOKUP($A210,városok!$A$2:$C$346,2,0)-VLOOKUP(BH$1,városok!$A$2:$C$346,2,0))^2+(VLOOKUP($A210,városok!$A$2:$C$346,3,0)-VLOOKUP(BH$1,városok!$A$2:$C$346,3,0))^2)/1000,0)</f>
        <v>197</v>
      </c>
      <c r="BI210">
        <f ca="1">ROUND(SQRT((VLOOKUP($A210,városok!$A$2:$C$346,2,0)-VLOOKUP(BI$1,városok!$A$2:$C$346,2,0))^2+(VLOOKUP($A210,városok!$A$2:$C$346,3,0)-VLOOKUP(BI$1,városok!$A$2:$C$346,3,0))^2)/1000,0)</f>
        <v>112</v>
      </c>
      <c r="BJ210">
        <f ca="1">ROUND(SQRT((VLOOKUP($A210,városok!$A$2:$C$346,2,0)-VLOOKUP(BJ$1,városok!$A$2:$C$346,2,0))^2+(VLOOKUP($A210,városok!$A$2:$C$346,3,0)-VLOOKUP(BJ$1,városok!$A$2:$C$346,3,0))^2)/1000,0)</f>
        <v>129</v>
      </c>
      <c r="BK210">
        <f ca="1">ROUND(SQRT((VLOOKUP($A210,városok!$A$2:$C$346,2,0)-VLOOKUP(BK$1,városok!$A$2:$C$346,2,0))^2+(VLOOKUP($A210,városok!$A$2:$C$346,3,0)-VLOOKUP(BK$1,városok!$A$2:$C$346,3,0))^2)/1000,0)</f>
        <v>116</v>
      </c>
      <c r="BL210">
        <f ca="1">ROUND(SQRT((VLOOKUP($A210,városok!$A$2:$C$346,2,0)-VLOOKUP(BL$1,városok!$A$2:$C$346,2,0))^2+(VLOOKUP($A210,városok!$A$2:$C$346,3,0)-VLOOKUP(BL$1,városok!$A$2:$C$346,3,0))^2)/1000,0)</f>
        <v>193</v>
      </c>
      <c r="BM210">
        <f ca="1">ROUND(SQRT((VLOOKUP($A210,városok!$A$2:$C$346,2,0)-VLOOKUP(BM$1,városok!$A$2:$C$346,2,0))^2+(VLOOKUP($A210,városok!$A$2:$C$346,3,0)-VLOOKUP(BM$1,városok!$A$2:$C$346,3,0))^2)/1000,0)</f>
        <v>164</v>
      </c>
      <c r="BN210">
        <f ca="1">ROUND(SQRT((VLOOKUP($A210,városok!$A$2:$C$346,2,0)-VLOOKUP(BN$1,városok!$A$2:$C$346,2,0))^2+(VLOOKUP($A210,városok!$A$2:$C$346,3,0)-VLOOKUP(BN$1,városok!$A$2:$C$346,3,0))^2)/1000,0)</f>
        <v>188</v>
      </c>
      <c r="BO210">
        <f ca="1">ROUND(SQRT((VLOOKUP($A210,városok!$A$2:$C$346,2,0)-VLOOKUP(BO$1,városok!$A$2:$C$346,2,0))^2+(VLOOKUP($A210,városok!$A$2:$C$346,3,0)-VLOOKUP(BO$1,városok!$A$2:$C$346,3,0))^2)/1000,0)</f>
        <v>90</v>
      </c>
      <c r="BP210">
        <f ca="1">ROUND(SQRT((VLOOKUP($A210,városok!$A$2:$C$346,2,0)-VLOOKUP(BP$1,városok!$A$2:$C$346,2,0))^2+(VLOOKUP($A210,városok!$A$2:$C$346,3,0)-VLOOKUP(BP$1,városok!$A$2:$C$346,3,0))^2)/1000,0)</f>
        <v>83</v>
      </c>
      <c r="BQ210">
        <f ca="1">ROUND(SQRT((VLOOKUP($A210,városok!$A$2:$C$346,2,0)-VLOOKUP(BQ$1,városok!$A$2:$C$346,2,0))^2+(VLOOKUP($A210,városok!$A$2:$C$346,3,0)-VLOOKUP(BQ$1,városok!$A$2:$C$346,3,0))^2)/1000,0)</f>
        <v>94</v>
      </c>
      <c r="BR210">
        <f ca="1">ROUND(SQRT((VLOOKUP($A210,városok!$A$2:$C$346,2,0)-VLOOKUP(BR$1,városok!$A$2:$C$346,2,0))^2+(VLOOKUP($A210,városok!$A$2:$C$346,3,0)-VLOOKUP(BR$1,városok!$A$2:$C$346,3,0))^2)/1000,0)</f>
        <v>154</v>
      </c>
      <c r="BS210">
        <f ca="1">ROUND(SQRT((VLOOKUP($A210,városok!$A$2:$C$346,2,0)-VLOOKUP(BS$1,városok!$A$2:$C$346,2,0))^2+(VLOOKUP($A210,városok!$A$2:$C$346,3,0)-VLOOKUP(BS$1,városok!$A$2:$C$346,3,0))^2)/1000,0)</f>
        <v>189</v>
      </c>
      <c r="BT210">
        <f ca="1">ROUND(SQRT((VLOOKUP($A210,városok!$A$2:$C$346,2,0)-VLOOKUP(BT$1,városok!$A$2:$C$346,2,0))^2+(VLOOKUP($A210,városok!$A$2:$C$346,3,0)-VLOOKUP(BT$1,városok!$A$2:$C$346,3,0))^2)/1000,0)</f>
        <v>181</v>
      </c>
    </row>
    <row r="211" spans="1:72" x14ac:dyDescent="0.2">
      <c r="A211" t="str">
        <f>városok!A211</f>
        <v>Dunakeszi</v>
      </c>
      <c r="B211">
        <f ca="1">ROUND(SQRT((VLOOKUP($A211,városok!$A$2:$C$346,2,0)-VLOOKUP(B$1,városok!$A$2:$C$346,2,0))^2+(VLOOKUP($A211,városok!$A$2:$C$346,3,0)-VLOOKUP(B$1,városok!$A$2:$C$346,3,0))^2)/1000,0)</f>
        <v>162</v>
      </c>
      <c r="C211">
        <f ca="1">ROUND(SQRT((VLOOKUP($A211,városok!$A$2:$C$346,2,0)-VLOOKUP(C$1,városok!$A$2:$C$346,2,0))^2+(VLOOKUP($A211,városok!$A$2:$C$346,3,0)-VLOOKUP(C$1,városok!$A$2:$C$346,3,0))^2)/1000,0)</f>
        <v>123</v>
      </c>
      <c r="D211">
        <f ca="1">ROUND(SQRT((VLOOKUP($A211,városok!$A$2:$C$346,2,0)-VLOOKUP(D$1,városok!$A$2:$C$346,2,0))^2+(VLOOKUP($A211,városok!$A$2:$C$346,3,0)-VLOOKUP(D$1,városok!$A$2:$C$346,3,0))^2)/1000,0)</f>
        <v>91</v>
      </c>
      <c r="E211">
        <f ca="1">ROUND(SQRT((VLOOKUP($A211,városok!$A$2:$C$346,2,0)-VLOOKUP(E$1,városok!$A$2:$C$346,2,0))^2+(VLOOKUP($A211,városok!$A$2:$C$346,3,0)-VLOOKUP(E$1,városok!$A$2:$C$346,3,0))^2)/1000,0)</f>
        <v>174</v>
      </c>
      <c r="F211">
        <f ca="1">ROUND(SQRT((VLOOKUP($A211,városok!$A$2:$C$346,2,0)-VLOOKUP(F$1,városok!$A$2:$C$346,2,0))^2+(VLOOKUP($A211,városok!$A$2:$C$346,3,0)-VLOOKUP(F$1,városok!$A$2:$C$346,3,0))^2)/1000,0)</f>
        <v>186</v>
      </c>
      <c r="G211">
        <f ca="1">ROUND(SQRT((VLOOKUP($A211,városok!$A$2:$C$346,2,0)-VLOOKUP(G$1,városok!$A$2:$C$346,2,0))^2+(VLOOKUP($A211,városok!$A$2:$C$346,3,0)-VLOOKUP(G$1,városok!$A$2:$C$346,3,0))^2)/1000,0)</f>
        <v>186</v>
      </c>
      <c r="H211">
        <f ca="1">ROUND(SQRT((VLOOKUP($A211,városok!$A$2:$C$346,2,0)-VLOOKUP(H$1,városok!$A$2:$C$346,2,0))^2+(VLOOKUP($A211,városok!$A$2:$C$346,3,0)-VLOOKUP(H$1,városok!$A$2:$C$346,3,0))^2)/1000,0)</f>
        <v>204</v>
      </c>
      <c r="I211">
        <f ca="1">ROUND(SQRT((VLOOKUP($A211,városok!$A$2:$C$346,2,0)-VLOOKUP(I$1,városok!$A$2:$C$346,2,0))^2+(VLOOKUP($A211,városok!$A$2:$C$346,3,0)-VLOOKUP(I$1,városok!$A$2:$C$346,3,0))^2)/1000,0)</f>
        <v>182</v>
      </c>
      <c r="J211">
        <f ca="1">ROUND(SQRT((VLOOKUP($A211,városok!$A$2:$C$346,2,0)-VLOOKUP(J$1,városok!$A$2:$C$346,2,0))^2+(VLOOKUP($A211,városok!$A$2:$C$346,3,0)-VLOOKUP(J$1,városok!$A$2:$C$346,3,0))^2)/1000,0)</f>
        <v>196</v>
      </c>
      <c r="K211">
        <f ca="1">ROUND(SQRT((VLOOKUP($A211,városok!$A$2:$C$346,2,0)-VLOOKUP(K$1,városok!$A$2:$C$346,2,0))^2+(VLOOKUP($A211,városok!$A$2:$C$346,3,0)-VLOOKUP(K$1,városok!$A$2:$C$346,3,0))^2)/1000,0)</f>
        <v>166</v>
      </c>
      <c r="L211">
        <f ca="1">ROUND(SQRT((VLOOKUP($A211,városok!$A$2:$C$346,2,0)-VLOOKUP(L$1,városok!$A$2:$C$346,2,0))^2+(VLOOKUP($A211,városok!$A$2:$C$346,3,0)-VLOOKUP(L$1,városok!$A$2:$C$346,3,0))^2)/1000,0)</f>
        <v>131</v>
      </c>
      <c r="M211">
        <f ca="1">ROUND(SQRT((VLOOKUP($A211,városok!$A$2:$C$346,2,0)-VLOOKUP(M$1,városok!$A$2:$C$346,2,0))^2+(VLOOKUP($A211,városok!$A$2:$C$346,3,0)-VLOOKUP(M$1,városok!$A$2:$C$346,3,0))^2)/1000,0)</f>
        <v>134</v>
      </c>
      <c r="N211">
        <f ca="1">ROUND(SQRT((VLOOKUP($A211,városok!$A$2:$C$346,2,0)-VLOOKUP(N$1,városok!$A$2:$C$346,2,0))^2+(VLOOKUP($A211,városok!$A$2:$C$346,3,0)-VLOOKUP(N$1,városok!$A$2:$C$346,3,0))^2)/1000,0)</f>
        <v>108</v>
      </c>
      <c r="O211">
        <f ca="1">ROUND(SQRT((VLOOKUP($A211,városok!$A$2:$C$346,2,0)-VLOOKUP(O$1,városok!$A$2:$C$346,2,0))^2+(VLOOKUP($A211,városok!$A$2:$C$346,3,0)-VLOOKUP(O$1,városok!$A$2:$C$346,3,0))^2)/1000,0)</f>
        <v>206</v>
      </c>
      <c r="P211">
        <f ca="1">ROUND(SQRT((VLOOKUP($A211,városok!$A$2:$C$346,2,0)-VLOOKUP(P$1,városok!$A$2:$C$346,2,0))^2+(VLOOKUP($A211,városok!$A$2:$C$346,3,0)-VLOOKUP(P$1,városok!$A$2:$C$346,3,0))^2)/1000,0)</f>
        <v>206</v>
      </c>
      <c r="Q211">
        <f ca="1">ROUND(SQRT((VLOOKUP($A211,városok!$A$2:$C$346,2,0)-VLOOKUP(Q$1,városok!$A$2:$C$346,2,0))^2+(VLOOKUP($A211,városok!$A$2:$C$346,3,0)-VLOOKUP(Q$1,városok!$A$2:$C$346,3,0))^2)/1000,0)</f>
        <v>162</v>
      </c>
      <c r="R211">
        <f ca="1">ROUND(SQRT((VLOOKUP($A211,városok!$A$2:$C$346,2,0)-VLOOKUP(R$1,városok!$A$2:$C$346,2,0))^2+(VLOOKUP($A211,városok!$A$2:$C$346,3,0)-VLOOKUP(R$1,városok!$A$2:$C$346,3,0))^2)/1000,0)</f>
        <v>187</v>
      </c>
      <c r="S211">
        <f ca="1">ROUND(SQRT((VLOOKUP($A211,városok!$A$2:$C$346,2,0)-VLOOKUP(S$1,városok!$A$2:$C$346,2,0))^2+(VLOOKUP($A211,városok!$A$2:$C$346,3,0)-VLOOKUP(S$1,városok!$A$2:$C$346,3,0))^2)/1000,0)</f>
        <v>173</v>
      </c>
      <c r="T211">
        <f ca="1">ROUND(SQRT((VLOOKUP($A211,városok!$A$2:$C$346,2,0)-VLOOKUP(T$1,városok!$A$2:$C$346,2,0))^2+(VLOOKUP($A211,városok!$A$2:$C$346,3,0)-VLOOKUP(T$1,városok!$A$2:$C$346,3,0))^2)/1000,0)</f>
        <v>41</v>
      </c>
      <c r="U211">
        <f ca="1">ROUND(SQRT((VLOOKUP($A211,városok!$A$2:$C$346,2,0)-VLOOKUP(U$1,városok!$A$2:$C$346,2,0))^2+(VLOOKUP($A211,városok!$A$2:$C$346,3,0)-VLOOKUP(U$1,városok!$A$2:$C$346,3,0))^2)/1000,0)</f>
        <v>76</v>
      </c>
      <c r="V211">
        <f ca="1">ROUND(SQRT((VLOOKUP($A211,városok!$A$2:$C$346,2,0)-VLOOKUP(V$1,városok!$A$2:$C$346,2,0))^2+(VLOOKUP($A211,városok!$A$2:$C$346,3,0)-VLOOKUP(V$1,városok!$A$2:$C$346,3,0))^2)/1000,0)</f>
        <v>90</v>
      </c>
      <c r="W211">
        <f ca="1">ROUND(SQRT((VLOOKUP($A211,városok!$A$2:$C$346,2,0)-VLOOKUP(W$1,városok!$A$2:$C$346,2,0))^2+(VLOOKUP($A211,városok!$A$2:$C$346,3,0)-VLOOKUP(W$1,városok!$A$2:$C$346,3,0))^2)/1000,0)</f>
        <v>92</v>
      </c>
      <c r="X211">
        <f ca="1">ROUND(SQRT((VLOOKUP($A211,városok!$A$2:$C$346,2,0)-VLOOKUP(X$1,városok!$A$2:$C$346,2,0))^2+(VLOOKUP($A211,városok!$A$2:$C$346,3,0)-VLOOKUP(X$1,városok!$A$2:$C$346,3,0))^2)/1000,0)</f>
        <v>72</v>
      </c>
      <c r="Y211">
        <f ca="1">ROUND(SQRT((VLOOKUP($A211,városok!$A$2:$C$346,2,0)-VLOOKUP(Y$1,városok!$A$2:$C$346,2,0))^2+(VLOOKUP($A211,városok!$A$2:$C$346,3,0)-VLOOKUP(Y$1,városok!$A$2:$C$346,3,0))^2)/1000,0)</f>
        <v>113</v>
      </c>
      <c r="Z211">
        <f ca="1">ROUND(SQRT((VLOOKUP($A211,városok!$A$2:$C$346,2,0)-VLOOKUP(Z$1,városok!$A$2:$C$346,2,0))^2+(VLOOKUP($A211,városok!$A$2:$C$346,3,0)-VLOOKUP(Z$1,városok!$A$2:$C$346,3,0))^2)/1000,0)</f>
        <v>132</v>
      </c>
      <c r="AA211">
        <f ca="1">ROUND(SQRT((VLOOKUP($A211,városok!$A$2:$C$346,2,0)-VLOOKUP(AA$1,városok!$A$2:$C$346,2,0))^2+(VLOOKUP($A211,városok!$A$2:$C$346,3,0)-VLOOKUP(AA$1,városok!$A$2:$C$346,3,0))^2)/1000,0)</f>
        <v>192</v>
      </c>
      <c r="AB211">
        <f ca="1">ROUND(SQRT((VLOOKUP($A211,városok!$A$2:$C$346,2,0)-VLOOKUP(AB$1,városok!$A$2:$C$346,2,0))^2+(VLOOKUP($A211,városok!$A$2:$C$346,3,0)-VLOOKUP(AB$1,városok!$A$2:$C$346,3,0))^2)/1000,0)</f>
        <v>188</v>
      </c>
      <c r="AC211">
        <f ca="1">ROUND(SQRT((VLOOKUP($A211,városok!$A$2:$C$346,2,0)-VLOOKUP(AC$1,városok!$A$2:$C$346,2,0))^2+(VLOOKUP($A211,városok!$A$2:$C$346,3,0)-VLOOKUP(AC$1,városok!$A$2:$C$346,3,0))^2)/1000,0)</f>
        <v>171</v>
      </c>
      <c r="AD211">
        <f ca="1">ROUND(SQRT((VLOOKUP($A211,városok!$A$2:$C$346,2,0)-VLOOKUP(AD$1,városok!$A$2:$C$346,2,0))^2+(VLOOKUP($A211,városok!$A$2:$C$346,3,0)-VLOOKUP(AD$1,városok!$A$2:$C$346,3,0))^2)/1000,0)</f>
        <v>154</v>
      </c>
      <c r="AE211">
        <f ca="1">ROUND(SQRT((VLOOKUP($A211,városok!$A$2:$C$346,2,0)-VLOOKUP(AE$1,városok!$A$2:$C$346,2,0))^2+(VLOOKUP($A211,városok!$A$2:$C$346,3,0)-VLOOKUP(AE$1,városok!$A$2:$C$346,3,0))^2)/1000,0)</f>
        <v>158</v>
      </c>
      <c r="AF211">
        <f ca="1">ROUND(SQRT((VLOOKUP($A211,városok!$A$2:$C$346,2,0)-VLOOKUP(AF$1,városok!$A$2:$C$346,2,0))^2+(VLOOKUP($A211,városok!$A$2:$C$346,3,0)-VLOOKUP(AF$1,városok!$A$2:$C$346,3,0))^2)/1000,0)</f>
        <v>97</v>
      </c>
      <c r="AG211">
        <f ca="1">ROUND(SQRT((VLOOKUP($A211,városok!$A$2:$C$346,2,0)-VLOOKUP(AG$1,városok!$A$2:$C$346,2,0))^2+(VLOOKUP($A211,városok!$A$2:$C$346,3,0)-VLOOKUP(AG$1,városok!$A$2:$C$346,3,0))^2)/1000,0)</f>
        <v>61</v>
      </c>
      <c r="AH211">
        <f ca="1">ROUND(SQRT((VLOOKUP($A211,városok!$A$2:$C$346,2,0)-VLOOKUP(AH$1,városok!$A$2:$C$346,2,0))^2+(VLOOKUP($A211,városok!$A$2:$C$346,3,0)-VLOOKUP(AH$1,városok!$A$2:$C$346,3,0))^2)/1000,0)</f>
        <v>40</v>
      </c>
      <c r="AI211">
        <f ca="1">ROUND(SQRT((VLOOKUP($A211,városok!$A$2:$C$346,2,0)-VLOOKUP(AI$1,városok!$A$2:$C$346,2,0))^2+(VLOOKUP($A211,városok!$A$2:$C$346,3,0)-VLOOKUP(AI$1,városok!$A$2:$C$346,3,0))^2)/1000,0)</f>
        <v>84</v>
      </c>
      <c r="AJ211">
        <f ca="1">ROUND(SQRT((VLOOKUP($A211,városok!$A$2:$C$346,2,0)-VLOOKUP(AJ$1,városok!$A$2:$C$346,2,0))^2+(VLOOKUP($A211,városok!$A$2:$C$346,3,0)-VLOOKUP(AJ$1,városok!$A$2:$C$346,3,0))^2)/1000,0)</f>
        <v>63</v>
      </c>
      <c r="AK211">
        <f ca="1">ROUND(SQRT((VLOOKUP($A211,városok!$A$2:$C$346,2,0)-VLOOKUP(AK$1,városok!$A$2:$C$346,2,0))^2+(VLOOKUP($A211,városok!$A$2:$C$346,3,0)-VLOOKUP(AK$1,városok!$A$2:$C$346,3,0))^2)/1000,0)</f>
        <v>144</v>
      </c>
      <c r="AL211">
        <f ca="1">ROUND(SQRT((VLOOKUP($A211,városok!$A$2:$C$346,2,0)-VLOOKUP(AL$1,városok!$A$2:$C$346,2,0))^2+(VLOOKUP($A211,városok!$A$2:$C$346,3,0)-VLOOKUP(AL$1,városok!$A$2:$C$346,3,0))^2)/1000,0)</f>
        <v>116</v>
      </c>
      <c r="AM211">
        <f ca="1">ROUND(SQRT((VLOOKUP($A211,városok!$A$2:$C$346,2,0)-VLOOKUP(AM$1,városok!$A$2:$C$346,2,0))^2+(VLOOKUP($A211,városok!$A$2:$C$346,3,0)-VLOOKUP(AM$1,városok!$A$2:$C$346,3,0))^2)/1000,0)</f>
        <v>94</v>
      </c>
      <c r="AN211">
        <f ca="1">ROUND(SQRT((VLOOKUP($A211,városok!$A$2:$C$346,2,0)-VLOOKUP(AN$1,városok!$A$2:$C$346,2,0))^2+(VLOOKUP($A211,városok!$A$2:$C$346,3,0)-VLOOKUP(AN$1,városok!$A$2:$C$346,3,0))^2)/1000,0)</f>
        <v>34</v>
      </c>
      <c r="AO211">
        <f ca="1">ROUND(SQRT((VLOOKUP($A211,városok!$A$2:$C$346,2,0)-VLOOKUP(AO$1,városok!$A$2:$C$346,2,0))^2+(VLOOKUP($A211,városok!$A$2:$C$346,3,0)-VLOOKUP(AO$1,városok!$A$2:$C$346,3,0))^2)/1000,0)</f>
        <v>77</v>
      </c>
      <c r="AP211">
        <f ca="1">ROUND(SQRT((VLOOKUP($A211,városok!$A$2:$C$346,2,0)-VLOOKUP(AP$1,városok!$A$2:$C$346,2,0))^2+(VLOOKUP($A211,városok!$A$2:$C$346,3,0)-VLOOKUP(AP$1,városok!$A$2:$C$346,3,0))^2)/1000,0)</f>
        <v>61</v>
      </c>
      <c r="AQ211">
        <f ca="1">ROUND(SQRT((VLOOKUP($A211,városok!$A$2:$C$346,2,0)-VLOOKUP(AQ$1,városok!$A$2:$C$346,2,0))^2+(VLOOKUP($A211,városok!$A$2:$C$346,3,0)-VLOOKUP(AQ$1,városok!$A$2:$C$346,3,0))^2)/1000,0)</f>
        <v>55</v>
      </c>
      <c r="AR211">
        <f ca="1">ROUND(SQRT((VLOOKUP($A211,városok!$A$2:$C$346,2,0)-VLOOKUP(AR$1,városok!$A$2:$C$346,2,0))^2+(VLOOKUP($A211,városok!$A$2:$C$346,3,0)-VLOOKUP(AR$1,városok!$A$2:$C$346,3,0))^2)/1000,0)</f>
        <v>52</v>
      </c>
      <c r="AS211">
        <f ca="1">ROUND(SQRT((VLOOKUP($A211,városok!$A$2:$C$346,2,0)-VLOOKUP(AS$1,városok!$A$2:$C$346,2,0))^2+(VLOOKUP($A211,városok!$A$2:$C$346,3,0)-VLOOKUP(AS$1,városok!$A$2:$C$346,3,0))^2)/1000,0)</f>
        <v>73</v>
      </c>
      <c r="AT211">
        <f ca="1">ROUND(SQRT((VLOOKUP($A211,városok!$A$2:$C$346,2,0)-VLOOKUP(AT$1,városok!$A$2:$C$346,2,0))^2+(VLOOKUP($A211,városok!$A$2:$C$346,3,0)-VLOOKUP(AT$1,városok!$A$2:$C$346,3,0))^2)/1000,0)</f>
        <v>30</v>
      </c>
      <c r="AU211">
        <f ca="1">ROUND(SQRT((VLOOKUP($A211,városok!$A$2:$C$346,2,0)-VLOOKUP(AU$1,városok!$A$2:$C$346,2,0))^2+(VLOOKUP($A211,városok!$A$2:$C$346,3,0)-VLOOKUP(AU$1,városok!$A$2:$C$346,3,0))^2)/1000,0)</f>
        <v>24</v>
      </c>
      <c r="AV211">
        <f ca="1">ROUND(SQRT((VLOOKUP($A211,városok!$A$2:$C$346,2,0)-VLOOKUP(AV$1,városok!$A$2:$C$346,2,0))^2+(VLOOKUP($A211,városok!$A$2:$C$346,3,0)-VLOOKUP(AV$1,városok!$A$2:$C$346,3,0))^2)/1000,0)</f>
        <v>29</v>
      </c>
      <c r="AW211">
        <f ca="1">ROUND(SQRT((VLOOKUP($A211,városok!$A$2:$C$346,2,0)-VLOOKUP(AW$1,városok!$A$2:$C$346,2,0))^2+(VLOOKUP($A211,városok!$A$2:$C$346,3,0)-VLOOKUP(AW$1,városok!$A$2:$C$346,3,0))^2)/1000,0)</f>
        <v>32</v>
      </c>
      <c r="AX211">
        <f ca="1">ROUND(SQRT((VLOOKUP($A211,városok!$A$2:$C$346,2,0)-VLOOKUP(AX$1,városok!$A$2:$C$346,2,0))^2+(VLOOKUP($A211,városok!$A$2:$C$346,3,0)-VLOOKUP(AX$1,városok!$A$2:$C$346,3,0))^2)/1000,0)</f>
        <v>83</v>
      </c>
      <c r="AY211">
        <f ca="1">ROUND(SQRT((VLOOKUP($A211,városok!$A$2:$C$346,2,0)-VLOOKUP(AY$1,városok!$A$2:$C$346,2,0))^2+(VLOOKUP($A211,városok!$A$2:$C$346,3,0)-VLOOKUP(AY$1,városok!$A$2:$C$346,3,0))^2)/1000,0)</f>
        <v>8</v>
      </c>
      <c r="AZ211">
        <f ca="1">ROUND(SQRT((VLOOKUP($A211,városok!$A$2:$C$346,2,0)-VLOOKUP(AZ$1,városok!$A$2:$C$346,2,0))^2+(VLOOKUP($A211,városok!$A$2:$C$346,3,0)-VLOOKUP(AZ$1,városok!$A$2:$C$346,3,0))^2)/1000,0)</f>
        <v>21</v>
      </c>
      <c r="BA211">
        <f ca="1">ROUND(SQRT((VLOOKUP($A211,városok!$A$2:$C$346,2,0)-VLOOKUP(BA$1,városok!$A$2:$C$346,2,0))^2+(VLOOKUP($A211,városok!$A$2:$C$346,3,0)-VLOOKUP(BA$1,városok!$A$2:$C$346,3,0))^2)/1000,0)</f>
        <v>144</v>
      </c>
      <c r="BB211">
        <f ca="1">ROUND(SQRT((VLOOKUP($A211,városok!$A$2:$C$346,2,0)-VLOOKUP(BB$1,városok!$A$2:$C$346,2,0))^2+(VLOOKUP($A211,városok!$A$2:$C$346,3,0)-VLOOKUP(BB$1,városok!$A$2:$C$346,3,0))^2)/1000,0)</f>
        <v>152</v>
      </c>
      <c r="BC211">
        <f ca="1">ROUND(SQRT((VLOOKUP($A211,városok!$A$2:$C$346,2,0)-VLOOKUP(BC$1,városok!$A$2:$C$346,2,0))^2+(VLOOKUP($A211,városok!$A$2:$C$346,3,0)-VLOOKUP(BC$1,városok!$A$2:$C$346,3,0))^2)/1000,0)</f>
        <v>175</v>
      </c>
      <c r="BD211">
        <f ca="1">ROUND(SQRT((VLOOKUP($A211,városok!$A$2:$C$346,2,0)-VLOOKUP(BD$1,városok!$A$2:$C$346,2,0))^2+(VLOOKUP($A211,városok!$A$2:$C$346,3,0)-VLOOKUP(BD$1,városok!$A$2:$C$346,3,0))^2)/1000,0)</f>
        <v>114</v>
      </c>
      <c r="BE211">
        <f ca="1">ROUND(SQRT((VLOOKUP($A211,városok!$A$2:$C$346,2,0)-VLOOKUP(BE$1,városok!$A$2:$C$346,2,0))^2+(VLOOKUP($A211,városok!$A$2:$C$346,3,0)-VLOOKUP(BE$1,városok!$A$2:$C$346,3,0))^2)/1000,0)</f>
        <v>266</v>
      </c>
      <c r="BF211">
        <f ca="1">ROUND(SQRT((VLOOKUP($A211,városok!$A$2:$C$346,2,0)-VLOOKUP(BF$1,városok!$A$2:$C$346,2,0))^2+(VLOOKUP($A211,városok!$A$2:$C$346,3,0)-VLOOKUP(BF$1,városok!$A$2:$C$346,3,0))^2)/1000,0)</f>
        <v>229</v>
      </c>
      <c r="BG211">
        <f ca="1">ROUND(SQRT((VLOOKUP($A211,városok!$A$2:$C$346,2,0)-VLOOKUP(BG$1,városok!$A$2:$C$346,2,0))^2+(VLOOKUP($A211,városok!$A$2:$C$346,3,0)-VLOOKUP(BG$1,városok!$A$2:$C$346,3,0))^2)/1000,0)</f>
        <v>182</v>
      </c>
      <c r="BH211">
        <f ca="1">ROUND(SQRT((VLOOKUP($A211,városok!$A$2:$C$346,2,0)-VLOOKUP(BH$1,városok!$A$2:$C$346,2,0))^2+(VLOOKUP($A211,városok!$A$2:$C$346,3,0)-VLOOKUP(BH$1,városok!$A$2:$C$346,3,0))^2)/1000,0)</f>
        <v>182</v>
      </c>
      <c r="BI211">
        <f ca="1">ROUND(SQRT((VLOOKUP($A211,városok!$A$2:$C$346,2,0)-VLOOKUP(BI$1,városok!$A$2:$C$346,2,0))^2+(VLOOKUP($A211,városok!$A$2:$C$346,3,0)-VLOOKUP(BI$1,városok!$A$2:$C$346,3,0))^2)/1000,0)</f>
        <v>143</v>
      </c>
      <c r="BJ211">
        <f ca="1">ROUND(SQRT((VLOOKUP($A211,városok!$A$2:$C$346,2,0)-VLOOKUP(BJ$1,városok!$A$2:$C$346,2,0))^2+(VLOOKUP($A211,városok!$A$2:$C$346,3,0)-VLOOKUP(BJ$1,városok!$A$2:$C$346,3,0))^2)/1000,0)</f>
        <v>159</v>
      </c>
      <c r="BK211">
        <f ca="1">ROUND(SQRT((VLOOKUP($A211,városok!$A$2:$C$346,2,0)-VLOOKUP(BK$1,városok!$A$2:$C$346,2,0))^2+(VLOOKUP($A211,városok!$A$2:$C$346,3,0)-VLOOKUP(BK$1,városok!$A$2:$C$346,3,0))^2)/1000,0)</f>
        <v>146</v>
      </c>
      <c r="BL211">
        <f ca="1">ROUND(SQRT((VLOOKUP($A211,városok!$A$2:$C$346,2,0)-VLOOKUP(BL$1,városok!$A$2:$C$346,2,0))^2+(VLOOKUP($A211,városok!$A$2:$C$346,3,0)-VLOOKUP(BL$1,városok!$A$2:$C$346,3,0))^2)/1000,0)</f>
        <v>204</v>
      </c>
      <c r="BM211">
        <f ca="1">ROUND(SQRT((VLOOKUP($A211,városok!$A$2:$C$346,2,0)-VLOOKUP(BM$1,városok!$A$2:$C$346,2,0))^2+(VLOOKUP($A211,városok!$A$2:$C$346,3,0)-VLOOKUP(BM$1,városok!$A$2:$C$346,3,0))^2)/1000,0)</f>
        <v>172</v>
      </c>
      <c r="BN211">
        <f ca="1">ROUND(SQRT((VLOOKUP($A211,városok!$A$2:$C$346,2,0)-VLOOKUP(BN$1,városok!$A$2:$C$346,2,0))^2+(VLOOKUP($A211,városok!$A$2:$C$346,3,0)-VLOOKUP(BN$1,városok!$A$2:$C$346,3,0))^2)/1000,0)</f>
        <v>195</v>
      </c>
      <c r="BO211">
        <f ca="1">ROUND(SQRT((VLOOKUP($A211,városok!$A$2:$C$346,2,0)-VLOOKUP(BO$1,városok!$A$2:$C$346,2,0))^2+(VLOOKUP($A211,városok!$A$2:$C$346,3,0)-VLOOKUP(BO$1,városok!$A$2:$C$346,3,0))^2)/1000,0)</f>
        <v>108</v>
      </c>
      <c r="BP211">
        <f ca="1">ROUND(SQRT((VLOOKUP($A211,városok!$A$2:$C$346,2,0)-VLOOKUP(BP$1,városok!$A$2:$C$346,2,0))^2+(VLOOKUP($A211,városok!$A$2:$C$346,3,0)-VLOOKUP(BP$1,városok!$A$2:$C$346,3,0))^2)/1000,0)</f>
        <v>102</v>
      </c>
      <c r="BQ211">
        <f ca="1">ROUND(SQRT((VLOOKUP($A211,városok!$A$2:$C$346,2,0)-VLOOKUP(BQ$1,városok!$A$2:$C$346,2,0))^2+(VLOOKUP($A211,városok!$A$2:$C$346,3,0)-VLOOKUP(BQ$1,városok!$A$2:$C$346,3,0))^2)/1000,0)</f>
        <v>111</v>
      </c>
      <c r="BR211">
        <f ca="1">ROUND(SQRT((VLOOKUP($A211,városok!$A$2:$C$346,2,0)-VLOOKUP(BR$1,városok!$A$2:$C$346,2,0))^2+(VLOOKUP($A211,városok!$A$2:$C$346,3,0)-VLOOKUP(BR$1,városok!$A$2:$C$346,3,0))^2)/1000,0)</f>
        <v>172</v>
      </c>
      <c r="BS211">
        <f ca="1">ROUND(SQRT((VLOOKUP($A211,városok!$A$2:$C$346,2,0)-VLOOKUP(BS$1,városok!$A$2:$C$346,2,0))^2+(VLOOKUP($A211,városok!$A$2:$C$346,3,0)-VLOOKUP(BS$1,városok!$A$2:$C$346,3,0))^2)/1000,0)</f>
        <v>210</v>
      </c>
      <c r="BT211">
        <f ca="1">ROUND(SQRT((VLOOKUP($A211,városok!$A$2:$C$346,2,0)-VLOOKUP(BT$1,városok!$A$2:$C$346,2,0))^2+(VLOOKUP($A211,városok!$A$2:$C$346,3,0)-VLOOKUP(BT$1,városok!$A$2:$C$346,3,0))^2)/1000,0)</f>
        <v>195</v>
      </c>
    </row>
    <row r="212" spans="1:72" x14ac:dyDescent="0.2">
      <c r="A212" t="str">
        <f>városok!A212</f>
        <v>Dunavarsány</v>
      </c>
      <c r="B212">
        <f ca="1">ROUND(SQRT((VLOOKUP($A212,városok!$A$2:$C$346,2,0)-VLOOKUP(B$1,városok!$A$2:$C$346,2,0))^2+(VLOOKUP($A212,városok!$A$2:$C$346,3,0)-VLOOKUP(B$1,városok!$A$2:$C$346,3,0))^2)/1000,0)</f>
        <v>122</v>
      </c>
      <c r="C212">
        <f ca="1">ROUND(SQRT((VLOOKUP($A212,városok!$A$2:$C$346,2,0)-VLOOKUP(C$1,városok!$A$2:$C$346,2,0))^2+(VLOOKUP($A212,városok!$A$2:$C$346,3,0)-VLOOKUP(C$1,városok!$A$2:$C$346,3,0))^2)/1000,0)</f>
        <v>84</v>
      </c>
      <c r="D212">
        <f ca="1">ROUND(SQRT((VLOOKUP($A212,városok!$A$2:$C$346,2,0)-VLOOKUP(D$1,városok!$A$2:$C$346,2,0))^2+(VLOOKUP($A212,városok!$A$2:$C$346,3,0)-VLOOKUP(D$1,városok!$A$2:$C$346,3,0))^2)/1000,0)</f>
        <v>63</v>
      </c>
      <c r="E212">
        <f ca="1">ROUND(SQRT((VLOOKUP($A212,városok!$A$2:$C$346,2,0)-VLOOKUP(E$1,városok!$A$2:$C$346,2,0))^2+(VLOOKUP($A212,városok!$A$2:$C$346,3,0)-VLOOKUP(E$1,városok!$A$2:$C$346,3,0))^2)/1000,0)</f>
        <v>136</v>
      </c>
      <c r="F212">
        <f ca="1">ROUND(SQRT((VLOOKUP($A212,városok!$A$2:$C$346,2,0)-VLOOKUP(F$1,városok!$A$2:$C$346,2,0))^2+(VLOOKUP($A212,városok!$A$2:$C$346,3,0)-VLOOKUP(F$1,városok!$A$2:$C$346,3,0))^2)/1000,0)</f>
        <v>146</v>
      </c>
      <c r="G212">
        <f ca="1">ROUND(SQRT((VLOOKUP($A212,városok!$A$2:$C$346,2,0)-VLOOKUP(G$1,városok!$A$2:$C$346,2,0))^2+(VLOOKUP($A212,városok!$A$2:$C$346,3,0)-VLOOKUP(G$1,városok!$A$2:$C$346,3,0))^2)/1000,0)</f>
        <v>148</v>
      </c>
      <c r="H212">
        <f ca="1">ROUND(SQRT((VLOOKUP($A212,városok!$A$2:$C$346,2,0)-VLOOKUP(H$1,városok!$A$2:$C$346,2,0))^2+(VLOOKUP($A212,városok!$A$2:$C$346,3,0)-VLOOKUP(H$1,városok!$A$2:$C$346,3,0))^2)/1000,0)</f>
        <v>168</v>
      </c>
      <c r="I212">
        <f ca="1">ROUND(SQRT((VLOOKUP($A212,városok!$A$2:$C$346,2,0)-VLOOKUP(I$1,városok!$A$2:$C$346,2,0))^2+(VLOOKUP($A212,városok!$A$2:$C$346,3,0)-VLOOKUP(I$1,városok!$A$2:$C$346,3,0))^2)/1000,0)</f>
        <v>167</v>
      </c>
      <c r="J212">
        <f ca="1">ROUND(SQRT((VLOOKUP($A212,városok!$A$2:$C$346,2,0)-VLOOKUP(J$1,városok!$A$2:$C$346,2,0))^2+(VLOOKUP($A212,városok!$A$2:$C$346,3,0)-VLOOKUP(J$1,városok!$A$2:$C$346,3,0))^2)/1000,0)</f>
        <v>182</v>
      </c>
      <c r="K212">
        <f ca="1">ROUND(SQRT((VLOOKUP($A212,városok!$A$2:$C$346,2,0)-VLOOKUP(K$1,városok!$A$2:$C$346,2,0))^2+(VLOOKUP($A212,városok!$A$2:$C$346,3,0)-VLOOKUP(K$1,városok!$A$2:$C$346,3,0))^2)/1000,0)</f>
        <v>146</v>
      </c>
      <c r="L212">
        <f ca="1">ROUND(SQRT((VLOOKUP($A212,városok!$A$2:$C$346,2,0)-VLOOKUP(L$1,városok!$A$2:$C$346,2,0))^2+(VLOOKUP($A212,városok!$A$2:$C$346,3,0)-VLOOKUP(L$1,városok!$A$2:$C$346,3,0))^2)/1000,0)</f>
        <v>160</v>
      </c>
      <c r="M212">
        <f ca="1">ROUND(SQRT((VLOOKUP($A212,városok!$A$2:$C$346,2,0)-VLOOKUP(M$1,városok!$A$2:$C$346,2,0))^2+(VLOOKUP($A212,városok!$A$2:$C$346,3,0)-VLOOKUP(M$1,városok!$A$2:$C$346,3,0))^2)/1000,0)</f>
        <v>159</v>
      </c>
      <c r="N212">
        <f ca="1">ROUND(SQRT((VLOOKUP($A212,városok!$A$2:$C$346,2,0)-VLOOKUP(N$1,városok!$A$2:$C$346,2,0))^2+(VLOOKUP($A212,városok!$A$2:$C$346,3,0)-VLOOKUP(N$1,városok!$A$2:$C$346,3,0))^2)/1000,0)</f>
        <v>139</v>
      </c>
      <c r="O212">
        <f ca="1">ROUND(SQRT((VLOOKUP($A212,városok!$A$2:$C$346,2,0)-VLOOKUP(O$1,városok!$A$2:$C$346,2,0))^2+(VLOOKUP($A212,városok!$A$2:$C$346,3,0)-VLOOKUP(O$1,városok!$A$2:$C$346,3,0))^2)/1000,0)</f>
        <v>230</v>
      </c>
      <c r="P212">
        <f ca="1">ROUND(SQRT((VLOOKUP($A212,városok!$A$2:$C$346,2,0)-VLOOKUP(P$1,városok!$A$2:$C$346,2,0))^2+(VLOOKUP($A212,városok!$A$2:$C$346,3,0)-VLOOKUP(P$1,városok!$A$2:$C$346,3,0))^2)/1000,0)</f>
        <v>230</v>
      </c>
      <c r="Q212">
        <f ca="1">ROUND(SQRT((VLOOKUP($A212,városok!$A$2:$C$346,2,0)-VLOOKUP(Q$1,városok!$A$2:$C$346,2,0))^2+(VLOOKUP($A212,városok!$A$2:$C$346,3,0)-VLOOKUP(Q$1,városok!$A$2:$C$346,3,0))^2)/1000,0)</f>
        <v>135</v>
      </c>
      <c r="R212">
        <f ca="1">ROUND(SQRT((VLOOKUP($A212,városok!$A$2:$C$346,2,0)-VLOOKUP(R$1,városok!$A$2:$C$346,2,0))^2+(VLOOKUP($A212,városok!$A$2:$C$346,3,0)-VLOOKUP(R$1,városok!$A$2:$C$346,3,0))^2)/1000,0)</f>
        <v>160</v>
      </c>
      <c r="S212">
        <f ca="1">ROUND(SQRT((VLOOKUP($A212,városok!$A$2:$C$346,2,0)-VLOOKUP(S$1,városok!$A$2:$C$346,2,0))^2+(VLOOKUP($A212,városok!$A$2:$C$346,3,0)-VLOOKUP(S$1,városok!$A$2:$C$346,3,0))^2)/1000,0)</f>
        <v>142</v>
      </c>
      <c r="T212">
        <f ca="1">ROUND(SQRT((VLOOKUP($A212,városok!$A$2:$C$346,2,0)-VLOOKUP(T$1,városok!$A$2:$C$346,2,0))^2+(VLOOKUP($A212,városok!$A$2:$C$346,3,0)-VLOOKUP(T$1,városok!$A$2:$C$346,3,0))^2)/1000,0)</f>
        <v>40</v>
      </c>
      <c r="U212">
        <f ca="1">ROUND(SQRT((VLOOKUP($A212,városok!$A$2:$C$346,2,0)-VLOOKUP(U$1,városok!$A$2:$C$346,2,0))^2+(VLOOKUP($A212,városok!$A$2:$C$346,3,0)-VLOOKUP(U$1,városok!$A$2:$C$346,3,0))^2)/1000,0)</f>
        <v>36</v>
      </c>
      <c r="V212">
        <f ca="1">ROUND(SQRT((VLOOKUP($A212,városok!$A$2:$C$346,2,0)-VLOOKUP(V$1,városok!$A$2:$C$346,2,0))^2+(VLOOKUP($A212,városok!$A$2:$C$346,3,0)-VLOOKUP(V$1,városok!$A$2:$C$346,3,0))^2)/1000,0)</f>
        <v>63</v>
      </c>
      <c r="W212">
        <f ca="1">ROUND(SQRT((VLOOKUP($A212,városok!$A$2:$C$346,2,0)-VLOOKUP(W$1,városok!$A$2:$C$346,2,0))^2+(VLOOKUP($A212,városok!$A$2:$C$346,3,0)-VLOOKUP(W$1,városok!$A$2:$C$346,3,0))^2)/1000,0)</f>
        <v>55</v>
      </c>
      <c r="X212">
        <f ca="1">ROUND(SQRT((VLOOKUP($A212,városok!$A$2:$C$346,2,0)-VLOOKUP(X$1,városok!$A$2:$C$346,2,0))^2+(VLOOKUP($A212,városok!$A$2:$C$346,3,0)-VLOOKUP(X$1,városok!$A$2:$C$346,3,0))^2)/1000,0)</f>
        <v>56</v>
      </c>
      <c r="Y212">
        <f ca="1">ROUND(SQRT((VLOOKUP($A212,városok!$A$2:$C$346,2,0)-VLOOKUP(Y$1,városok!$A$2:$C$346,2,0))^2+(VLOOKUP($A212,városok!$A$2:$C$346,3,0)-VLOOKUP(Y$1,városok!$A$2:$C$346,3,0))^2)/1000,0)</f>
        <v>117</v>
      </c>
      <c r="Z212">
        <f ca="1">ROUND(SQRT((VLOOKUP($A212,városok!$A$2:$C$346,2,0)-VLOOKUP(Z$1,városok!$A$2:$C$346,2,0))^2+(VLOOKUP($A212,városok!$A$2:$C$346,3,0)-VLOOKUP(Z$1,városok!$A$2:$C$346,3,0))^2)/1000,0)</f>
        <v>136</v>
      </c>
      <c r="AA212">
        <f ca="1">ROUND(SQRT((VLOOKUP($A212,városok!$A$2:$C$346,2,0)-VLOOKUP(AA$1,városok!$A$2:$C$346,2,0))^2+(VLOOKUP($A212,városok!$A$2:$C$346,3,0)-VLOOKUP(AA$1,városok!$A$2:$C$346,3,0))^2)/1000,0)</f>
        <v>193</v>
      </c>
      <c r="AB212">
        <f ca="1">ROUND(SQRT((VLOOKUP($A212,városok!$A$2:$C$346,2,0)-VLOOKUP(AB$1,városok!$A$2:$C$346,2,0))^2+(VLOOKUP($A212,városok!$A$2:$C$346,3,0)-VLOOKUP(AB$1,városok!$A$2:$C$346,3,0))^2)/1000,0)</f>
        <v>196</v>
      </c>
      <c r="AC212">
        <f ca="1">ROUND(SQRT((VLOOKUP($A212,városok!$A$2:$C$346,2,0)-VLOOKUP(AC$1,városok!$A$2:$C$346,2,0))^2+(VLOOKUP($A212,városok!$A$2:$C$346,3,0)-VLOOKUP(AC$1,városok!$A$2:$C$346,3,0))^2)/1000,0)</f>
        <v>177</v>
      </c>
      <c r="AD212">
        <f ca="1">ROUND(SQRT((VLOOKUP($A212,városok!$A$2:$C$346,2,0)-VLOOKUP(AD$1,városok!$A$2:$C$346,2,0))^2+(VLOOKUP($A212,városok!$A$2:$C$346,3,0)-VLOOKUP(AD$1,városok!$A$2:$C$346,3,0))^2)/1000,0)</f>
        <v>159</v>
      </c>
      <c r="AE212">
        <f ca="1">ROUND(SQRT((VLOOKUP($A212,városok!$A$2:$C$346,2,0)-VLOOKUP(AE$1,városok!$A$2:$C$346,2,0))^2+(VLOOKUP($A212,városok!$A$2:$C$346,3,0)-VLOOKUP(AE$1,városok!$A$2:$C$346,3,0))^2)/1000,0)</f>
        <v>159</v>
      </c>
      <c r="AF212">
        <f ca="1">ROUND(SQRT((VLOOKUP($A212,városok!$A$2:$C$346,2,0)-VLOOKUP(AF$1,városok!$A$2:$C$346,2,0))^2+(VLOOKUP($A212,városok!$A$2:$C$346,3,0)-VLOOKUP(AF$1,városok!$A$2:$C$346,3,0))^2)/1000,0)</f>
        <v>120</v>
      </c>
      <c r="AG212">
        <f ca="1">ROUND(SQRT((VLOOKUP($A212,városok!$A$2:$C$346,2,0)-VLOOKUP(AG$1,városok!$A$2:$C$346,2,0))^2+(VLOOKUP($A212,városok!$A$2:$C$346,3,0)-VLOOKUP(AG$1,városok!$A$2:$C$346,3,0))^2)/1000,0)</f>
        <v>85</v>
      </c>
      <c r="AH212">
        <f ca="1">ROUND(SQRT((VLOOKUP($A212,városok!$A$2:$C$346,2,0)-VLOOKUP(AH$1,városok!$A$2:$C$346,2,0))^2+(VLOOKUP($A212,városok!$A$2:$C$346,3,0)-VLOOKUP(AH$1,városok!$A$2:$C$346,3,0))^2)/1000,0)</f>
        <v>63</v>
      </c>
      <c r="AI212">
        <f ca="1">ROUND(SQRT((VLOOKUP($A212,városok!$A$2:$C$346,2,0)-VLOOKUP(AI$1,városok!$A$2:$C$346,2,0))^2+(VLOOKUP($A212,városok!$A$2:$C$346,3,0)-VLOOKUP(AI$1,városok!$A$2:$C$346,3,0))^2)/1000,0)</f>
        <v>113</v>
      </c>
      <c r="AJ212">
        <f ca="1">ROUND(SQRT((VLOOKUP($A212,városok!$A$2:$C$346,2,0)-VLOOKUP(AJ$1,városok!$A$2:$C$346,2,0))^2+(VLOOKUP($A212,városok!$A$2:$C$346,3,0)-VLOOKUP(AJ$1,városok!$A$2:$C$346,3,0))^2)/1000,0)</f>
        <v>80</v>
      </c>
      <c r="AK212">
        <f ca="1">ROUND(SQRT((VLOOKUP($A212,városok!$A$2:$C$346,2,0)-VLOOKUP(AK$1,városok!$A$2:$C$346,2,0))^2+(VLOOKUP($A212,városok!$A$2:$C$346,3,0)-VLOOKUP(AK$1,városok!$A$2:$C$346,3,0))^2)/1000,0)</f>
        <v>144</v>
      </c>
      <c r="AL212">
        <f ca="1">ROUND(SQRT((VLOOKUP($A212,városok!$A$2:$C$346,2,0)-VLOOKUP(AL$1,városok!$A$2:$C$346,2,0))^2+(VLOOKUP($A212,városok!$A$2:$C$346,3,0)-VLOOKUP(AL$1,városok!$A$2:$C$346,3,0))^2)/1000,0)</f>
        <v>118</v>
      </c>
      <c r="AM212">
        <f ca="1">ROUND(SQRT((VLOOKUP($A212,városok!$A$2:$C$346,2,0)-VLOOKUP(AM$1,városok!$A$2:$C$346,2,0))^2+(VLOOKUP($A212,városok!$A$2:$C$346,3,0)-VLOOKUP(AM$1,városok!$A$2:$C$346,3,0))^2)/1000,0)</f>
        <v>85</v>
      </c>
      <c r="AN212">
        <f ca="1">ROUND(SQRT((VLOOKUP($A212,városok!$A$2:$C$346,2,0)-VLOOKUP(AN$1,városok!$A$2:$C$346,2,0))^2+(VLOOKUP($A212,városok!$A$2:$C$346,3,0)-VLOOKUP(AN$1,városok!$A$2:$C$346,3,0))^2)/1000,0)</f>
        <v>62</v>
      </c>
      <c r="AO212">
        <f ca="1">ROUND(SQRT((VLOOKUP($A212,városok!$A$2:$C$346,2,0)-VLOOKUP(AO$1,városok!$A$2:$C$346,2,0))^2+(VLOOKUP($A212,városok!$A$2:$C$346,3,0)-VLOOKUP(AO$1,városok!$A$2:$C$346,3,0))^2)/1000,0)</f>
        <v>88</v>
      </c>
      <c r="AP212">
        <f ca="1">ROUND(SQRT((VLOOKUP($A212,városok!$A$2:$C$346,2,0)-VLOOKUP(AP$1,városok!$A$2:$C$346,2,0))^2+(VLOOKUP($A212,városok!$A$2:$C$346,3,0)-VLOOKUP(AP$1,városok!$A$2:$C$346,3,0))^2)/1000,0)</f>
        <v>69</v>
      </c>
      <c r="AQ212">
        <f ca="1">ROUND(SQRT((VLOOKUP($A212,városok!$A$2:$C$346,2,0)-VLOOKUP(AQ$1,városok!$A$2:$C$346,2,0))^2+(VLOOKUP($A212,városok!$A$2:$C$346,3,0)-VLOOKUP(AQ$1,városok!$A$2:$C$346,3,0))^2)/1000,0)</f>
        <v>59</v>
      </c>
      <c r="AR212">
        <f ca="1">ROUND(SQRT((VLOOKUP($A212,városok!$A$2:$C$346,2,0)-VLOOKUP(AR$1,városok!$A$2:$C$346,2,0))^2+(VLOOKUP($A212,városok!$A$2:$C$346,3,0)-VLOOKUP(AR$1,városok!$A$2:$C$346,3,0))^2)/1000,0)</f>
        <v>86</v>
      </c>
      <c r="AS212">
        <f ca="1">ROUND(SQRT((VLOOKUP($A212,városok!$A$2:$C$346,2,0)-VLOOKUP(AS$1,városok!$A$2:$C$346,2,0))^2+(VLOOKUP($A212,városok!$A$2:$C$346,3,0)-VLOOKUP(AS$1,városok!$A$2:$C$346,3,0))^2)/1000,0)</f>
        <v>108</v>
      </c>
      <c r="AT212">
        <f ca="1">ROUND(SQRT((VLOOKUP($A212,városok!$A$2:$C$346,2,0)-VLOOKUP(AT$1,városok!$A$2:$C$346,2,0))^2+(VLOOKUP($A212,városok!$A$2:$C$346,3,0)-VLOOKUP(AT$1,városok!$A$2:$C$346,3,0))^2)/1000,0)</f>
        <v>28</v>
      </c>
      <c r="AU212">
        <f ca="1">ROUND(SQRT((VLOOKUP($A212,városok!$A$2:$C$346,2,0)-VLOOKUP(AU$1,városok!$A$2:$C$346,2,0))^2+(VLOOKUP($A212,városok!$A$2:$C$346,3,0)-VLOOKUP(AU$1,városok!$A$2:$C$346,3,0))^2)/1000,0)</f>
        <v>22</v>
      </c>
      <c r="AV212">
        <f ca="1">ROUND(SQRT((VLOOKUP($A212,városok!$A$2:$C$346,2,0)-VLOOKUP(AV$1,városok!$A$2:$C$346,2,0))^2+(VLOOKUP($A212,városok!$A$2:$C$346,3,0)-VLOOKUP(AV$1,városok!$A$2:$C$346,3,0))^2)/1000,0)</f>
        <v>17</v>
      </c>
      <c r="AW212">
        <f ca="1">ROUND(SQRT((VLOOKUP($A212,városok!$A$2:$C$346,2,0)-VLOOKUP(AW$1,városok!$A$2:$C$346,2,0))^2+(VLOOKUP($A212,városok!$A$2:$C$346,3,0)-VLOOKUP(AW$1,városok!$A$2:$C$346,3,0))^2)/1000,0)</f>
        <v>18</v>
      </c>
      <c r="AX212">
        <f ca="1">ROUND(SQRT((VLOOKUP($A212,városok!$A$2:$C$346,2,0)-VLOOKUP(AX$1,városok!$A$2:$C$346,2,0))^2+(VLOOKUP($A212,városok!$A$2:$C$346,3,0)-VLOOKUP(AX$1,városok!$A$2:$C$346,3,0))^2)/1000,0)</f>
        <v>61</v>
      </c>
      <c r="AY212">
        <f ca="1">ROUND(SQRT((VLOOKUP($A212,városok!$A$2:$C$346,2,0)-VLOOKUP(AY$1,városok!$A$2:$C$346,2,0))^2+(VLOOKUP($A212,városok!$A$2:$C$346,3,0)-VLOOKUP(AY$1,városok!$A$2:$C$346,3,0))^2)/1000,0)</f>
        <v>45</v>
      </c>
      <c r="AZ212">
        <f ca="1">ROUND(SQRT((VLOOKUP($A212,városok!$A$2:$C$346,2,0)-VLOOKUP(AZ$1,városok!$A$2:$C$346,2,0))^2+(VLOOKUP($A212,városok!$A$2:$C$346,3,0)-VLOOKUP(AZ$1,városok!$A$2:$C$346,3,0))^2)/1000,0)</f>
        <v>57</v>
      </c>
      <c r="BA212">
        <f ca="1">ROUND(SQRT((VLOOKUP($A212,városok!$A$2:$C$346,2,0)-VLOOKUP(BA$1,városok!$A$2:$C$346,2,0))^2+(VLOOKUP($A212,városok!$A$2:$C$346,3,0)-VLOOKUP(BA$1,városok!$A$2:$C$346,3,0))^2)/1000,0)</f>
        <v>118</v>
      </c>
      <c r="BB212">
        <f ca="1">ROUND(SQRT((VLOOKUP($A212,városok!$A$2:$C$346,2,0)-VLOOKUP(BB$1,városok!$A$2:$C$346,2,0))^2+(VLOOKUP($A212,városok!$A$2:$C$346,3,0)-VLOOKUP(BB$1,városok!$A$2:$C$346,3,0))^2)/1000,0)</f>
        <v>119</v>
      </c>
      <c r="BC212">
        <f ca="1">ROUND(SQRT((VLOOKUP($A212,városok!$A$2:$C$346,2,0)-VLOOKUP(BC$1,városok!$A$2:$C$346,2,0))^2+(VLOOKUP($A212,városok!$A$2:$C$346,3,0)-VLOOKUP(BC$1,városok!$A$2:$C$346,3,0))^2)/1000,0)</f>
        <v>141</v>
      </c>
      <c r="BD212">
        <f ca="1">ROUND(SQRT((VLOOKUP($A212,városok!$A$2:$C$346,2,0)-VLOOKUP(BD$1,városok!$A$2:$C$346,2,0))^2+(VLOOKUP($A212,városok!$A$2:$C$346,3,0)-VLOOKUP(BD$1,városok!$A$2:$C$346,3,0))^2)/1000,0)</f>
        <v>86</v>
      </c>
      <c r="BE212">
        <f ca="1">ROUND(SQRT((VLOOKUP($A212,városok!$A$2:$C$346,2,0)-VLOOKUP(BE$1,városok!$A$2:$C$346,2,0))^2+(VLOOKUP($A212,városok!$A$2:$C$346,3,0)-VLOOKUP(BE$1,városok!$A$2:$C$346,3,0))^2)/1000,0)</f>
        <v>278</v>
      </c>
      <c r="BF212">
        <f ca="1">ROUND(SQRT((VLOOKUP($A212,városok!$A$2:$C$346,2,0)-VLOOKUP(BF$1,városok!$A$2:$C$346,2,0))^2+(VLOOKUP($A212,városok!$A$2:$C$346,3,0)-VLOOKUP(BF$1,városok!$A$2:$C$346,3,0))^2)/1000,0)</f>
        <v>249</v>
      </c>
      <c r="BG212">
        <f ca="1">ROUND(SQRT((VLOOKUP($A212,városok!$A$2:$C$346,2,0)-VLOOKUP(BG$1,városok!$A$2:$C$346,2,0))^2+(VLOOKUP($A212,városok!$A$2:$C$346,3,0)-VLOOKUP(BG$1,városok!$A$2:$C$346,3,0))^2)/1000,0)</f>
        <v>203</v>
      </c>
      <c r="BH212">
        <f ca="1">ROUND(SQRT((VLOOKUP($A212,városok!$A$2:$C$346,2,0)-VLOOKUP(BH$1,városok!$A$2:$C$346,2,0))^2+(VLOOKUP($A212,városok!$A$2:$C$346,3,0)-VLOOKUP(BH$1,városok!$A$2:$C$346,3,0))^2)/1000,0)</f>
        <v>203</v>
      </c>
      <c r="BI212">
        <f ca="1">ROUND(SQRT((VLOOKUP($A212,városok!$A$2:$C$346,2,0)-VLOOKUP(BI$1,városok!$A$2:$C$346,2,0))^2+(VLOOKUP($A212,városok!$A$2:$C$346,3,0)-VLOOKUP(BI$1,városok!$A$2:$C$346,3,0))^2)/1000,0)</f>
        <v>104</v>
      </c>
      <c r="BJ212">
        <f ca="1">ROUND(SQRT((VLOOKUP($A212,városok!$A$2:$C$346,2,0)-VLOOKUP(BJ$1,városok!$A$2:$C$346,2,0))^2+(VLOOKUP($A212,városok!$A$2:$C$346,3,0)-VLOOKUP(BJ$1,városok!$A$2:$C$346,3,0))^2)/1000,0)</f>
        <v>120</v>
      </c>
      <c r="BK212">
        <f ca="1">ROUND(SQRT((VLOOKUP($A212,városok!$A$2:$C$346,2,0)-VLOOKUP(BK$1,városok!$A$2:$C$346,2,0))^2+(VLOOKUP($A212,városok!$A$2:$C$346,3,0)-VLOOKUP(BK$1,városok!$A$2:$C$346,3,0))^2)/1000,0)</f>
        <v>107</v>
      </c>
      <c r="BL212">
        <f ca="1">ROUND(SQRT((VLOOKUP($A212,városok!$A$2:$C$346,2,0)-VLOOKUP(BL$1,városok!$A$2:$C$346,2,0))^2+(VLOOKUP($A212,városok!$A$2:$C$346,3,0)-VLOOKUP(BL$1,városok!$A$2:$C$346,3,0))^2)/1000,0)</f>
        <v>189</v>
      </c>
      <c r="BM212">
        <f ca="1">ROUND(SQRT((VLOOKUP($A212,városok!$A$2:$C$346,2,0)-VLOOKUP(BM$1,városok!$A$2:$C$346,2,0))^2+(VLOOKUP($A212,városok!$A$2:$C$346,3,0)-VLOOKUP(BM$1,városok!$A$2:$C$346,3,0))^2)/1000,0)</f>
        <v>162</v>
      </c>
      <c r="BN212">
        <f ca="1">ROUND(SQRT((VLOOKUP($A212,városok!$A$2:$C$346,2,0)-VLOOKUP(BN$1,városok!$A$2:$C$346,2,0))^2+(VLOOKUP($A212,városok!$A$2:$C$346,3,0)-VLOOKUP(BN$1,városok!$A$2:$C$346,3,0))^2)/1000,0)</f>
        <v>185</v>
      </c>
      <c r="BO212">
        <f ca="1">ROUND(SQRT((VLOOKUP($A212,városok!$A$2:$C$346,2,0)-VLOOKUP(BO$1,városok!$A$2:$C$346,2,0))^2+(VLOOKUP($A212,városok!$A$2:$C$346,3,0)-VLOOKUP(BO$1,városok!$A$2:$C$346,3,0))^2)/1000,0)</f>
        <v>85</v>
      </c>
      <c r="BP212">
        <f ca="1">ROUND(SQRT((VLOOKUP($A212,városok!$A$2:$C$346,2,0)-VLOOKUP(BP$1,városok!$A$2:$C$346,2,0))^2+(VLOOKUP($A212,városok!$A$2:$C$346,3,0)-VLOOKUP(BP$1,városok!$A$2:$C$346,3,0))^2)/1000,0)</f>
        <v>77</v>
      </c>
      <c r="BQ212">
        <f ca="1">ROUND(SQRT((VLOOKUP($A212,városok!$A$2:$C$346,2,0)-VLOOKUP(BQ$1,városok!$A$2:$C$346,2,0))^2+(VLOOKUP($A212,városok!$A$2:$C$346,3,0)-VLOOKUP(BQ$1,városok!$A$2:$C$346,3,0))^2)/1000,0)</f>
        <v>90</v>
      </c>
      <c r="BR212">
        <f ca="1">ROUND(SQRT((VLOOKUP($A212,városok!$A$2:$C$346,2,0)-VLOOKUP(BR$1,városok!$A$2:$C$346,2,0))^2+(VLOOKUP($A212,városok!$A$2:$C$346,3,0)-VLOOKUP(BR$1,városok!$A$2:$C$346,3,0))^2)/1000,0)</f>
        <v>149</v>
      </c>
      <c r="BS212">
        <f ca="1">ROUND(SQRT((VLOOKUP($A212,városok!$A$2:$C$346,2,0)-VLOOKUP(BS$1,városok!$A$2:$C$346,2,0))^2+(VLOOKUP($A212,városok!$A$2:$C$346,3,0)-VLOOKUP(BS$1,városok!$A$2:$C$346,3,0))^2)/1000,0)</f>
        <v>183</v>
      </c>
      <c r="BT212">
        <f ca="1">ROUND(SQRT((VLOOKUP($A212,városok!$A$2:$C$346,2,0)-VLOOKUP(BT$1,városok!$A$2:$C$346,2,0))^2+(VLOOKUP($A212,városok!$A$2:$C$346,3,0)-VLOOKUP(BT$1,városok!$A$2:$C$346,3,0))^2)/1000,0)</f>
        <v>176</v>
      </c>
    </row>
    <row r="213" spans="1:72" x14ac:dyDescent="0.2">
      <c r="A213" t="str">
        <f>városok!A213</f>
        <v>Érd</v>
      </c>
      <c r="B213">
        <f ca="1">ROUND(SQRT((VLOOKUP($A213,városok!$A$2:$C$346,2,0)-VLOOKUP(B$1,városok!$A$2:$C$346,2,0))^2+(VLOOKUP($A213,városok!$A$2:$C$346,3,0)-VLOOKUP(B$1,városok!$A$2:$C$346,3,0))^2)/1000,0)</f>
        <v>135</v>
      </c>
      <c r="C213">
        <f ca="1">ROUND(SQRT((VLOOKUP($A213,városok!$A$2:$C$346,2,0)-VLOOKUP(C$1,városok!$A$2:$C$346,2,0))^2+(VLOOKUP($A213,városok!$A$2:$C$346,3,0)-VLOOKUP(C$1,városok!$A$2:$C$346,3,0))^2)/1000,0)</f>
        <v>97</v>
      </c>
      <c r="D213">
        <f ca="1">ROUND(SQRT((VLOOKUP($A213,városok!$A$2:$C$346,2,0)-VLOOKUP(D$1,városok!$A$2:$C$346,2,0))^2+(VLOOKUP($A213,városok!$A$2:$C$346,3,0)-VLOOKUP(D$1,városok!$A$2:$C$346,3,0))^2)/1000,0)</f>
        <v>80</v>
      </c>
      <c r="E213">
        <f ca="1">ROUND(SQRT((VLOOKUP($A213,városok!$A$2:$C$346,2,0)-VLOOKUP(E$1,városok!$A$2:$C$346,2,0))^2+(VLOOKUP($A213,városok!$A$2:$C$346,3,0)-VLOOKUP(E$1,városok!$A$2:$C$346,3,0))^2)/1000,0)</f>
        <v>143</v>
      </c>
      <c r="F213">
        <f ca="1">ROUND(SQRT((VLOOKUP($A213,városok!$A$2:$C$346,2,0)-VLOOKUP(F$1,városok!$A$2:$C$346,2,0))^2+(VLOOKUP($A213,városok!$A$2:$C$346,3,0)-VLOOKUP(F$1,városok!$A$2:$C$346,3,0))^2)/1000,0)</f>
        <v>157</v>
      </c>
      <c r="G213">
        <f ca="1">ROUND(SQRT((VLOOKUP($A213,városok!$A$2:$C$346,2,0)-VLOOKUP(G$1,városok!$A$2:$C$346,2,0))^2+(VLOOKUP($A213,városok!$A$2:$C$346,3,0)-VLOOKUP(G$1,városok!$A$2:$C$346,3,0))^2)/1000,0)</f>
        <v>155</v>
      </c>
      <c r="H213">
        <f ca="1">ROUND(SQRT((VLOOKUP($A213,városok!$A$2:$C$346,2,0)-VLOOKUP(H$1,városok!$A$2:$C$346,2,0))^2+(VLOOKUP($A213,városok!$A$2:$C$346,3,0)-VLOOKUP(H$1,városok!$A$2:$C$346,3,0))^2)/1000,0)</f>
        <v>172</v>
      </c>
      <c r="I213">
        <f ca="1">ROUND(SQRT((VLOOKUP($A213,városok!$A$2:$C$346,2,0)-VLOOKUP(I$1,városok!$A$2:$C$346,2,0))^2+(VLOOKUP($A213,városok!$A$2:$C$346,3,0)-VLOOKUP(I$1,városok!$A$2:$C$346,3,0))^2)/1000,0)</f>
        <v>183</v>
      </c>
      <c r="J213">
        <f ca="1">ROUND(SQRT((VLOOKUP($A213,városok!$A$2:$C$346,2,0)-VLOOKUP(J$1,városok!$A$2:$C$346,2,0))^2+(VLOOKUP($A213,városok!$A$2:$C$346,3,0)-VLOOKUP(J$1,városok!$A$2:$C$346,3,0))^2)/1000,0)</f>
        <v>198</v>
      </c>
      <c r="K213">
        <f ca="1">ROUND(SQRT((VLOOKUP($A213,városok!$A$2:$C$346,2,0)-VLOOKUP(K$1,városok!$A$2:$C$346,2,0))^2+(VLOOKUP($A213,városok!$A$2:$C$346,3,0)-VLOOKUP(K$1,városok!$A$2:$C$346,3,0))^2)/1000,0)</f>
        <v>163</v>
      </c>
      <c r="L213">
        <f ca="1">ROUND(SQRT((VLOOKUP($A213,városok!$A$2:$C$346,2,0)-VLOOKUP(L$1,városok!$A$2:$C$346,2,0))^2+(VLOOKUP($A213,városok!$A$2:$C$346,3,0)-VLOOKUP(L$1,városok!$A$2:$C$346,3,0))^2)/1000,0)</f>
        <v>161</v>
      </c>
      <c r="M213">
        <f ca="1">ROUND(SQRT((VLOOKUP($A213,városok!$A$2:$C$346,2,0)-VLOOKUP(M$1,városok!$A$2:$C$346,2,0))^2+(VLOOKUP($A213,városok!$A$2:$C$346,3,0)-VLOOKUP(M$1,városok!$A$2:$C$346,3,0))^2)/1000,0)</f>
        <v>162</v>
      </c>
      <c r="N213">
        <f ca="1">ROUND(SQRT((VLOOKUP($A213,városok!$A$2:$C$346,2,0)-VLOOKUP(N$1,városok!$A$2:$C$346,2,0))^2+(VLOOKUP($A213,városok!$A$2:$C$346,3,0)-VLOOKUP(N$1,városok!$A$2:$C$346,3,0))^2)/1000,0)</f>
        <v>138</v>
      </c>
      <c r="O213">
        <f ca="1">ROUND(SQRT((VLOOKUP($A213,városok!$A$2:$C$346,2,0)-VLOOKUP(O$1,városok!$A$2:$C$346,2,0))^2+(VLOOKUP($A213,városok!$A$2:$C$346,3,0)-VLOOKUP(O$1,városok!$A$2:$C$346,3,0))^2)/1000,0)</f>
        <v>233</v>
      </c>
      <c r="P213">
        <f ca="1">ROUND(SQRT((VLOOKUP($A213,városok!$A$2:$C$346,2,0)-VLOOKUP(P$1,városok!$A$2:$C$346,2,0))^2+(VLOOKUP($A213,városok!$A$2:$C$346,3,0)-VLOOKUP(P$1,városok!$A$2:$C$346,3,0))^2)/1000,0)</f>
        <v>233</v>
      </c>
      <c r="Q213">
        <f ca="1">ROUND(SQRT((VLOOKUP($A213,városok!$A$2:$C$346,2,0)-VLOOKUP(Q$1,városok!$A$2:$C$346,2,0))^2+(VLOOKUP($A213,városok!$A$2:$C$346,3,0)-VLOOKUP(Q$1,városok!$A$2:$C$346,3,0))^2)/1000,0)</f>
        <v>153</v>
      </c>
      <c r="R213">
        <f ca="1">ROUND(SQRT((VLOOKUP($A213,városok!$A$2:$C$346,2,0)-VLOOKUP(R$1,városok!$A$2:$C$346,2,0))^2+(VLOOKUP($A213,városok!$A$2:$C$346,3,0)-VLOOKUP(R$1,városok!$A$2:$C$346,3,0))^2)/1000,0)</f>
        <v>177</v>
      </c>
      <c r="S213">
        <f ca="1">ROUND(SQRT((VLOOKUP($A213,városok!$A$2:$C$346,2,0)-VLOOKUP(S$1,városok!$A$2:$C$346,2,0))^2+(VLOOKUP($A213,városok!$A$2:$C$346,3,0)-VLOOKUP(S$1,városok!$A$2:$C$346,3,0))^2)/1000,0)</f>
        <v>159</v>
      </c>
      <c r="T213">
        <f ca="1">ROUND(SQRT((VLOOKUP($A213,városok!$A$2:$C$346,2,0)-VLOOKUP(T$1,városok!$A$2:$C$346,2,0))^2+(VLOOKUP($A213,városok!$A$2:$C$346,3,0)-VLOOKUP(T$1,városok!$A$2:$C$346,3,0))^2)/1000,0)</f>
        <v>23</v>
      </c>
      <c r="U213">
        <f ca="1">ROUND(SQRT((VLOOKUP($A213,városok!$A$2:$C$346,2,0)-VLOOKUP(U$1,városok!$A$2:$C$346,2,0))^2+(VLOOKUP($A213,városok!$A$2:$C$346,3,0)-VLOOKUP(U$1,városok!$A$2:$C$346,3,0))^2)/1000,0)</f>
        <v>48</v>
      </c>
      <c r="V213">
        <f ca="1">ROUND(SQRT((VLOOKUP($A213,városok!$A$2:$C$346,2,0)-VLOOKUP(V$1,városok!$A$2:$C$346,2,0))^2+(VLOOKUP($A213,városok!$A$2:$C$346,3,0)-VLOOKUP(V$1,városok!$A$2:$C$346,3,0))^2)/1000,0)</f>
        <v>59</v>
      </c>
      <c r="W213">
        <f ca="1">ROUND(SQRT((VLOOKUP($A213,városok!$A$2:$C$346,2,0)-VLOOKUP(W$1,városok!$A$2:$C$346,2,0))^2+(VLOOKUP($A213,városok!$A$2:$C$346,3,0)-VLOOKUP(W$1,városok!$A$2:$C$346,3,0))^2)/1000,0)</f>
        <v>61</v>
      </c>
      <c r="X213">
        <f ca="1">ROUND(SQRT((VLOOKUP($A213,városok!$A$2:$C$346,2,0)-VLOOKUP(X$1,városok!$A$2:$C$346,2,0))^2+(VLOOKUP($A213,városok!$A$2:$C$346,3,0)-VLOOKUP(X$1,városok!$A$2:$C$346,3,0))^2)/1000,0)</f>
        <v>46</v>
      </c>
      <c r="Y213">
        <f ca="1">ROUND(SQRT((VLOOKUP($A213,városok!$A$2:$C$346,2,0)-VLOOKUP(Y$1,városok!$A$2:$C$346,2,0))^2+(VLOOKUP($A213,városok!$A$2:$C$346,3,0)-VLOOKUP(Y$1,városok!$A$2:$C$346,3,0))^2)/1000,0)</f>
        <v>101</v>
      </c>
      <c r="Z213">
        <f ca="1">ROUND(SQRT((VLOOKUP($A213,városok!$A$2:$C$346,2,0)-VLOOKUP(Z$1,városok!$A$2:$C$346,2,0))^2+(VLOOKUP($A213,városok!$A$2:$C$346,3,0)-VLOOKUP(Z$1,városok!$A$2:$C$346,3,0))^2)/1000,0)</f>
        <v>120</v>
      </c>
      <c r="AA213">
        <f ca="1">ROUND(SQRT((VLOOKUP($A213,városok!$A$2:$C$346,2,0)-VLOOKUP(AA$1,városok!$A$2:$C$346,2,0))^2+(VLOOKUP($A213,városok!$A$2:$C$346,3,0)-VLOOKUP(AA$1,városok!$A$2:$C$346,3,0))^2)/1000,0)</f>
        <v>178</v>
      </c>
      <c r="AB213">
        <f ca="1">ROUND(SQRT((VLOOKUP($A213,városok!$A$2:$C$346,2,0)-VLOOKUP(AB$1,városok!$A$2:$C$346,2,0))^2+(VLOOKUP($A213,városok!$A$2:$C$346,3,0)-VLOOKUP(AB$1,városok!$A$2:$C$346,3,0))^2)/1000,0)</f>
        <v>206</v>
      </c>
      <c r="AC213">
        <f ca="1">ROUND(SQRT((VLOOKUP($A213,városok!$A$2:$C$346,2,0)-VLOOKUP(AC$1,városok!$A$2:$C$346,2,0))^2+(VLOOKUP($A213,városok!$A$2:$C$346,3,0)-VLOOKUP(AC$1,városok!$A$2:$C$346,3,0))^2)/1000,0)</f>
        <v>188</v>
      </c>
      <c r="AD213">
        <f ca="1">ROUND(SQRT((VLOOKUP($A213,városok!$A$2:$C$346,2,0)-VLOOKUP(AD$1,városok!$A$2:$C$346,2,0))^2+(VLOOKUP($A213,városok!$A$2:$C$346,3,0)-VLOOKUP(AD$1,városok!$A$2:$C$346,3,0))^2)/1000,0)</f>
        <v>170</v>
      </c>
      <c r="AE213">
        <f ca="1">ROUND(SQRT((VLOOKUP($A213,városok!$A$2:$C$346,2,0)-VLOOKUP(AE$1,városok!$A$2:$C$346,2,0))^2+(VLOOKUP($A213,városok!$A$2:$C$346,3,0)-VLOOKUP(AE$1,városok!$A$2:$C$346,3,0))^2)/1000,0)</f>
        <v>171</v>
      </c>
      <c r="AF213">
        <f ca="1">ROUND(SQRT((VLOOKUP($A213,városok!$A$2:$C$346,2,0)-VLOOKUP(AF$1,városok!$A$2:$C$346,2,0))^2+(VLOOKUP($A213,városok!$A$2:$C$346,3,0)-VLOOKUP(AF$1,városok!$A$2:$C$346,3,0))^2)/1000,0)</f>
        <v>124</v>
      </c>
      <c r="AG213">
        <f ca="1">ROUND(SQRT((VLOOKUP($A213,városok!$A$2:$C$346,2,0)-VLOOKUP(AG$1,városok!$A$2:$C$346,2,0))^2+(VLOOKUP($A213,városok!$A$2:$C$346,3,0)-VLOOKUP(AG$1,városok!$A$2:$C$346,3,0))^2)/1000,0)</f>
        <v>88</v>
      </c>
      <c r="AH213">
        <f ca="1">ROUND(SQRT((VLOOKUP($A213,városok!$A$2:$C$346,2,0)-VLOOKUP(AH$1,városok!$A$2:$C$346,2,0))^2+(VLOOKUP($A213,városok!$A$2:$C$346,3,0)-VLOOKUP(AH$1,városok!$A$2:$C$346,3,0))^2)/1000,0)</f>
        <v>65</v>
      </c>
      <c r="AI213">
        <f ca="1">ROUND(SQRT((VLOOKUP($A213,városok!$A$2:$C$346,2,0)-VLOOKUP(AI$1,városok!$A$2:$C$346,2,0))^2+(VLOOKUP($A213,városok!$A$2:$C$346,3,0)-VLOOKUP(AI$1,városok!$A$2:$C$346,3,0))^2)/1000,0)</f>
        <v>113</v>
      </c>
      <c r="AJ213">
        <f ca="1">ROUND(SQRT((VLOOKUP($A213,városok!$A$2:$C$346,2,0)-VLOOKUP(AJ$1,városok!$A$2:$C$346,2,0))^2+(VLOOKUP($A213,városok!$A$2:$C$346,3,0)-VLOOKUP(AJ$1,városok!$A$2:$C$346,3,0))^2)/1000,0)</f>
        <v>85</v>
      </c>
      <c r="AK213">
        <f ca="1">ROUND(SQRT((VLOOKUP($A213,városok!$A$2:$C$346,2,0)-VLOOKUP(AK$1,városok!$A$2:$C$346,2,0))^2+(VLOOKUP($A213,városok!$A$2:$C$346,3,0)-VLOOKUP(AK$1,városok!$A$2:$C$346,3,0))^2)/1000,0)</f>
        <v>157</v>
      </c>
      <c r="AL213">
        <f ca="1">ROUND(SQRT((VLOOKUP($A213,városok!$A$2:$C$346,2,0)-VLOOKUP(AL$1,városok!$A$2:$C$346,2,0))^2+(VLOOKUP($A213,városok!$A$2:$C$346,3,0)-VLOOKUP(AL$1,városok!$A$2:$C$346,3,0))^2)/1000,0)</f>
        <v>130</v>
      </c>
      <c r="AM213">
        <f ca="1">ROUND(SQRT((VLOOKUP($A213,városok!$A$2:$C$346,2,0)-VLOOKUP(AM$1,városok!$A$2:$C$346,2,0))^2+(VLOOKUP($A213,városok!$A$2:$C$346,3,0)-VLOOKUP(AM$1,városok!$A$2:$C$346,3,0))^2)/1000,0)</f>
        <v>99</v>
      </c>
      <c r="AN213">
        <f ca="1">ROUND(SQRT((VLOOKUP($A213,városok!$A$2:$C$346,2,0)-VLOOKUP(AN$1,városok!$A$2:$C$346,2,0))^2+(VLOOKUP($A213,városok!$A$2:$C$346,3,0)-VLOOKUP(AN$1,városok!$A$2:$C$346,3,0))^2)/1000,0)</f>
        <v>46</v>
      </c>
      <c r="AO213">
        <f ca="1">ROUND(SQRT((VLOOKUP($A213,városok!$A$2:$C$346,2,0)-VLOOKUP(AO$1,városok!$A$2:$C$346,2,0))^2+(VLOOKUP($A213,városok!$A$2:$C$346,3,0)-VLOOKUP(AO$1,városok!$A$2:$C$346,3,0))^2)/1000,0)</f>
        <v>71</v>
      </c>
      <c r="AP213">
        <f ca="1">ROUND(SQRT((VLOOKUP($A213,városok!$A$2:$C$346,2,0)-VLOOKUP(AP$1,városok!$A$2:$C$346,2,0))^2+(VLOOKUP($A213,városok!$A$2:$C$346,3,0)-VLOOKUP(AP$1,városok!$A$2:$C$346,3,0))^2)/1000,0)</f>
        <v>52</v>
      </c>
      <c r="AQ213">
        <f ca="1">ROUND(SQRT((VLOOKUP($A213,városok!$A$2:$C$346,2,0)-VLOOKUP(AQ$1,városok!$A$2:$C$346,2,0))^2+(VLOOKUP($A213,városok!$A$2:$C$346,3,0)-VLOOKUP(AQ$1,városok!$A$2:$C$346,3,0))^2)/1000,0)</f>
        <v>42</v>
      </c>
      <c r="AR213">
        <f ca="1">ROUND(SQRT((VLOOKUP($A213,városok!$A$2:$C$346,2,0)-VLOOKUP(AR$1,városok!$A$2:$C$346,2,0))^2+(VLOOKUP($A213,városok!$A$2:$C$346,3,0)-VLOOKUP(AR$1,városok!$A$2:$C$346,3,0))^2)/1000,0)</f>
        <v>83</v>
      </c>
      <c r="AS213">
        <f ca="1">ROUND(SQRT((VLOOKUP($A213,városok!$A$2:$C$346,2,0)-VLOOKUP(AS$1,városok!$A$2:$C$346,2,0))^2+(VLOOKUP($A213,városok!$A$2:$C$346,3,0)-VLOOKUP(AS$1,városok!$A$2:$C$346,3,0))^2)/1000,0)</f>
        <v>105</v>
      </c>
      <c r="AT213">
        <f ca="1">ROUND(SQRT((VLOOKUP($A213,városok!$A$2:$C$346,2,0)-VLOOKUP(AT$1,városok!$A$2:$C$346,2,0))^2+(VLOOKUP($A213,városok!$A$2:$C$346,3,0)-VLOOKUP(AT$1,városok!$A$2:$C$346,3,0))^2)/1000,0)</f>
        <v>11</v>
      </c>
      <c r="AU213">
        <f ca="1">ROUND(SQRT((VLOOKUP($A213,városok!$A$2:$C$346,2,0)-VLOOKUP(AU$1,városok!$A$2:$C$346,2,0))^2+(VLOOKUP($A213,városok!$A$2:$C$346,3,0)-VLOOKUP(AU$1,városok!$A$2:$C$346,3,0))^2)/1000,0)</f>
        <v>8</v>
      </c>
      <c r="AV213">
        <f ca="1">ROUND(SQRT((VLOOKUP($A213,városok!$A$2:$C$346,2,0)-VLOOKUP(AV$1,városok!$A$2:$C$346,2,0))^2+(VLOOKUP($A213,városok!$A$2:$C$346,3,0)-VLOOKUP(AV$1,városok!$A$2:$C$346,3,0))^2)/1000,0)</f>
        <v>3</v>
      </c>
      <c r="AW213">
        <f ca="1">ROUND(SQRT((VLOOKUP($A213,városok!$A$2:$C$346,2,0)-VLOOKUP(AW$1,városok!$A$2:$C$346,2,0))^2+(VLOOKUP($A213,városok!$A$2:$C$346,3,0)-VLOOKUP(AW$1,városok!$A$2:$C$346,3,0))^2)/1000,0)</f>
        <v>0</v>
      </c>
      <c r="AX213">
        <f ca="1">ROUND(SQRT((VLOOKUP($A213,városok!$A$2:$C$346,2,0)-VLOOKUP(AX$1,városok!$A$2:$C$346,2,0))^2+(VLOOKUP($A213,városok!$A$2:$C$346,3,0)-VLOOKUP(AX$1,városok!$A$2:$C$346,3,0))^2)/1000,0)</f>
        <v>77</v>
      </c>
      <c r="AY213">
        <f ca="1">ROUND(SQRT((VLOOKUP($A213,városok!$A$2:$C$346,2,0)-VLOOKUP(AY$1,városok!$A$2:$C$346,2,0))^2+(VLOOKUP($A213,városok!$A$2:$C$346,3,0)-VLOOKUP(AY$1,városok!$A$2:$C$346,3,0))^2)/1000,0)</f>
        <v>34</v>
      </c>
      <c r="AZ213">
        <f ca="1">ROUND(SQRT((VLOOKUP($A213,városok!$A$2:$C$346,2,0)-VLOOKUP(AZ$1,városok!$A$2:$C$346,2,0))^2+(VLOOKUP($A213,városok!$A$2:$C$346,3,0)-VLOOKUP(AZ$1,városok!$A$2:$C$346,3,0))^2)/1000,0)</f>
        <v>44</v>
      </c>
      <c r="BA213">
        <f ca="1">ROUND(SQRT((VLOOKUP($A213,városok!$A$2:$C$346,2,0)-VLOOKUP(BA$1,városok!$A$2:$C$346,2,0))^2+(VLOOKUP($A213,városok!$A$2:$C$346,3,0)-VLOOKUP(BA$1,városok!$A$2:$C$346,3,0))^2)/1000,0)</f>
        <v>114</v>
      </c>
      <c r="BB213">
        <f ca="1">ROUND(SQRT((VLOOKUP($A213,városok!$A$2:$C$346,2,0)-VLOOKUP(BB$1,városok!$A$2:$C$346,2,0))^2+(VLOOKUP($A213,városok!$A$2:$C$346,3,0)-VLOOKUP(BB$1,városok!$A$2:$C$346,3,0))^2)/1000,0)</f>
        <v>120</v>
      </c>
      <c r="BC213">
        <f ca="1">ROUND(SQRT((VLOOKUP($A213,városok!$A$2:$C$346,2,0)-VLOOKUP(BC$1,városok!$A$2:$C$346,2,0))^2+(VLOOKUP($A213,városok!$A$2:$C$346,3,0)-VLOOKUP(BC$1,városok!$A$2:$C$346,3,0))^2)/1000,0)</f>
        <v>143</v>
      </c>
      <c r="BD213">
        <f ca="1">ROUND(SQRT((VLOOKUP($A213,városok!$A$2:$C$346,2,0)-VLOOKUP(BD$1,városok!$A$2:$C$346,2,0))^2+(VLOOKUP($A213,városok!$A$2:$C$346,3,0)-VLOOKUP(BD$1,városok!$A$2:$C$346,3,0))^2)/1000,0)</f>
        <v>84</v>
      </c>
      <c r="BE213">
        <f ca="1">ROUND(SQRT((VLOOKUP($A213,városok!$A$2:$C$346,2,0)-VLOOKUP(BE$1,városok!$A$2:$C$346,2,0))^2+(VLOOKUP($A213,városok!$A$2:$C$346,3,0)-VLOOKUP(BE$1,városok!$A$2:$C$346,3,0))^2)/1000,0)</f>
        <v>287</v>
      </c>
      <c r="BF213">
        <f ca="1">ROUND(SQRT((VLOOKUP($A213,városok!$A$2:$C$346,2,0)-VLOOKUP(BF$1,városok!$A$2:$C$346,2,0))^2+(VLOOKUP($A213,városok!$A$2:$C$346,3,0)-VLOOKUP(BF$1,városok!$A$2:$C$346,3,0))^2)/1000,0)</f>
        <v>254</v>
      </c>
      <c r="BG213">
        <f ca="1">ROUND(SQRT((VLOOKUP($A213,városok!$A$2:$C$346,2,0)-VLOOKUP(BG$1,városok!$A$2:$C$346,2,0))^2+(VLOOKUP($A213,városok!$A$2:$C$346,3,0)-VLOOKUP(BG$1,városok!$A$2:$C$346,3,0))^2)/1000,0)</f>
        <v>208</v>
      </c>
      <c r="BH213">
        <f ca="1">ROUND(SQRT((VLOOKUP($A213,városok!$A$2:$C$346,2,0)-VLOOKUP(BH$1,városok!$A$2:$C$346,2,0))^2+(VLOOKUP($A213,városok!$A$2:$C$346,3,0)-VLOOKUP(BH$1,városok!$A$2:$C$346,3,0))^2)/1000,0)</f>
        <v>208</v>
      </c>
      <c r="BI213">
        <f ca="1">ROUND(SQRT((VLOOKUP($A213,városok!$A$2:$C$346,2,0)-VLOOKUP(BI$1,városok!$A$2:$C$346,2,0))^2+(VLOOKUP($A213,városok!$A$2:$C$346,3,0)-VLOOKUP(BI$1,városok!$A$2:$C$346,3,0))^2)/1000,0)</f>
        <v>113</v>
      </c>
      <c r="BJ213">
        <f ca="1">ROUND(SQRT((VLOOKUP($A213,városok!$A$2:$C$346,2,0)-VLOOKUP(BJ$1,városok!$A$2:$C$346,2,0))^2+(VLOOKUP($A213,városok!$A$2:$C$346,3,0)-VLOOKUP(BJ$1,városok!$A$2:$C$346,3,0))^2)/1000,0)</f>
        <v>128</v>
      </c>
      <c r="BK213">
        <f ca="1">ROUND(SQRT((VLOOKUP($A213,városok!$A$2:$C$346,2,0)-VLOOKUP(BK$1,városok!$A$2:$C$346,2,0))^2+(VLOOKUP($A213,városok!$A$2:$C$346,3,0)-VLOOKUP(BK$1,városok!$A$2:$C$346,3,0))^2)/1000,0)</f>
        <v>117</v>
      </c>
      <c r="BL213">
        <f ca="1">ROUND(SQRT((VLOOKUP($A213,városok!$A$2:$C$346,2,0)-VLOOKUP(BL$1,városok!$A$2:$C$346,2,0))^2+(VLOOKUP($A213,városok!$A$2:$C$346,3,0)-VLOOKUP(BL$1,városok!$A$2:$C$346,3,0))^2)/1000,0)</f>
        <v>180</v>
      </c>
      <c r="BM213">
        <f ca="1">ROUND(SQRT((VLOOKUP($A213,városok!$A$2:$C$346,2,0)-VLOOKUP(BM$1,városok!$A$2:$C$346,2,0))^2+(VLOOKUP($A213,városok!$A$2:$C$346,3,0)-VLOOKUP(BM$1,városok!$A$2:$C$346,3,0))^2)/1000,0)</f>
        <v>150</v>
      </c>
      <c r="BN213">
        <f ca="1">ROUND(SQRT((VLOOKUP($A213,városok!$A$2:$C$346,2,0)-VLOOKUP(BN$1,városok!$A$2:$C$346,2,0))^2+(VLOOKUP($A213,városok!$A$2:$C$346,3,0)-VLOOKUP(BN$1,városok!$A$2:$C$346,3,0))^2)/1000,0)</f>
        <v>174</v>
      </c>
      <c r="BO213">
        <f ca="1">ROUND(SQRT((VLOOKUP($A213,városok!$A$2:$C$346,2,0)-VLOOKUP(BO$1,városok!$A$2:$C$346,2,0))^2+(VLOOKUP($A213,városok!$A$2:$C$346,3,0)-VLOOKUP(BO$1,városok!$A$2:$C$346,3,0))^2)/1000,0)</f>
        <v>79</v>
      </c>
      <c r="BP213">
        <f ca="1">ROUND(SQRT((VLOOKUP($A213,városok!$A$2:$C$346,2,0)-VLOOKUP(BP$1,városok!$A$2:$C$346,2,0))^2+(VLOOKUP($A213,városok!$A$2:$C$346,3,0)-VLOOKUP(BP$1,városok!$A$2:$C$346,3,0))^2)/1000,0)</f>
        <v>73</v>
      </c>
      <c r="BQ213">
        <f ca="1">ROUND(SQRT((VLOOKUP($A213,városok!$A$2:$C$346,2,0)-VLOOKUP(BQ$1,városok!$A$2:$C$346,2,0))^2+(VLOOKUP($A213,városok!$A$2:$C$346,3,0)-VLOOKUP(BQ$1,városok!$A$2:$C$346,3,0))^2)/1000,0)</f>
        <v>83</v>
      </c>
      <c r="BR213">
        <f ca="1">ROUND(SQRT((VLOOKUP($A213,városok!$A$2:$C$346,2,0)-VLOOKUP(BR$1,városok!$A$2:$C$346,2,0))^2+(VLOOKUP($A213,városok!$A$2:$C$346,3,0)-VLOOKUP(BR$1,városok!$A$2:$C$346,3,0))^2)/1000,0)</f>
        <v>144</v>
      </c>
      <c r="BS213">
        <f ca="1">ROUND(SQRT((VLOOKUP($A213,városok!$A$2:$C$346,2,0)-VLOOKUP(BS$1,városok!$A$2:$C$346,2,0))^2+(VLOOKUP($A213,városok!$A$2:$C$346,3,0)-VLOOKUP(BS$1,városok!$A$2:$C$346,3,0))^2)/1000,0)</f>
        <v>180</v>
      </c>
      <c r="BT213">
        <f ca="1">ROUND(SQRT((VLOOKUP($A213,városok!$A$2:$C$346,2,0)-VLOOKUP(BT$1,városok!$A$2:$C$346,2,0))^2+(VLOOKUP($A213,városok!$A$2:$C$346,3,0)-VLOOKUP(BT$1,városok!$A$2:$C$346,3,0))^2)/1000,0)</f>
        <v>169</v>
      </c>
    </row>
    <row r="214" spans="1:72" x14ac:dyDescent="0.2">
      <c r="A214" t="str">
        <f>városok!A214</f>
        <v>Fót</v>
      </c>
      <c r="B214">
        <f ca="1">ROUND(SQRT((VLOOKUP($A214,városok!$A$2:$C$346,2,0)-VLOOKUP(B$1,városok!$A$2:$C$346,2,0))^2+(VLOOKUP($A214,városok!$A$2:$C$346,3,0)-VLOOKUP(B$1,városok!$A$2:$C$346,3,0))^2)/1000,0)</f>
        <v>160</v>
      </c>
      <c r="C214">
        <f ca="1">ROUND(SQRT((VLOOKUP($A214,városok!$A$2:$C$346,2,0)-VLOOKUP(C$1,városok!$A$2:$C$346,2,0))^2+(VLOOKUP($A214,városok!$A$2:$C$346,3,0)-VLOOKUP(C$1,városok!$A$2:$C$346,3,0))^2)/1000,0)</f>
        <v>122</v>
      </c>
      <c r="D214">
        <f ca="1">ROUND(SQRT((VLOOKUP($A214,városok!$A$2:$C$346,2,0)-VLOOKUP(D$1,városok!$A$2:$C$346,2,0))^2+(VLOOKUP($A214,városok!$A$2:$C$346,3,0)-VLOOKUP(D$1,városok!$A$2:$C$346,3,0))^2)/1000,0)</f>
        <v>87</v>
      </c>
      <c r="E214">
        <f ca="1">ROUND(SQRT((VLOOKUP($A214,városok!$A$2:$C$346,2,0)-VLOOKUP(E$1,városok!$A$2:$C$346,2,0))^2+(VLOOKUP($A214,városok!$A$2:$C$346,3,0)-VLOOKUP(E$1,városok!$A$2:$C$346,3,0))^2)/1000,0)</f>
        <v>174</v>
      </c>
      <c r="F214">
        <f ca="1">ROUND(SQRT((VLOOKUP($A214,városok!$A$2:$C$346,2,0)-VLOOKUP(F$1,városok!$A$2:$C$346,2,0))^2+(VLOOKUP($A214,városok!$A$2:$C$346,3,0)-VLOOKUP(F$1,városok!$A$2:$C$346,3,0))^2)/1000,0)</f>
        <v>185</v>
      </c>
      <c r="G214">
        <f ca="1">ROUND(SQRT((VLOOKUP($A214,városok!$A$2:$C$346,2,0)-VLOOKUP(G$1,városok!$A$2:$C$346,2,0))^2+(VLOOKUP($A214,városok!$A$2:$C$346,3,0)-VLOOKUP(G$1,városok!$A$2:$C$346,3,0))^2)/1000,0)</f>
        <v>186</v>
      </c>
      <c r="H214">
        <f ca="1">ROUND(SQRT((VLOOKUP($A214,városok!$A$2:$C$346,2,0)-VLOOKUP(H$1,városok!$A$2:$C$346,2,0))^2+(VLOOKUP($A214,városok!$A$2:$C$346,3,0)-VLOOKUP(H$1,városok!$A$2:$C$346,3,0))^2)/1000,0)</f>
        <v>204</v>
      </c>
      <c r="I214">
        <f ca="1">ROUND(SQRT((VLOOKUP($A214,városok!$A$2:$C$346,2,0)-VLOOKUP(I$1,városok!$A$2:$C$346,2,0))^2+(VLOOKUP($A214,városok!$A$2:$C$346,3,0)-VLOOKUP(I$1,városok!$A$2:$C$346,3,0))^2)/1000,0)</f>
        <v>177</v>
      </c>
      <c r="J214">
        <f ca="1">ROUND(SQRT((VLOOKUP($A214,városok!$A$2:$C$346,2,0)-VLOOKUP(J$1,városok!$A$2:$C$346,2,0))^2+(VLOOKUP($A214,városok!$A$2:$C$346,3,0)-VLOOKUP(J$1,városok!$A$2:$C$346,3,0))^2)/1000,0)</f>
        <v>191</v>
      </c>
      <c r="K214">
        <f ca="1">ROUND(SQRT((VLOOKUP($A214,városok!$A$2:$C$346,2,0)-VLOOKUP(K$1,városok!$A$2:$C$346,2,0))^2+(VLOOKUP($A214,városok!$A$2:$C$346,3,0)-VLOOKUP(K$1,városok!$A$2:$C$346,3,0))^2)/1000,0)</f>
        <v>162</v>
      </c>
      <c r="L214">
        <f ca="1">ROUND(SQRT((VLOOKUP($A214,városok!$A$2:$C$346,2,0)-VLOOKUP(L$1,városok!$A$2:$C$346,2,0))^2+(VLOOKUP($A214,városok!$A$2:$C$346,3,0)-VLOOKUP(L$1,városok!$A$2:$C$346,3,0))^2)/1000,0)</f>
        <v>129</v>
      </c>
      <c r="M214">
        <f ca="1">ROUND(SQRT((VLOOKUP($A214,városok!$A$2:$C$346,2,0)-VLOOKUP(M$1,városok!$A$2:$C$346,2,0))^2+(VLOOKUP($A214,városok!$A$2:$C$346,3,0)-VLOOKUP(M$1,városok!$A$2:$C$346,3,0))^2)/1000,0)</f>
        <v>132</v>
      </c>
      <c r="N214">
        <f ca="1">ROUND(SQRT((VLOOKUP($A214,városok!$A$2:$C$346,2,0)-VLOOKUP(N$1,városok!$A$2:$C$346,2,0))^2+(VLOOKUP($A214,városok!$A$2:$C$346,3,0)-VLOOKUP(N$1,városok!$A$2:$C$346,3,0))^2)/1000,0)</f>
        <v>106</v>
      </c>
      <c r="O214">
        <f ca="1">ROUND(SQRT((VLOOKUP($A214,városok!$A$2:$C$346,2,0)-VLOOKUP(O$1,városok!$A$2:$C$346,2,0))^2+(VLOOKUP($A214,városok!$A$2:$C$346,3,0)-VLOOKUP(O$1,városok!$A$2:$C$346,3,0))^2)/1000,0)</f>
        <v>203</v>
      </c>
      <c r="P214">
        <f ca="1">ROUND(SQRT((VLOOKUP($A214,városok!$A$2:$C$346,2,0)-VLOOKUP(P$1,városok!$A$2:$C$346,2,0))^2+(VLOOKUP($A214,városok!$A$2:$C$346,3,0)-VLOOKUP(P$1,városok!$A$2:$C$346,3,0))^2)/1000,0)</f>
        <v>203</v>
      </c>
      <c r="Q214">
        <f ca="1">ROUND(SQRT((VLOOKUP($A214,városok!$A$2:$C$346,2,0)-VLOOKUP(Q$1,városok!$A$2:$C$346,2,0))^2+(VLOOKUP($A214,városok!$A$2:$C$346,3,0)-VLOOKUP(Q$1,városok!$A$2:$C$346,3,0))^2)/1000,0)</f>
        <v>158</v>
      </c>
      <c r="R214">
        <f ca="1">ROUND(SQRT((VLOOKUP($A214,városok!$A$2:$C$346,2,0)-VLOOKUP(R$1,városok!$A$2:$C$346,2,0))^2+(VLOOKUP($A214,városok!$A$2:$C$346,3,0)-VLOOKUP(R$1,városok!$A$2:$C$346,3,0))^2)/1000,0)</f>
        <v>184</v>
      </c>
      <c r="S214">
        <f ca="1">ROUND(SQRT((VLOOKUP($A214,városok!$A$2:$C$346,2,0)-VLOOKUP(S$1,városok!$A$2:$C$346,2,0))^2+(VLOOKUP($A214,városok!$A$2:$C$346,3,0)-VLOOKUP(S$1,városok!$A$2:$C$346,3,0))^2)/1000,0)</f>
        <v>169</v>
      </c>
      <c r="T214">
        <f ca="1">ROUND(SQRT((VLOOKUP($A214,városok!$A$2:$C$346,2,0)-VLOOKUP(T$1,városok!$A$2:$C$346,2,0))^2+(VLOOKUP($A214,városok!$A$2:$C$346,3,0)-VLOOKUP(T$1,városok!$A$2:$C$346,3,0))^2)/1000,0)</f>
        <v>44</v>
      </c>
      <c r="U214">
        <f ca="1">ROUND(SQRT((VLOOKUP($A214,városok!$A$2:$C$346,2,0)-VLOOKUP(U$1,városok!$A$2:$C$346,2,0))^2+(VLOOKUP($A214,városok!$A$2:$C$346,3,0)-VLOOKUP(U$1,városok!$A$2:$C$346,3,0))^2)/1000,0)</f>
        <v>75</v>
      </c>
      <c r="V214">
        <f ca="1">ROUND(SQRT((VLOOKUP($A214,városok!$A$2:$C$346,2,0)-VLOOKUP(V$1,városok!$A$2:$C$346,2,0))^2+(VLOOKUP($A214,városok!$A$2:$C$346,3,0)-VLOOKUP(V$1,városok!$A$2:$C$346,3,0))^2)/1000,0)</f>
        <v>91</v>
      </c>
      <c r="W214">
        <f ca="1">ROUND(SQRT((VLOOKUP($A214,városok!$A$2:$C$346,2,0)-VLOOKUP(W$1,városok!$A$2:$C$346,2,0))^2+(VLOOKUP($A214,városok!$A$2:$C$346,3,0)-VLOOKUP(W$1,városok!$A$2:$C$346,3,0))^2)/1000,0)</f>
        <v>92</v>
      </c>
      <c r="X214">
        <f ca="1">ROUND(SQRT((VLOOKUP($A214,városok!$A$2:$C$346,2,0)-VLOOKUP(X$1,városok!$A$2:$C$346,2,0))^2+(VLOOKUP($A214,városok!$A$2:$C$346,3,0)-VLOOKUP(X$1,városok!$A$2:$C$346,3,0))^2)/1000,0)</f>
        <v>75</v>
      </c>
      <c r="Y214">
        <f ca="1">ROUND(SQRT((VLOOKUP($A214,városok!$A$2:$C$346,2,0)-VLOOKUP(Y$1,városok!$A$2:$C$346,2,0))^2+(VLOOKUP($A214,városok!$A$2:$C$346,3,0)-VLOOKUP(Y$1,városok!$A$2:$C$346,3,0))^2)/1000,0)</f>
        <v>117</v>
      </c>
      <c r="Z214">
        <f ca="1">ROUND(SQRT((VLOOKUP($A214,városok!$A$2:$C$346,2,0)-VLOOKUP(Z$1,városok!$A$2:$C$346,2,0))^2+(VLOOKUP($A214,városok!$A$2:$C$346,3,0)-VLOOKUP(Z$1,városok!$A$2:$C$346,3,0))^2)/1000,0)</f>
        <v>136</v>
      </c>
      <c r="AA214">
        <f ca="1">ROUND(SQRT((VLOOKUP($A214,városok!$A$2:$C$346,2,0)-VLOOKUP(AA$1,városok!$A$2:$C$346,2,0))^2+(VLOOKUP($A214,városok!$A$2:$C$346,3,0)-VLOOKUP(AA$1,városok!$A$2:$C$346,3,0))^2)/1000,0)</f>
        <v>196</v>
      </c>
      <c r="AB214">
        <f ca="1">ROUND(SQRT((VLOOKUP($A214,városok!$A$2:$C$346,2,0)-VLOOKUP(AB$1,városok!$A$2:$C$346,2,0))^2+(VLOOKUP($A214,városok!$A$2:$C$346,3,0)-VLOOKUP(AB$1,városok!$A$2:$C$346,3,0))^2)/1000,0)</f>
        <v>184</v>
      </c>
      <c r="AC214">
        <f ca="1">ROUND(SQRT((VLOOKUP($A214,városok!$A$2:$C$346,2,0)-VLOOKUP(AC$1,városok!$A$2:$C$346,2,0))^2+(VLOOKUP($A214,városok!$A$2:$C$346,3,0)-VLOOKUP(AC$1,városok!$A$2:$C$346,3,0))^2)/1000,0)</f>
        <v>167</v>
      </c>
      <c r="AD214">
        <f ca="1">ROUND(SQRT((VLOOKUP($A214,városok!$A$2:$C$346,2,0)-VLOOKUP(AD$1,városok!$A$2:$C$346,2,0))^2+(VLOOKUP($A214,városok!$A$2:$C$346,3,0)-VLOOKUP(AD$1,városok!$A$2:$C$346,3,0))^2)/1000,0)</f>
        <v>150</v>
      </c>
      <c r="AE214">
        <f ca="1">ROUND(SQRT((VLOOKUP($A214,városok!$A$2:$C$346,2,0)-VLOOKUP(AE$1,városok!$A$2:$C$346,2,0))^2+(VLOOKUP($A214,városok!$A$2:$C$346,3,0)-VLOOKUP(AE$1,városok!$A$2:$C$346,3,0))^2)/1000,0)</f>
        <v>154</v>
      </c>
      <c r="AF214">
        <f ca="1">ROUND(SQRT((VLOOKUP($A214,városok!$A$2:$C$346,2,0)-VLOOKUP(AF$1,városok!$A$2:$C$346,2,0))^2+(VLOOKUP($A214,városok!$A$2:$C$346,3,0)-VLOOKUP(AF$1,városok!$A$2:$C$346,3,0))^2)/1000,0)</f>
        <v>94</v>
      </c>
      <c r="AG214">
        <f ca="1">ROUND(SQRT((VLOOKUP($A214,városok!$A$2:$C$346,2,0)-VLOOKUP(AG$1,városok!$A$2:$C$346,2,0))^2+(VLOOKUP($A214,városok!$A$2:$C$346,3,0)-VLOOKUP(AG$1,városok!$A$2:$C$346,3,0))^2)/1000,0)</f>
        <v>58</v>
      </c>
      <c r="AH214">
        <f ca="1">ROUND(SQRT((VLOOKUP($A214,városok!$A$2:$C$346,2,0)-VLOOKUP(AH$1,városok!$A$2:$C$346,2,0))^2+(VLOOKUP($A214,városok!$A$2:$C$346,3,0)-VLOOKUP(AH$1,városok!$A$2:$C$346,3,0))^2)/1000,0)</f>
        <v>37</v>
      </c>
      <c r="AI214">
        <f ca="1">ROUND(SQRT((VLOOKUP($A214,városok!$A$2:$C$346,2,0)-VLOOKUP(AI$1,városok!$A$2:$C$346,2,0))^2+(VLOOKUP($A214,városok!$A$2:$C$346,3,0)-VLOOKUP(AI$1,városok!$A$2:$C$346,3,0))^2)/1000,0)</f>
        <v>81</v>
      </c>
      <c r="AJ214">
        <f ca="1">ROUND(SQRT((VLOOKUP($A214,városok!$A$2:$C$346,2,0)-VLOOKUP(AJ$1,városok!$A$2:$C$346,2,0))^2+(VLOOKUP($A214,városok!$A$2:$C$346,3,0)-VLOOKUP(AJ$1,városok!$A$2:$C$346,3,0))^2)/1000,0)</f>
        <v>59</v>
      </c>
      <c r="AK214">
        <f ca="1">ROUND(SQRT((VLOOKUP($A214,városok!$A$2:$C$346,2,0)-VLOOKUP(AK$1,városok!$A$2:$C$346,2,0))^2+(VLOOKUP($A214,városok!$A$2:$C$346,3,0)-VLOOKUP(AK$1,városok!$A$2:$C$346,3,0))^2)/1000,0)</f>
        <v>140</v>
      </c>
      <c r="AL214">
        <f ca="1">ROUND(SQRT((VLOOKUP($A214,városok!$A$2:$C$346,2,0)-VLOOKUP(AL$1,városok!$A$2:$C$346,2,0))^2+(VLOOKUP($A214,városok!$A$2:$C$346,3,0)-VLOOKUP(AL$1,városok!$A$2:$C$346,3,0))^2)/1000,0)</f>
        <v>112</v>
      </c>
      <c r="AM214">
        <f ca="1">ROUND(SQRT((VLOOKUP($A214,városok!$A$2:$C$346,2,0)-VLOOKUP(AM$1,városok!$A$2:$C$346,2,0))^2+(VLOOKUP($A214,városok!$A$2:$C$346,3,0)-VLOOKUP(AM$1,városok!$A$2:$C$346,3,0))^2)/1000,0)</f>
        <v>89</v>
      </c>
      <c r="AN214">
        <f ca="1">ROUND(SQRT((VLOOKUP($A214,városok!$A$2:$C$346,2,0)-VLOOKUP(AN$1,városok!$A$2:$C$346,2,0))^2+(VLOOKUP($A214,városok!$A$2:$C$346,3,0)-VLOOKUP(AN$1,városok!$A$2:$C$346,3,0))^2)/1000,0)</f>
        <v>39</v>
      </c>
      <c r="AO214">
        <f ca="1">ROUND(SQRT((VLOOKUP($A214,városok!$A$2:$C$346,2,0)-VLOOKUP(AO$1,városok!$A$2:$C$346,2,0))^2+(VLOOKUP($A214,városok!$A$2:$C$346,3,0)-VLOOKUP(AO$1,városok!$A$2:$C$346,3,0))^2)/1000,0)</f>
        <v>81</v>
      </c>
      <c r="AP214">
        <f ca="1">ROUND(SQRT((VLOOKUP($A214,városok!$A$2:$C$346,2,0)-VLOOKUP(AP$1,városok!$A$2:$C$346,2,0))^2+(VLOOKUP($A214,városok!$A$2:$C$346,3,0)-VLOOKUP(AP$1,városok!$A$2:$C$346,3,0))^2)/1000,0)</f>
        <v>65</v>
      </c>
      <c r="AQ214">
        <f ca="1">ROUND(SQRT((VLOOKUP($A214,városok!$A$2:$C$346,2,0)-VLOOKUP(AQ$1,városok!$A$2:$C$346,2,0))^2+(VLOOKUP($A214,városok!$A$2:$C$346,3,0)-VLOOKUP(AQ$1,városok!$A$2:$C$346,3,0))^2)/1000,0)</f>
        <v>59</v>
      </c>
      <c r="AR214">
        <f ca="1">ROUND(SQRT((VLOOKUP($A214,városok!$A$2:$C$346,2,0)-VLOOKUP(AR$1,városok!$A$2:$C$346,2,0))^2+(VLOOKUP($A214,városok!$A$2:$C$346,3,0)-VLOOKUP(AR$1,városok!$A$2:$C$346,3,0))^2)/1000,0)</f>
        <v>51</v>
      </c>
      <c r="AS214">
        <f ca="1">ROUND(SQRT((VLOOKUP($A214,városok!$A$2:$C$346,2,0)-VLOOKUP(AS$1,városok!$A$2:$C$346,2,0))^2+(VLOOKUP($A214,városok!$A$2:$C$346,3,0)-VLOOKUP(AS$1,városok!$A$2:$C$346,3,0))^2)/1000,0)</f>
        <v>72</v>
      </c>
      <c r="AT214">
        <f ca="1">ROUND(SQRT((VLOOKUP($A214,városok!$A$2:$C$346,2,0)-VLOOKUP(AT$1,városok!$A$2:$C$346,2,0))^2+(VLOOKUP($A214,városok!$A$2:$C$346,3,0)-VLOOKUP(AT$1,városok!$A$2:$C$346,3,0))^2)/1000,0)</f>
        <v>32</v>
      </c>
      <c r="AU214">
        <f ca="1">ROUND(SQRT((VLOOKUP($A214,városok!$A$2:$C$346,2,0)-VLOOKUP(AU$1,városok!$A$2:$C$346,2,0))^2+(VLOOKUP($A214,városok!$A$2:$C$346,3,0)-VLOOKUP(AU$1,városok!$A$2:$C$346,3,0))^2)/1000,0)</f>
        <v>25</v>
      </c>
      <c r="AV214">
        <f ca="1">ROUND(SQRT((VLOOKUP($A214,városok!$A$2:$C$346,2,0)-VLOOKUP(AV$1,városok!$A$2:$C$346,2,0))^2+(VLOOKUP($A214,városok!$A$2:$C$346,3,0)-VLOOKUP(AV$1,városok!$A$2:$C$346,3,0))^2)/1000,0)</f>
        <v>29</v>
      </c>
      <c r="AW214">
        <f ca="1">ROUND(SQRT((VLOOKUP($A214,városok!$A$2:$C$346,2,0)-VLOOKUP(AW$1,városok!$A$2:$C$346,2,0))^2+(VLOOKUP($A214,városok!$A$2:$C$346,3,0)-VLOOKUP(AW$1,városok!$A$2:$C$346,3,0))^2)/1000,0)</f>
        <v>32</v>
      </c>
      <c r="AX214">
        <f ca="1">ROUND(SQRT((VLOOKUP($A214,városok!$A$2:$C$346,2,0)-VLOOKUP(AX$1,városok!$A$2:$C$346,2,0))^2+(VLOOKUP($A214,városok!$A$2:$C$346,3,0)-VLOOKUP(AX$1,városok!$A$2:$C$346,3,0))^2)/1000,0)</f>
        <v>79</v>
      </c>
      <c r="AY214">
        <f ca="1">ROUND(SQRT((VLOOKUP($A214,városok!$A$2:$C$346,2,0)-VLOOKUP(AY$1,városok!$A$2:$C$346,2,0))^2+(VLOOKUP($A214,városok!$A$2:$C$346,3,0)-VLOOKUP(AY$1,városok!$A$2:$C$346,3,0))^2)/1000,0)</f>
        <v>12</v>
      </c>
      <c r="AZ214">
        <f ca="1">ROUND(SQRT((VLOOKUP($A214,városok!$A$2:$C$346,2,0)-VLOOKUP(AZ$1,városok!$A$2:$C$346,2,0))^2+(VLOOKUP($A214,városok!$A$2:$C$346,3,0)-VLOOKUP(AZ$1,városok!$A$2:$C$346,3,0))^2)/1000,0)</f>
        <v>25</v>
      </c>
      <c r="BA214">
        <f ca="1">ROUND(SQRT((VLOOKUP($A214,városok!$A$2:$C$346,2,0)-VLOOKUP(BA$1,városok!$A$2:$C$346,2,0))^2+(VLOOKUP($A214,városok!$A$2:$C$346,3,0)-VLOOKUP(BA$1,városok!$A$2:$C$346,3,0))^2)/1000,0)</f>
        <v>146</v>
      </c>
      <c r="BB214">
        <f ca="1">ROUND(SQRT((VLOOKUP($A214,városok!$A$2:$C$346,2,0)-VLOOKUP(BB$1,városok!$A$2:$C$346,2,0))^2+(VLOOKUP($A214,városok!$A$2:$C$346,3,0)-VLOOKUP(BB$1,városok!$A$2:$C$346,3,0))^2)/1000,0)</f>
        <v>153</v>
      </c>
      <c r="BC214">
        <f ca="1">ROUND(SQRT((VLOOKUP($A214,városok!$A$2:$C$346,2,0)-VLOOKUP(BC$1,városok!$A$2:$C$346,2,0))^2+(VLOOKUP($A214,városok!$A$2:$C$346,3,0)-VLOOKUP(BC$1,városok!$A$2:$C$346,3,0))^2)/1000,0)</f>
        <v>176</v>
      </c>
      <c r="BD214">
        <f ca="1">ROUND(SQRT((VLOOKUP($A214,városok!$A$2:$C$346,2,0)-VLOOKUP(BD$1,városok!$A$2:$C$346,2,0))^2+(VLOOKUP($A214,városok!$A$2:$C$346,3,0)-VLOOKUP(BD$1,városok!$A$2:$C$346,3,0))^2)/1000,0)</f>
        <v>116</v>
      </c>
      <c r="BE214">
        <f ca="1">ROUND(SQRT((VLOOKUP($A214,városok!$A$2:$C$346,2,0)-VLOOKUP(BE$1,városok!$A$2:$C$346,2,0))^2+(VLOOKUP($A214,városok!$A$2:$C$346,3,0)-VLOOKUP(BE$1,városok!$A$2:$C$346,3,0))^2)/1000,0)</f>
        <v>262</v>
      </c>
      <c r="BF214">
        <f ca="1">ROUND(SQRT((VLOOKUP($A214,városok!$A$2:$C$346,2,0)-VLOOKUP(BF$1,városok!$A$2:$C$346,2,0))^2+(VLOOKUP($A214,városok!$A$2:$C$346,3,0)-VLOOKUP(BF$1,városok!$A$2:$C$346,3,0))^2)/1000,0)</f>
        <v>226</v>
      </c>
      <c r="BG214">
        <f ca="1">ROUND(SQRT((VLOOKUP($A214,városok!$A$2:$C$346,2,0)-VLOOKUP(BG$1,városok!$A$2:$C$346,2,0))^2+(VLOOKUP($A214,városok!$A$2:$C$346,3,0)-VLOOKUP(BG$1,városok!$A$2:$C$346,3,0))^2)/1000,0)</f>
        <v>179</v>
      </c>
      <c r="BH214">
        <f ca="1">ROUND(SQRT((VLOOKUP($A214,városok!$A$2:$C$346,2,0)-VLOOKUP(BH$1,városok!$A$2:$C$346,2,0))^2+(VLOOKUP($A214,városok!$A$2:$C$346,3,0)-VLOOKUP(BH$1,városok!$A$2:$C$346,3,0))^2)/1000,0)</f>
        <v>179</v>
      </c>
      <c r="BI214">
        <f ca="1">ROUND(SQRT((VLOOKUP($A214,városok!$A$2:$C$346,2,0)-VLOOKUP(BI$1,városok!$A$2:$C$346,2,0))^2+(VLOOKUP($A214,városok!$A$2:$C$346,3,0)-VLOOKUP(BI$1,városok!$A$2:$C$346,3,0))^2)/1000,0)</f>
        <v>142</v>
      </c>
      <c r="BJ214">
        <f ca="1">ROUND(SQRT((VLOOKUP($A214,városok!$A$2:$C$346,2,0)-VLOOKUP(BJ$1,városok!$A$2:$C$346,2,0))^2+(VLOOKUP($A214,városok!$A$2:$C$346,3,0)-VLOOKUP(BJ$1,városok!$A$2:$C$346,3,0))^2)/1000,0)</f>
        <v>158</v>
      </c>
      <c r="BK214">
        <f ca="1">ROUND(SQRT((VLOOKUP($A214,városok!$A$2:$C$346,2,0)-VLOOKUP(BK$1,városok!$A$2:$C$346,2,0))^2+(VLOOKUP($A214,városok!$A$2:$C$346,3,0)-VLOOKUP(BK$1,városok!$A$2:$C$346,3,0))^2)/1000,0)</f>
        <v>146</v>
      </c>
      <c r="BL214">
        <f ca="1">ROUND(SQRT((VLOOKUP($A214,városok!$A$2:$C$346,2,0)-VLOOKUP(BL$1,városok!$A$2:$C$346,2,0))^2+(VLOOKUP($A214,városok!$A$2:$C$346,3,0)-VLOOKUP(BL$1,városok!$A$2:$C$346,3,0))^2)/1000,0)</f>
        <v>207</v>
      </c>
      <c r="BM214">
        <f ca="1">ROUND(SQRT((VLOOKUP($A214,városok!$A$2:$C$346,2,0)-VLOOKUP(BM$1,városok!$A$2:$C$346,2,0))^2+(VLOOKUP($A214,városok!$A$2:$C$346,3,0)-VLOOKUP(BM$1,városok!$A$2:$C$346,3,0))^2)/1000,0)</f>
        <v>175</v>
      </c>
      <c r="BN214">
        <f ca="1">ROUND(SQRT((VLOOKUP($A214,városok!$A$2:$C$346,2,0)-VLOOKUP(BN$1,városok!$A$2:$C$346,2,0))^2+(VLOOKUP($A214,városok!$A$2:$C$346,3,0)-VLOOKUP(BN$1,városok!$A$2:$C$346,3,0))^2)/1000,0)</f>
        <v>198</v>
      </c>
      <c r="BO214">
        <f ca="1">ROUND(SQRT((VLOOKUP($A214,városok!$A$2:$C$346,2,0)-VLOOKUP(BO$1,városok!$A$2:$C$346,2,0))^2+(VLOOKUP($A214,városok!$A$2:$C$346,3,0)-VLOOKUP(BO$1,városok!$A$2:$C$346,3,0))^2)/1000,0)</f>
        <v>110</v>
      </c>
      <c r="BP214">
        <f ca="1">ROUND(SQRT((VLOOKUP($A214,városok!$A$2:$C$346,2,0)-VLOOKUP(BP$1,városok!$A$2:$C$346,2,0))^2+(VLOOKUP($A214,városok!$A$2:$C$346,3,0)-VLOOKUP(BP$1,városok!$A$2:$C$346,3,0))^2)/1000,0)</f>
        <v>104</v>
      </c>
      <c r="BQ214">
        <f ca="1">ROUND(SQRT((VLOOKUP($A214,városok!$A$2:$C$346,2,0)-VLOOKUP(BQ$1,városok!$A$2:$C$346,2,0))^2+(VLOOKUP($A214,városok!$A$2:$C$346,3,0)-VLOOKUP(BQ$1,városok!$A$2:$C$346,3,0))^2)/1000,0)</f>
        <v>113</v>
      </c>
      <c r="BR214">
        <f ca="1">ROUND(SQRT((VLOOKUP($A214,városok!$A$2:$C$346,2,0)-VLOOKUP(BR$1,városok!$A$2:$C$346,2,0))^2+(VLOOKUP($A214,városok!$A$2:$C$346,3,0)-VLOOKUP(BR$1,városok!$A$2:$C$346,3,0))^2)/1000,0)</f>
        <v>174</v>
      </c>
      <c r="BS214">
        <f ca="1">ROUND(SQRT((VLOOKUP($A214,városok!$A$2:$C$346,2,0)-VLOOKUP(BS$1,városok!$A$2:$C$346,2,0))^2+(VLOOKUP($A214,városok!$A$2:$C$346,3,0)-VLOOKUP(BS$1,városok!$A$2:$C$346,3,0))^2)/1000,0)</f>
        <v>212</v>
      </c>
      <c r="BT214">
        <f ca="1">ROUND(SQRT((VLOOKUP($A214,városok!$A$2:$C$346,2,0)-VLOOKUP(BT$1,városok!$A$2:$C$346,2,0))^2+(VLOOKUP($A214,városok!$A$2:$C$346,3,0)-VLOOKUP(BT$1,városok!$A$2:$C$346,3,0))^2)/1000,0)</f>
        <v>198</v>
      </c>
    </row>
    <row r="215" spans="1:72" x14ac:dyDescent="0.2">
      <c r="A215" t="str">
        <f>városok!A215</f>
        <v>Göd</v>
      </c>
      <c r="B215">
        <f ca="1">ROUND(SQRT((VLOOKUP($A215,városok!$A$2:$C$346,2,0)-VLOOKUP(B$1,városok!$A$2:$C$346,2,0))^2+(VLOOKUP($A215,városok!$A$2:$C$346,3,0)-VLOOKUP(B$1,városok!$A$2:$C$346,3,0))^2)/1000,0)</f>
        <v>168</v>
      </c>
      <c r="C215">
        <f ca="1">ROUND(SQRT((VLOOKUP($A215,városok!$A$2:$C$346,2,0)-VLOOKUP(C$1,városok!$A$2:$C$346,2,0))^2+(VLOOKUP($A215,városok!$A$2:$C$346,3,0)-VLOOKUP(C$1,városok!$A$2:$C$346,3,0))^2)/1000,0)</f>
        <v>130</v>
      </c>
      <c r="D215">
        <f ca="1">ROUND(SQRT((VLOOKUP($A215,városok!$A$2:$C$346,2,0)-VLOOKUP(D$1,városok!$A$2:$C$346,2,0))^2+(VLOOKUP($A215,városok!$A$2:$C$346,3,0)-VLOOKUP(D$1,városok!$A$2:$C$346,3,0))^2)/1000,0)</f>
        <v>97</v>
      </c>
      <c r="E215">
        <f ca="1">ROUND(SQRT((VLOOKUP($A215,városok!$A$2:$C$346,2,0)-VLOOKUP(E$1,városok!$A$2:$C$346,2,0))^2+(VLOOKUP($A215,városok!$A$2:$C$346,3,0)-VLOOKUP(E$1,városok!$A$2:$C$346,3,0))^2)/1000,0)</f>
        <v>180</v>
      </c>
      <c r="F215">
        <f ca="1">ROUND(SQRT((VLOOKUP($A215,városok!$A$2:$C$346,2,0)-VLOOKUP(F$1,városok!$A$2:$C$346,2,0))^2+(VLOOKUP($A215,városok!$A$2:$C$346,3,0)-VLOOKUP(F$1,városok!$A$2:$C$346,3,0))^2)/1000,0)</f>
        <v>193</v>
      </c>
      <c r="G215">
        <f ca="1">ROUND(SQRT((VLOOKUP($A215,városok!$A$2:$C$346,2,0)-VLOOKUP(G$1,városok!$A$2:$C$346,2,0))^2+(VLOOKUP($A215,városok!$A$2:$C$346,3,0)-VLOOKUP(G$1,városok!$A$2:$C$346,3,0))^2)/1000,0)</f>
        <v>192</v>
      </c>
      <c r="H215">
        <f ca="1">ROUND(SQRT((VLOOKUP($A215,városok!$A$2:$C$346,2,0)-VLOOKUP(H$1,városok!$A$2:$C$346,2,0))^2+(VLOOKUP($A215,városok!$A$2:$C$346,3,0)-VLOOKUP(H$1,városok!$A$2:$C$346,3,0))^2)/1000,0)</f>
        <v>210</v>
      </c>
      <c r="I215">
        <f ca="1">ROUND(SQRT((VLOOKUP($A215,városok!$A$2:$C$346,2,0)-VLOOKUP(I$1,városok!$A$2:$C$346,2,0))^2+(VLOOKUP($A215,városok!$A$2:$C$346,3,0)-VLOOKUP(I$1,városok!$A$2:$C$346,3,0))^2)/1000,0)</f>
        <v>186</v>
      </c>
      <c r="J215">
        <f ca="1">ROUND(SQRT((VLOOKUP($A215,városok!$A$2:$C$346,2,0)-VLOOKUP(J$1,városok!$A$2:$C$346,2,0))^2+(VLOOKUP($A215,városok!$A$2:$C$346,3,0)-VLOOKUP(J$1,városok!$A$2:$C$346,3,0))^2)/1000,0)</f>
        <v>200</v>
      </c>
      <c r="K215">
        <f ca="1">ROUND(SQRT((VLOOKUP($A215,városok!$A$2:$C$346,2,0)-VLOOKUP(K$1,városok!$A$2:$C$346,2,0))^2+(VLOOKUP($A215,városok!$A$2:$C$346,3,0)-VLOOKUP(K$1,városok!$A$2:$C$346,3,0))^2)/1000,0)</f>
        <v>171</v>
      </c>
      <c r="L215">
        <f ca="1">ROUND(SQRT((VLOOKUP($A215,városok!$A$2:$C$346,2,0)-VLOOKUP(L$1,városok!$A$2:$C$346,2,0))^2+(VLOOKUP($A215,városok!$A$2:$C$346,3,0)-VLOOKUP(L$1,városok!$A$2:$C$346,3,0))^2)/1000,0)</f>
        <v>128</v>
      </c>
      <c r="M215">
        <f ca="1">ROUND(SQRT((VLOOKUP($A215,városok!$A$2:$C$346,2,0)-VLOOKUP(M$1,városok!$A$2:$C$346,2,0))^2+(VLOOKUP($A215,városok!$A$2:$C$346,3,0)-VLOOKUP(M$1,városok!$A$2:$C$346,3,0))^2)/1000,0)</f>
        <v>132</v>
      </c>
      <c r="N215">
        <f ca="1">ROUND(SQRT((VLOOKUP($A215,városok!$A$2:$C$346,2,0)-VLOOKUP(N$1,városok!$A$2:$C$346,2,0))^2+(VLOOKUP($A215,városok!$A$2:$C$346,3,0)-VLOOKUP(N$1,városok!$A$2:$C$346,3,0))^2)/1000,0)</f>
        <v>104</v>
      </c>
      <c r="O215">
        <f ca="1">ROUND(SQRT((VLOOKUP($A215,városok!$A$2:$C$346,2,0)-VLOOKUP(O$1,városok!$A$2:$C$346,2,0))^2+(VLOOKUP($A215,városok!$A$2:$C$346,3,0)-VLOOKUP(O$1,városok!$A$2:$C$346,3,0))^2)/1000,0)</f>
        <v>203</v>
      </c>
      <c r="P215">
        <f ca="1">ROUND(SQRT((VLOOKUP($A215,városok!$A$2:$C$346,2,0)-VLOOKUP(P$1,városok!$A$2:$C$346,2,0))^2+(VLOOKUP($A215,városok!$A$2:$C$346,3,0)-VLOOKUP(P$1,városok!$A$2:$C$346,3,0))^2)/1000,0)</f>
        <v>203</v>
      </c>
      <c r="Q215">
        <f ca="1">ROUND(SQRT((VLOOKUP($A215,városok!$A$2:$C$346,2,0)-VLOOKUP(Q$1,városok!$A$2:$C$346,2,0))^2+(VLOOKUP($A215,városok!$A$2:$C$346,3,0)-VLOOKUP(Q$1,városok!$A$2:$C$346,3,0))^2)/1000,0)</f>
        <v>168</v>
      </c>
      <c r="R215">
        <f ca="1">ROUND(SQRT((VLOOKUP($A215,városok!$A$2:$C$346,2,0)-VLOOKUP(R$1,városok!$A$2:$C$346,2,0))^2+(VLOOKUP($A215,városok!$A$2:$C$346,3,0)-VLOOKUP(R$1,városok!$A$2:$C$346,3,0))^2)/1000,0)</f>
        <v>193</v>
      </c>
      <c r="S215">
        <f ca="1">ROUND(SQRT((VLOOKUP($A215,városok!$A$2:$C$346,2,0)-VLOOKUP(S$1,városok!$A$2:$C$346,2,0))^2+(VLOOKUP($A215,városok!$A$2:$C$346,3,0)-VLOOKUP(S$1,városok!$A$2:$C$346,3,0))^2)/1000,0)</f>
        <v>179</v>
      </c>
      <c r="T215">
        <f ca="1">ROUND(SQRT((VLOOKUP($A215,városok!$A$2:$C$346,2,0)-VLOOKUP(T$1,városok!$A$2:$C$346,2,0))^2+(VLOOKUP($A215,városok!$A$2:$C$346,3,0)-VLOOKUP(T$1,városok!$A$2:$C$346,3,0))^2)/1000,0)</f>
        <v>44</v>
      </c>
      <c r="U215">
        <f ca="1">ROUND(SQRT((VLOOKUP($A215,városok!$A$2:$C$346,2,0)-VLOOKUP(U$1,városok!$A$2:$C$346,2,0))^2+(VLOOKUP($A215,városok!$A$2:$C$346,3,0)-VLOOKUP(U$1,városok!$A$2:$C$346,3,0))^2)/1000,0)</f>
        <v>82</v>
      </c>
      <c r="V215">
        <f ca="1">ROUND(SQRT((VLOOKUP($A215,városok!$A$2:$C$346,2,0)-VLOOKUP(V$1,városok!$A$2:$C$346,2,0))^2+(VLOOKUP($A215,városok!$A$2:$C$346,3,0)-VLOOKUP(V$1,városok!$A$2:$C$346,3,0))^2)/1000,0)</f>
        <v>95</v>
      </c>
      <c r="W215">
        <f ca="1">ROUND(SQRT((VLOOKUP($A215,városok!$A$2:$C$346,2,0)-VLOOKUP(W$1,városok!$A$2:$C$346,2,0))^2+(VLOOKUP($A215,városok!$A$2:$C$346,3,0)-VLOOKUP(W$1,városok!$A$2:$C$346,3,0))^2)/1000,0)</f>
        <v>98</v>
      </c>
      <c r="X215">
        <f ca="1">ROUND(SQRT((VLOOKUP($A215,városok!$A$2:$C$346,2,0)-VLOOKUP(X$1,városok!$A$2:$C$346,2,0))^2+(VLOOKUP($A215,városok!$A$2:$C$346,3,0)-VLOOKUP(X$1,városok!$A$2:$C$346,3,0))^2)/1000,0)</f>
        <v>76</v>
      </c>
      <c r="Y215">
        <f ca="1">ROUND(SQRT((VLOOKUP($A215,városok!$A$2:$C$346,2,0)-VLOOKUP(Y$1,városok!$A$2:$C$346,2,0))^2+(VLOOKUP($A215,városok!$A$2:$C$346,3,0)-VLOOKUP(Y$1,városok!$A$2:$C$346,3,0))^2)/1000,0)</f>
        <v>113</v>
      </c>
      <c r="Z215">
        <f ca="1">ROUND(SQRT((VLOOKUP($A215,városok!$A$2:$C$346,2,0)-VLOOKUP(Z$1,városok!$A$2:$C$346,2,0))^2+(VLOOKUP($A215,városok!$A$2:$C$346,3,0)-VLOOKUP(Z$1,városok!$A$2:$C$346,3,0))^2)/1000,0)</f>
        <v>131</v>
      </c>
      <c r="AA215">
        <f ca="1">ROUND(SQRT((VLOOKUP($A215,városok!$A$2:$C$346,2,0)-VLOOKUP(AA$1,városok!$A$2:$C$346,2,0))^2+(VLOOKUP($A215,városok!$A$2:$C$346,3,0)-VLOOKUP(AA$1,városok!$A$2:$C$346,3,0))^2)/1000,0)</f>
        <v>192</v>
      </c>
      <c r="AB215">
        <f ca="1">ROUND(SQRT((VLOOKUP($A215,városok!$A$2:$C$346,2,0)-VLOOKUP(AB$1,városok!$A$2:$C$346,2,0))^2+(VLOOKUP($A215,városok!$A$2:$C$346,3,0)-VLOOKUP(AB$1,városok!$A$2:$C$346,3,0))^2)/1000,0)</f>
        <v>189</v>
      </c>
      <c r="AC215">
        <f ca="1">ROUND(SQRT((VLOOKUP($A215,városok!$A$2:$C$346,2,0)-VLOOKUP(AC$1,városok!$A$2:$C$346,2,0))^2+(VLOOKUP($A215,városok!$A$2:$C$346,3,0)-VLOOKUP(AC$1,városok!$A$2:$C$346,3,0))^2)/1000,0)</f>
        <v>172</v>
      </c>
      <c r="AD215">
        <f ca="1">ROUND(SQRT((VLOOKUP($A215,városok!$A$2:$C$346,2,0)-VLOOKUP(AD$1,városok!$A$2:$C$346,2,0))^2+(VLOOKUP($A215,városok!$A$2:$C$346,3,0)-VLOOKUP(AD$1,városok!$A$2:$C$346,3,0))^2)/1000,0)</f>
        <v>155</v>
      </c>
      <c r="AE215">
        <f ca="1">ROUND(SQRT((VLOOKUP($A215,városok!$A$2:$C$346,2,0)-VLOOKUP(AE$1,városok!$A$2:$C$346,2,0))^2+(VLOOKUP($A215,városok!$A$2:$C$346,3,0)-VLOOKUP(AE$1,városok!$A$2:$C$346,3,0))^2)/1000,0)</f>
        <v>160</v>
      </c>
      <c r="AF215">
        <f ca="1">ROUND(SQRT((VLOOKUP($A215,városok!$A$2:$C$346,2,0)-VLOOKUP(AF$1,városok!$A$2:$C$346,2,0))^2+(VLOOKUP($A215,városok!$A$2:$C$346,3,0)-VLOOKUP(AF$1,városok!$A$2:$C$346,3,0))^2)/1000,0)</f>
        <v>96</v>
      </c>
      <c r="AG215">
        <f ca="1">ROUND(SQRT((VLOOKUP($A215,városok!$A$2:$C$346,2,0)-VLOOKUP(AG$1,városok!$A$2:$C$346,2,0))^2+(VLOOKUP($A215,városok!$A$2:$C$346,3,0)-VLOOKUP(AG$1,városok!$A$2:$C$346,3,0))^2)/1000,0)</f>
        <v>60</v>
      </c>
      <c r="AH215">
        <f ca="1">ROUND(SQRT((VLOOKUP($A215,városok!$A$2:$C$346,2,0)-VLOOKUP(AH$1,városok!$A$2:$C$346,2,0))^2+(VLOOKUP($A215,városok!$A$2:$C$346,3,0)-VLOOKUP(AH$1,városok!$A$2:$C$346,3,0))^2)/1000,0)</f>
        <v>41</v>
      </c>
      <c r="AI215">
        <f ca="1">ROUND(SQRT((VLOOKUP($A215,városok!$A$2:$C$346,2,0)-VLOOKUP(AI$1,városok!$A$2:$C$346,2,0))^2+(VLOOKUP($A215,városok!$A$2:$C$346,3,0)-VLOOKUP(AI$1,városok!$A$2:$C$346,3,0))^2)/1000,0)</f>
        <v>80</v>
      </c>
      <c r="AJ215">
        <f ca="1">ROUND(SQRT((VLOOKUP($A215,városok!$A$2:$C$346,2,0)-VLOOKUP(AJ$1,városok!$A$2:$C$346,2,0))^2+(VLOOKUP($A215,városok!$A$2:$C$346,3,0)-VLOOKUP(AJ$1,városok!$A$2:$C$346,3,0))^2)/1000,0)</f>
        <v>63</v>
      </c>
      <c r="AK215">
        <f ca="1">ROUND(SQRT((VLOOKUP($A215,városok!$A$2:$C$346,2,0)-VLOOKUP(AK$1,városok!$A$2:$C$346,2,0))^2+(VLOOKUP($A215,városok!$A$2:$C$346,3,0)-VLOOKUP(AK$1,városok!$A$2:$C$346,3,0))^2)/1000,0)</f>
        <v>146</v>
      </c>
      <c r="AL215">
        <f ca="1">ROUND(SQRT((VLOOKUP($A215,városok!$A$2:$C$346,2,0)-VLOOKUP(AL$1,városok!$A$2:$C$346,2,0))^2+(VLOOKUP($A215,városok!$A$2:$C$346,3,0)-VLOOKUP(AL$1,városok!$A$2:$C$346,3,0))^2)/1000,0)</f>
        <v>118</v>
      </c>
      <c r="AM215">
        <f ca="1">ROUND(SQRT((VLOOKUP($A215,városok!$A$2:$C$346,2,0)-VLOOKUP(AM$1,városok!$A$2:$C$346,2,0))^2+(VLOOKUP($A215,városok!$A$2:$C$346,3,0)-VLOOKUP(AM$1,városok!$A$2:$C$346,3,0))^2)/1000,0)</f>
        <v>98</v>
      </c>
      <c r="AN215">
        <f ca="1">ROUND(SQRT((VLOOKUP($A215,városok!$A$2:$C$346,2,0)-VLOOKUP(AN$1,városok!$A$2:$C$346,2,0))^2+(VLOOKUP($A215,városok!$A$2:$C$346,3,0)-VLOOKUP(AN$1,városok!$A$2:$C$346,3,0))^2)/1000,0)</f>
        <v>31</v>
      </c>
      <c r="AO215">
        <f ca="1">ROUND(SQRT((VLOOKUP($A215,városok!$A$2:$C$346,2,0)-VLOOKUP(AO$1,városok!$A$2:$C$346,2,0))^2+(VLOOKUP($A215,városok!$A$2:$C$346,3,0)-VLOOKUP(AO$1,városok!$A$2:$C$346,3,0))^2)/1000,0)</f>
        <v>76</v>
      </c>
      <c r="AP215">
        <f ca="1">ROUND(SQRT((VLOOKUP($A215,városok!$A$2:$C$346,2,0)-VLOOKUP(AP$1,városok!$A$2:$C$346,2,0))^2+(VLOOKUP($A215,városok!$A$2:$C$346,3,0)-VLOOKUP(AP$1,városok!$A$2:$C$346,3,0))^2)/1000,0)</f>
        <v>61</v>
      </c>
      <c r="AQ215">
        <f ca="1">ROUND(SQRT((VLOOKUP($A215,városok!$A$2:$C$346,2,0)-VLOOKUP(AQ$1,városok!$A$2:$C$346,2,0))^2+(VLOOKUP($A215,városok!$A$2:$C$346,3,0)-VLOOKUP(AQ$1,városok!$A$2:$C$346,3,0))^2)/1000,0)</f>
        <v>56</v>
      </c>
      <c r="AR215">
        <f ca="1">ROUND(SQRT((VLOOKUP($A215,városok!$A$2:$C$346,2,0)-VLOOKUP(AR$1,városok!$A$2:$C$346,2,0))^2+(VLOOKUP($A215,városok!$A$2:$C$346,3,0)-VLOOKUP(AR$1,városok!$A$2:$C$346,3,0))^2)/1000,0)</f>
        <v>49</v>
      </c>
      <c r="AS215">
        <f ca="1">ROUND(SQRT((VLOOKUP($A215,városok!$A$2:$C$346,2,0)-VLOOKUP(AS$1,városok!$A$2:$C$346,2,0))^2+(VLOOKUP($A215,városok!$A$2:$C$346,3,0)-VLOOKUP(AS$1,városok!$A$2:$C$346,3,0))^2)/1000,0)</f>
        <v>69</v>
      </c>
      <c r="AT215">
        <f ca="1">ROUND(SQRT((VLOOKUP($A215,városok!$A$2:$C$346,2,0)-VLOOKUP(AT$1,városok!$A$2:$C$346,2,0))^2+(VLOOKUP($A215,városok!$A$2:$C$346,3,0)-VLOOKUP(AT$1,városok!$A$2:$C$346,3,0))^2)/1000,0)</f>
        <v>35</v>
      </c>
      <c r="AU215">
        <f ca="1">ROUND(SQRT((VLOOKUP($A215,városok!$A$2:$C$346,2,0)-VLOOKUP(AU$1,városok!$A$2:$C$346,2,0))^2+(VLOOKUP($A215,városok!$A$2:$C$346,3,0)-VLOOKUP(AU$1,városok!$A$2:$C$346,3,0))^2)/1000,0)</f>
        <v>29</v>
      </c>
      <c r="AV215">
        <f ca="1">ROUND(SQRT((VLOOKUP($A215,városok!$A$2:$C$346,2,0)-VLOOKUP(AV$1,városok!$A$2:$C$346,2,0))^2+(VLOOKUP($A215,városok!$A$2:$C$346,3,0)-VLOOKUP(AV$1,városok!$A$2:$C$346,3,0))^2)/1000,0)</f>
        <v>35</v>
      </c>
      <c r="AW215">
        <f ca="1">ROUND(SQRT((VLOOKUP($A215,városok!$A$2:$C$346,2,0)-VLOOKUP(AW$1,városok!$A$2:$C$346,2,0))^2+(VLOOKUP($A215,városok!$A$2:$C$346,3,0)-VLOOKUP(AW$1,városok!$A$2:$C$346,3,0))^2)/1000,0)</f>
        <v>37</v>
      </c>
      <c r="AX215">
        <f ca="1">ROUND(SQRT((VLOOKUP($A215,városok!$A$2:$C$346,2,0)-VLOOKUP(AX$1,városok!$A$2:$C$346,2,0))^2+(VLOOKUP($A215,városok!$A$2:$C$346,3,0)-VLOOKUP(AX$1,városok!$A$2:$C$346,3,0))^2)/1000,0)</f>
        <v>88</v>
      </c>
      <c r="AY215">
        <f ca="1">ROUND(SQRT((VLOOKUP($A215,városok!$A$2:$C$346,2,0)-VLOOKUP(AY$1,városok!$A$2:$C$346,2,0))^2+(VLOOKUP($A215,városok!$A$2:$C$346,3,0)-VLOOKUP(AY$1,városok!$A$2:$C$346,3,0))^2)/1000,0)</f>
        <v>6</v>
      </c>
      <c r="AZ215">
        <f ca="1">ROUND(SQRT((VLOOKUP($A215,városok!$A$2:$C$346,2,0)-VLOOKUP(AZ$1,városok!$A$2:$C$346,2,0))^2+(VLOOKUP($A215,városok!$A$2:$C$346,3,0)-VLOOKUP(AZ$1,városok!$A$2:$C$346,3,0))^2)/1000,0)</f>
        <v>16</v>
      </c>
      <c r="BA215">
        <f ca="1">ROUND(SQRT((VLOOKUP($A215,városok!$A$2:$C$346,2,0)-VLOOKUP(BA$1,városok!$A$2:$C$346,2,0))^2+(VLOOKUP($A215,városok!$A$2:$C$346,3,0)-VLOOKUP(BA$1,városok!$A$2:$C$346,3,0))^2)/1000,0)</f>
        <v>149</v>
      </c>
      <c r="BB215">
        <f ca="1">ROUND(SQRT((VLOOKUP($A215,városok!$A$2:$C$346,2,0)-VLOOKUP(BB$1,városok!$A$2:$C$346,2,0))^2+(VLOOKUP($A215,városok!$A$2:$C$346,3,0)-VLOOKUP(BB$1,városok!$A$2:$C$346,3,0))^2)/1000,0)</f>
        <v>157</v>
      </c>
      <c r="BC215">
        <f ca="1">ROUND(SQRT((VLOOKUP($A215,városok!$A$2:$C$346,2,0)-VLOOKUP(BC$1,városok!$A$2:$C$346,2,0))^2+(VLOOKUP($A215,városok!$A$2:$C$346,3,0)-VLOOKUP(BC$1,városok!$A$2:$C$346,3,0))^2)/1000,0)</f>
        <v>180</v>
      </c>
      <c r="BD215">
        <f ca="1">ROUND(SQRT((VLOOKUP($A215,városok!$A$2:$C$346,2,0)-VLOOKUP(BD$1,városok!$A$2:$C$346,2,0))^2+(VLOOKUP($A215,városok!$A$2:$C$346,3,0)-VLOOKUP(BD$1,városok!$A$2:$C$346,3,0))^2)/1000,0)</f>
        <v>119</v>
      </c>
      <c r="BE215">
        <f ca="1">ROUND(SQRT((VLOOKUP($A215,városok!$A$2:$C$346,2,0)-VLOOKUP(BE$1,városok!$A$2:$C$346,2,0))^2+(VLOOKUP($A215,városok!$A$2:$C$346,3,0)-VLOOKUP(BE$1,városok!$A$2:$C$346,3,0))^2)/1000,0)</f>
        <v>265</v>
      </c>
      <c r="BF215">
        <f ca="1">ROUND(SQRT((VLOOKUP($A215,városok!$A$2:$C$346,2,0)-VLOOKUP(BF$1,városok!$A$2:$C$346,2,0))^2+(VLOOKUP($A215,városok!$A$2:$C$346,3,0)-VLOOKUP(BF$1,városok!$A$2:$C$346,3,0))^2)/1000,0)</f>
        <v>227</v>
      </c>
      <c r="BG215">
        <f ca="1">ROUND(SQRT((VLOOKUP($A215,városok!$A$2:$C$346,2,0)-VLOOKUP(BG$1,városok!$A$2:$C$346,2,0))^2+(VLOOKUP($A215,városok!$A$2:$C$346,3,0)-VLOOKUP(BG$1,városok!$A$2:$C$346,3,0))^2)/1000,0)</f>
        <v>181</v>
      </c>
      <c r="BH215">
        <f ca="1">ROUND(SQRT((VLOOKUP($A215,városok!$A$2:$C$346,2,0)-VLOOKUP(BH$1,városok!$A$2:$C$346,2,0))^2+(VLOOKUP($A215,városok!$A$2:$C$346,3,0)-VLOOKUP(BH$1,városok!$A$2:$C$346,3,0))^2)/1000,0)</f>
        <v>180</v>
      </c>
      <c r="BI215">
        <f ca="1">ROUND(SQRT((VLOOKUP($A215,városok!$A$2:$C$346,2,0)-VLOOKUP(BI$1,városok!$A$2:$C$346,2,0))^2+(VLOOKUP($A215,városok!$A$2:$C$346,3,0)-VLOOKUP(BI$1,városok!$A$2:$C$346,3,0))^2)/1000,0)</f>
        <v>149</v>
      </c>
      <c r="BJ215">
        <f ca="1">ROUND(SQRT((VLOOKUP($A215,városok!$A$2:$C$346,2,0)-VLOOKUP(BJ$1,városok!$A$2:$C$346,2,0))^2+(VLOOKUP($A215,városok!$A$2:$C$346,3,0)-VLOOKUP(BJ$1,városok!$A$2:$C$346,3,0))^2)/1000,0)</f>
        <v>165</v>
      </c>
      <c r="BK215">
        <f ca="1">ROUND(SQRT((VLOOKUP($A215,városok!$A$2:$C$346,2,0)-VLOOKUP(BK$1,városok!$A$2:$C$346,2,0))^2+(VLOOKUP($A215,városok!$A$2:$C$346,3,0)-VLOOKUP(BK$1,városok!$A$2:$C$346,3,0))^2)/1000,0)</f>
        <v>153</v>
      </c>
      <c r="BL215">
        <f ca="1">ROUND(SQRT((VLOOKUP($A215,városok!$A$2:$C$346,2,0)-VLOOKUP(BL$1,városok!$A$2:$C$346,2,0))^2+(VLOOKUP($A215,városok!$A$2:$C$346,3,0)-VLOOKUP(BL$1,városok!$A$2:$C$346,3,0))^2)/1000,0)</f>
        <v>206</v>
      </c>
      <c r="BM215">
        <f ca="1">ROUND(SQRT((VLOOKUP($A215,városok!$A$2:$C$346,2,0)-VLOOKUP(BM$1,városok!$A$2:$C$346,2,0))^2+(VLOOKUP($A215,városok!$A$2:$C$346,3,0)-VLOOKUP(BM$1,városok!$A$2:$C$346,3,0))^2)/1000,0)</f>
        <v>173</v>
      </c>
      <c r="BN215">
        <f ca="1">ROUND(SQRT((VLOOKUP($A215,városok!$A$2:$C$346,2,0)-VLOOKUP(BN$1,városok!$A$2:$C$346,2,0))^2+(VLOOKUP($A215,városok!$A$2:$C$346,3,0)-VLOOKUP(BN$1,városok!$A$2:$C$346,3,0))^2)/1000,0)</f>
        <v>196</v>
      </c>
      <c r="BO215">
        <f ca="1">ROUND(SQRT((VLOOKUP($A215,városok!$A$2:$C$346,2,0)-VLOOKUP(BO$1,városok!$A$2:$C$346,2,0))^2+(VLOOKUP($A215,városok!$A$2:$C$346,3,0)-VLOOKUP(BO$1,városok!$A$2:$C$346,3,0))^2)/1000,0)</f>
        <v>113</v>
      </c>
      <c r="BP215">
        <f ca="1">ROUND(SQRT((VLOOKUP($A215,városok!$A$2:$C$346,2,0)-VLOOKUP(BP$1,városok!$A$2:$C$346,2,0))^2+(VLOOKUP($A215,városok!$A$2:$C$346,3,0)-VLOOKUP(BP$1,városok!$A$2:$C$346,3,0))^2)/1000,0)</f>
        <v>107</v>
      </c>
      <c r="BQ215">
        <f ca="1">ROUND(SQRT((VLOOKUP($A215,városok!$A$2:$C$346,2,0)-VLOOKUP(BQ$1,városok!$A$2:$C$346,2,0))^2+(VLOOKUP($A215,városok!$A$2:$C$346,3,0)-VLOOKUP(BQ$1,városok!$A$2:$C$346,3,0))^2)/1000,0)</f>
        <v>114</v>
      </c>
      <c r="BR215">
        <f ca="1">ROUND(SQRT((VLOOKUP($A215,városok!$A$2:$C$346,2,0)-VLOOKUP(BR$1,városok!$A$2:$C$346,2,0))^2+(VLOOKUP($A215,városok!$A$2:$C$346,3,0)-VLOOKUP(BR$1,városok!$A$2:$C$346,3,0))^2)/1000,0)</f>
        <v>176</v>
      </c>
      <c r="BS215">
        <f ca="1">ROUND(SQRT((VLOOKUP($A215,városok!$A$2:$C$346,2,0)-VLOOKUP(BS$1,városok!$A$2:$C$346,2,0))^2+(VLOOKUP($A215,városok!$A$2:$C$346,3,0)-VLOOKUP(BS$1,városok!$A$2:$C$346,3,0))^2)/1000,0)</f>
        <v>214</v>
      </c>
      <c r="BT215">
        <f ca="1">ROUND(SQRT((VLOOKUP($A215,városok!$A$2:$C$346,2,0)-VLOOKUP(BT$1,városok!$A$2:$C$346,2,0))^2+(VLOOKUP($A215,városok!$A$2:$C$346,3,0)-VLOOKUP(BT$1,városok!$A$2:$C$346,3,0))^2)/1000,0)</f>
        <v>198</v>
      </c>
    </row>
    <row r="216" spans="1:72" x14ac:dyDescent="0.2">
      <c r="A216" t="str">
        <f>városok!A216</f>
        <v>Gödöllő</v>
      </c>
      <c r="B216">
        <f ca="1">ROUND(SQRT((VLOOKUP($A216,városok!$A$2:$C$346,2,0)-VLOOKUP(B$1,városok!$A$2:$C$346,2,0))^2+(VLOOKUP($A216,városok!$A$2:$C$346,3,0)-VLOOKUP(B$1,városok!$A$2:$C$346,3,0))^2)/1000,0)</f>
        <v>160</v>
      </c>
      <c r="C216">
        <f ca="1">ROUND(SQRT((VLOOKUP($A216,városok!$A$2:$C$346,2,0)-VLOOKUP(C$1,városok!$A$2:$C$346,2,0))^2+(VLOOKUP($A216,városok!$A$2:$C$346,3,0)-VLOOKUP(C$1,városok!$A$2:$C$346,3,0))^2)/1000,0)</f>
        <v>123</v>
      </c>
      <c r="D216">
        <f ca="1">ROUND(SQRT((VLOOKUP($A216,városok!$A$2:$C$346,2,0)-VLOOKUP(D$1,városok!$A$2:$C$346,2,0))^2+(VLOOKUP($A216,városok!$A$2:$C$346,3,0)-VLOOKUP(D$1,városok!$A$2:$C$346,3,0))^2)/1000,0)</f>
        <v>81</v>
      </c>
      <c r="E216">
        <f ca="1">ROUND(SQRT((VLOOKUP($A216,városok!$A$2:$C$346,2,0)-VLOOKUP(E$1,városok!$A$2:$C$346,2,0))^2+(VLOOKUP($A216,városok!$A$2:$C$346,3,0)-VLOOKUP(E$1,városok!$A$2:$C$346,3,0))^2)/1000,0)</f>
        <v>178</v>
      </c>
      <c r="F216">
        <f ca="1">ROUND(SQRT((VLOOKUP($A216,városok!$A$2:$C$346,2,0)-VLOOKUP(F$1,városok!$A$2:$C$346,2,0))^2+(VLOOKUP($A216,városok!$A$2:$C$346,3,0)-VLOOKUP(F$1,városok!$A$2:$C$346,3,0))^2)/1000,0)</f>
        <v>186</v>
      </c>
      <c r="G216">
        <f ca="1">ROUND(SQRT((VLOOKUP($A216,városok!$A$2:$C$346,2,0)-VLOOKUP(G$1,városok!$A$2:$C$346,2,0))^2+(VLOOKUP($A216,városok!$A$2:$C$346,3,0)-VLOOKUP(G$1,városok!$A$2:$C$346,3,0))^2)/1000,0)</f>
        <v>189</v>
      </c>
      <c r="H216">
        <f ca="1">ROUND(SQRT((VLOOKUP($A216,városok!$A$2:$C$346,2,0)-VLOOKUP(H$1,városok!$A$2:$C$346,2,0))^2+(VLOOKUP($A216,városok!$A$2:$C$346,3,0)-VLOOKUP(H$1,városok!$A$2:$C$346,3,0))^2)/1000,0)</f>
        <v>210</v>
      </c>
      <c r="I216">
        <f ca="1">ROUND(SQRT((VLOOKUP($A216,városok!$A$2:$C$346,2,0)-VLOOKUP(I$1,városok!$A$2:$C$346,2,0))^2+(VLOOKUP($A216,városok!$A$2:$C$346,3,0)-VLOOKUP(I$1,városok!$A$2:$C$346,3,0))^2)/1000,0)</f>
        <v>167</v>
      </c>
      <c r="J216">
        <f ca="1">ROUND(SQRT((VLOOKUP($A216,városok!$A$2:$C$346,2,0)-VLOOKUP(J$1,városok!$A$2:$C$346,2,0))^2+(VLOOKUP($A216,városok!$A$2:$C$346,3,0)-VLOOKUP(J$1,városok!$A$2:$C$346,3,0))^2)/1000,0)</f>
        <v>180</v>
      </c>
      <c r="K216">
        <f ca="1">ROUND(SQRT((VLOOKUP($A216,városok!$A$2:$C$346,2,0)-VLOOKUP(K$1,városok!$A$2:$C$346,2,0))^2+(VLOOKUP($A216,városok!$A$2:$C$346,3,0)-VLOOKUP(K$1,városok!$A$2:$C$346,3,0))^2)/1000,0)</f>
        <v>153</v>
      </c>
      <c r="L216">
        <f ca="1">ROUND(SQRT((VLOOKUP($A216,városok!$A$2:$C$346,2,0)-VLOOKUP(L$1,városok!$A$2:$C$346,2,0))^2+(VLOOKUP($A216,városok!$A$2:$C$346,3,0)-VLOOKUP(L$1,városok!$A$2:$C$346,3,0))^2)/1000,0)</f>
        <v>120</v>
      </c>
      <c r="M216">
        <f ca="1">ROUND(SQRT((VLOOKUP($A216,városok!$A$2:$C$346,2,0)-VLOOKUP(M$1,városok!$A$2:$C$346,2,0))^2+(VLOOKUP($A216,városok!$A$2:$C$346,3,0)-VLOOKUP(M$1,városok!$A$2:$C$346,3,0))^2)/1000,0)</f>
        <v>121</v>
      </c>
      <c r="N216">
        <f ca="1">ROUND(SQRT((VLOOKUP($A216,városok!$A$2:$C$346,2,0)-VLOOKUP(N$1,városok!$A$2:$C$346,2,0))^2+(VLOOKUP($A216,városok!$A$2:$C$346,3,0)-VLOOKUP(N$1,városok!$A$2:$C$346,3,0))^2)/1000,0)</f>
        <v>98</v>
      </c>
      <c r="O216">
        <f ca="1">ROUND(SQRT((VLOOKUP($A216,városok!$A$2:$C$346,2,0)-VLOOKUP(O$1,városok!$A$2:$C$346,2,0))^2+(VLOOKUP($A216,városok!$A$2:$C$346,3,0)-VLOOKUP(O$1,városok!$A$2:$C$346,3,0))^2)/1000,0)</f>
        <v>193</v>
      </c>
      <c r="P216">
        <f ca="1">ROUND(SQRT((VLOOKUP($A216,városok!$A$2:$C$346,2,0)-VLOOKUP(P$1,városok!$A$2:$C$346,2,0))^2+(VLOOKUP($A216,városok!$A$2:$C$346,3,0)-VLOOKUP(P$1,városok!$A$2:$C$346,3,0))^2)/1000,0)</f>
        <v>193</v>
      </c>
      <c r="Q216">
        <f ca="1">ROUND(SQRT((VLOOKUP($A216,városok!$A$2:$C$346,2,0)-VLOOKUP(Q$1,városok!$A$2:$C$346,2,0))^2+(VLOOKUP($A216,városok!$A$2:$C$346,3,0)-VLOOKUP(Q$1,városok!$A$2:$C$346,3,0))^2)/1000,0)</f>
        <v>151</v>
      </c>
      <c r="R216">
        <f ca="1">ROUND(SQRT((VLOOKUP($A216,városok!$A$2:$C$346,2,0)-VLOOKUP(R$1,városok!$A$2:$C$346,2,0))^2+(VLOOKUP($A216,városok!$A$2:$C$346,3,0)-VLOOKUP(R$1,városok!$A$2:$C$346,3,0))^2)/1000,0)</f>
        <v>176</v>
      </c>
      <c r="S216">
        <f ca="1">ROUND(SQRT((VLOOKUP($A216,városok!$A$2:$C$346,2,0)-VLOOKUP(S$1,városok!$A$2:$C$346,2,0))^2+(VLOOKUP($A216,városok!$A$2:$C$346,3,0)-VLOOKUP(S$1,városok!$A$2:$C$346,3,0))^2)/1000,0)</f>
        <v>163</v>
      </c>
      <c r="T216">
        <f ca="1">ROUND(SQRT((VLOOKUP($A216,városok!$A$2:$C$346,2,0)-VLOOKUP(T$1,városok!$A$2:$C$346,2,0))^2+(VLOOKUP($A216,városok!$A$2:$C$346,3,0)-VLOOKUP(T$1,városok!$A$2:$C$346,3,0))^2)/1000,0)</f>
        <v>56</v>
      </c>
      <c r="U216">
        <f ca="1">ROUND(SQRT((VLOOKUP($A216,városok!$A$2:$C$346,2,0)-VLOOKUP(U$1,városok!$A$2:$C$346,2,0))^2+(VLOOKUP($A216,városok!$A$2:$C$346,3,0)-VLOOKUP(U$1,városok!$A$2:$C$346,3,0))^2)/1000,0)</f>
        <v>77</v>
      </c>
      <c r="V216">
        <f ca="1">ROUND(SQRT((VLOOKUP($A216,városok!$A$2:$C$346,2,0)-VLOOKUP(V$1,városok!$A$2:$C$346,2,0))^2+(VLOOKUP($A216,városok!$A$2:$C$346,3,0)-VLOOKUP(V$1,városok!$A$2:$C$346,3,0))^2)/1000,0)</f>
        <v>100</v>
      </c>
      <c r="W216">
        <f ca="1">ROUND(SQRT((VLOOKUP($A216,városok!$A$2:$C$346,2,0)-VLOOKUP(W$1,városok!$A$2:$C$346,2,0))^2+(VLOOKUP($A216,városok!$A$2:$C$346,3,0)-VLOOKUP(W$1,városok!$A$2:$C$346,3,0))^2)/1000,0)</f>
        <v>97</v>
      </c>
      <c r="X216">
        <f ca="1">ROUND(SQRT((VLOOKUP($A216,városok!$A$2:$C$346,2,0)-VLOOKUP(X$1,városok!$A$2:$C$346,2,0))^2+(VLOOKUP($A216,városok!$A$2:$C$346,3,0)-VLOOKUP(X$1,városok!$A$2:$C$346,3,0))^2)/1000,0)</f>
        <v>85</v>
      </c>
      <c r="Y216">
        <f ca="1">ROUND(SQRT((VLOOKUP($A216,városok!$A$2:$C$346,2,0)-VLOOKUP(Y$1,városok!$A$2:$C$346,2,0))^2+(VLOOKUP($A216,városok!$A$2:$C$346,3,0)-VLOOKUP(Y$1,városok!$A$2:$C$346,3,0))^2)/1000,0)</f>
        <v>130</v>
      </c>
      <c r="Z216">
        <f ca="1">ROUND(SQRT((VLOOKUP($A216,városok!$A$2:$C$346,2,0)-VLOOKUP(Z$1,városok!$A$2:$C$346,2,0))^2+(VLOOKUP($A216,városok!$A$2:$C$346,3,0)-VLOOKUP(Z$1,városok!$A$2:$C$346,3,0))^2)/1000,0)</f>
        <v>148</v>
      </c>
      <c r="AA216">
        <f ca="1">ROUND(SQRT((VLOOKUP($A216,városok!$A$2:$C$346,2,0)-VLOOKUP(AA$1,városok!$A$2:$C$346,2,0))^2+(VLOOKUP($A216,városok!$A$2:$C$346,3,0)-VLOOKUP(AA$1,városok!$A$2:$C$346,3,0))^2)/1000,0)</f>
        <v>208</v>
      </c>
      <c r="AB216">
        <f ca="1">ROUND(SQRT((VLOOKUP($A216,városok!$A$2:$C$346,2,0)-VLOOKUP(AB$1,városok!$A$2:$C$346,2,0))^2+(VLOOKUP($A216,városok!$A$2:$C$346,3,0)-VLOOKUP(AB$1,városok!$A$2:$C$346,3,0))^2)/1000,0)</f>
        <v>172</v>
      </c>
      <c r="AC216">
        <f ca="1">ROUND(SQRT((VLOOKUP($A216,városok!$A$2:$C$346,2,0)-VLOOKUP(AC$1,városok!$A$2:$C$346,2,0))^2+(VLOOKUP($A216,városok!$A$2:$C$346,3,0)-VLOOKUP(AC$1,városok!$A$2:$C$346,3,0))^2)/1000,0)</f>
        <v>155</v>
      </c>
      <c r="AD216">
        <f ca="1">ROUND(SQRT((VLOOKUP($A216,városok!$A$2:$C$346,2,0)-VLOOKUP(AD$1,városok!$A$2:$C$346,2,0))^2+(VLOOKUP($A216,városok!$A$2:$C$346,3,0)-VLOOKUP(AD$1,városok!$A$2:$C$346,3,0))^2)/1000,0)</f>
        <v>137</v>
      </c>
      <c r="AE216">
        <f ca="1">ROUND(SQRT((VLOOKUP($A216,városok!$A$2:$C$346,2,0)-VLOOKUP(AE$1,városok!$A$2:$C$346,2,0))^2+(VLOOKUP($A216,városok!$A$2:$C$346,3,0)-VLOOKUP(AE$1,városok!$A$2:$C$346,3,0))^2)/1000,0)</f>
        <v>141</v>
      </c>
      <c r="AF216">
        <f ca="1">ROUND(SQRT((VLOOKUP($A216,városok!$A$2:$C$346,2,0)-VLOOKUP(AF$1,városok!$A$2:$C$346,2,0))^2+(VLOOKUP($A216,városok!$A$2:$C$346,3,0)-VLOOKUP(AF$1,városok!$A$2:$C$346,3,0))^2)/1000,0)</f>
        <v>84</v>
      </c>
      <c r="AG216">
        <f ca="1">ROUND(SQRT((VLOOKUP($A216,városok!$A$2:$C$346,2,0)-VLOOKUP(AG$1,városok!$A$2:$C$346,2,0))^2+(VLOOKUP($A216,városok!$A$2:$C$346,3,0)-VLOOKUP(AG$1,városok!$A$2:$C$346,3,0))^2)/1000,0)</f>
        <v>47</v>
      </c>
      <c r="AH216">
        <f ca="1">ROUND(SQRT((VLOOKUP($A216,városok!$A$2:$C$346,2,0)-VLOOKUP(AH$1,városok!$A$2:$C$346,2,0))^2+(VLOOKUP($A216,városok!$A$2:$C$346,3,0)-VLOOKUP(AH$1,városok!$A$2:$C$346,3,0))^2)/1000,0)</f>
        <v>25</v>
      </c>
      <c r="AI216">
        <f ca="1">ROUND(SQRT((VLOOKUP($A216,városok!$A$2:$C$346,2,0)-VLOOKUP(AI$1,városok!$A$2:$C$346,2,0))^2+(VLOOKUP($A216,városok!$A$2:$C$346,3,0)-VLOOKUP(AI$1,városok!$A$2:$C$346,3,0))^2)/1000,0)</f>
        <v>73</v>
      </c>
      <c r="AJ216">
        <f ca="1">ROUND(SQRT((VLOOKUP($A216,városok!$A$2:$C$346,2,0)-VLOOKUP(AJ$1,városok!$A$2:$C$346,2,0))^2+(VLOOKUP($A216,városok!$A$2:$C$346,3,0)-VLOOKUP(AJ$1,városok!$A$2:$C$346,3,0))^2)/1000,0)</f>
        <v>47</v>
      </c>
      <c r="AK216">
        <f ca="1">ROUND(SQRT((VLOOKUP($A216,városok!$A$2:$C$346,2,0)-VLOOKUP(AK$1,városok!$A$2:$C$346,2,0))^2+(VLOOKUP($A216,városok!$A$2:$C$346,3,0)-VLOOKUP(AK$1,városok!$A$2:$C$346,3,0))^2)/1000,0)</f>
        <v>127</v>
      </c>
      <c r="AL216">
        <f ca="1">ROUND(SQRT((VLOOKUP($A216,városok!$A$2:$C$346,2,0)-VLOOKUP(AL$1,városok!$A$2:$C$346,2,0))^2+(VLOOKUP($A216,városok!$A$2:$C$346,3,0)-VLOOKUP(AL$1,városok!$A$2:$C$346,3,0))^2)/1000,0)</f>
        <v>99</v>
      </c>
      <c r="AM216">
        <f ca="1">ROUND(SQRT((VLOOKUP($A216,városok!$A$2:$C$346,2,0)-VLOOKUP(AM$1,városok!$A$2:$C$346,2,0))^2+(VLOOKUP($A216,városok!$A$2:$C$346,3,0)-VLOOKUP(AM$1,városok!$A$2:$C$346,3,0))^2)/1000,0)</f>
        <v>78</v>
      </c>
      <c r="AN216">
        <f ca="1">ROUND(SQRT((VLOOKUP($A216,városok!$A$2:$C$346,2,0)-VLOOKUP(AN$1,városok!$A$2:$C$346,2,0))^2+(VLOOKUP($A216,városok!$A$2:$C$346,3,0)-VLOOKUP(AN$1,városok!$A$2:$C$346,3,0))^2)/1000,0)</f>
        <v>50</v>
      </c>
      <c r="AO216">
        <f ca="1">ROUND(SQRT((VLOOKUP($A216,városok!$A$2:$C$346,2,0)-VLOOKUP(AO$1,városok!$A$2:$C$346,2,0))^2+(VLOOKUP($A216,városok!$A$2:$C$346,3,0)-VLOOKUP(AO$1,városok!$A$2:$C$346,3,0))^2)/1000,0)</f>
        <v>94</v>
      </c>
      <c r="AP216">
        <f ca="1">ROUND(SQRT((VLOOKUP($A216,városok!$A$2:$C$346,2,0)-VLOOKUP(AP$1,városok!$A$2:$C$346,2,0))^2+(VLOOKUP($A216,városok!$A$2:$C$346,3,0)-VLOOKUP(AP$1,városok!$A$2:$C$346,3,0))^2)/1000,0)</f>
        <v>77</v>
      </c>
      <c r="AQ216">
        <f ca="1">ROUND(SQRT((VLOOKUP($A216,városok!$A$2:$C$346,2,0)-VLOOKUP(AQ$1,városok!$A$2:$C$346,2,0))^2+(VLOOKUP($A216,városok!$A$2:$C$346,3,0)-VLOOKUP(AQ$1,városok!$A$2:$C$346,3,0))^2)/1000,0)</f>
        <v>71</v>
      </c>
      <c r="AR216">
        <f ca="1">ROUND(SQRT((VLOOKUP($A216,városok!$A$2:$C$346,2,0)-VLOOKUP(AR$1,városok!$A$2:$C$346,2,0))^2+(VLOOKUP($A216,városok!$A$2:$C$346,3,0)-VLOOKUP(AR$1,városok!$A$2:$C$346,3,0))^2)/1000,0)</f>
        <v>44</v>
      </c>
      <c r="AS216">
        <f ca="1">ROUND(SQRT((VLOOKUP($A216,városok!$A$2:$C$346,2,0)-VLOOKUP(AS$1,városok!$A$2:$C$346,2,0))^2+(VLOOKUP($A216,városok!$A$2:$C$346,3,0)-VLOOKUP(AS$1,városok!$A$2:$C$346,3,0))^2)/1000,0)</f>
        <v>66</v>
      </c>
      <c r="AT216">
        <f ca="1">ROUND(SQRT((VLOOKUP($A216,városok!$A$2:$C$346,2,0)-VLOOKUP(AT$1,városok!$A$2:$C$346,2,0))^2+(VLOOKUP($A216,városok!$A$2:$C$346,3,0)-VLOOKUP(AT$1,városok!$A$2:$C$346,3,0))^2)/1000,0)</f>
        <v>43</v>
      </c>
      <c r="AU216">
        <f ca="1">ROUND(SQRT((VLOOKUP($A216,városok!$A$2:$C$346,2,0)-VLOOKUP(AU$1,városok!$A$2:$C$346,2,0))^2+(VLOOKUP($A216,városok!$A$2:$C$346,3,0)-VLOOKUP(AU$1,városok!$A$2:$C$346,3,0))^2)/1000,0)</f>
        <v>34</v>
      </c>
      <c r="AV216">
        <f ca="1">ROUND(SQRT((VLOOKUP($A216,városok!$A$2:$C$346,2,0)-VLOOKUP(AV$1,városok!$A$2:$C$346,2,0))^2+(VLOOKUP($A216,városok!$A$2:$C$346,3,0)-VLOOKUP(AV$1,városok!$A$2:$C$346,3,0))^2)/1000,0)</f>
        <v>37</v>
      </c>
      <c r="AW216">
        <f ca="1">ROUND(SQRT((VLOOKUP($A216,városok!$A$2:$C$346,2,0)-VLOOKUP(AW$1,városok!$A$2:$C$346,2,0))^2+(VLOOKUP($A216,városok!$A$2:$C$346,3,0)-VLOOKUP(AW$1,városok!$A$2:$C$346,3,0))^2)/1000,0)</f>
        <v>41</v>
      </c>
      <c r="AX216">
        <f ca="1">ROUND(SQRT((VLOOKUP($A216,városok!$A$2:$C$346,2,0)-VLOOKUP(AX$1,városok!$A$2:$C$346,2,0))^2+(VLOOKUP($A216,városok!$A$2:$C$346,3,0)-VLOOKUP(AX$1,városok!$A$2:$C$346,3,0))^2)/1000,0)</f>
        <v>71</v>
      </c>
      <c r="AY216">
        <f ca="1">ROUND(SQRT((VLOOKUP($A216,városok!$A$2:$C$346,2,0)-VLOOKUP(AY$1,városok!$A$2:$C$346,2,0))^2+(VLOOKUP($A216,városok!$A$2:$C$346,3,0)-VLOOKUP(AY$1,városok!$A$2:$C$346,3,0))^2)/1000,0)</f>
        <v>24</v>
      </c>
      <c r="AZ216">
        <f ca="1">ROUND(SQRT((VLOOKUP($A216,városok!$A$2:$C$346,2,0)-VLOOKUP(AZ$1,városok!$A$2:$C$346,2,0))^2+(VLOOKUP($A216,városok!$A$2:$C$346,3,0)-VLOOKUP(AZ$1,városok!$A$2:$C$346,3,0))^2)/1000,0)</f>
        <v>35</v>
      </c>
      <c r="BA216">
        <f ca="1">ROUND(SQRT((VLOOKUP($A216,városok!$A$2:$C$346,2,0)-VLOOKUP(BA$1,városok!$A$2:$C$346,2,0))^2+(VLOOKUP($A216,városok!$A$2:$C$346,3,0)-VLOOKUP(BA$1,városok!$A$2:$C$346,3,0))^2)/1000,0)</f>
        <v>155</v>
      </c>
      <c r="BB216">
        <f ca="1">ROUND(SQRT((VLOOKUP($A216,városok!$A$2:$C$346,2,0)-VLOOKUP(BB$1,városok!$A$2:$C$346,2,0))^2+(VLOOKUP($A216,városok!$A$2:$C$346,3,0)-VLOOKUP(BB$1,városok!$A$2:$C$346,3,0))^2)/1000,0)</f>
        <v>160</v>
      </c>
      <c r="BC216">
        <f ca="1">ROUND(SQRT((VLOOKUP($A216,városok!$A$2:$C$346,2,0)-VLOOKUP(BC$1,városok!$A$2:$C$346,2,0))^2+(VLOOKUP($A216,városok!$A$2:$C$346,3,0)-VLOOKUP(BC$1,városok!$A$2:$C$346,3,0))^2)/1000,0)</f>
        <v>182</v>
      </c>
      <c r="BD216">
        <f ca="1">ROUND(SQRT((VLOOKUP($A216,városok!$A$2:$C$346,2,0)-VLOOKUP(BD$1,városok!$A$2:$C$346,2,0))^2+(VLOOKUP($A216,városok!$A$2:$C$346,3,0)-VLOOKUP(BD$1,városok!$A$2:$C$346,3,0))^2)/1000,0)</f>
        <v>124</v>
      </c>
      <c r="BE216">
        <f ca="1">ROUND(SQRT((VLOOKUP($A216,városok!$A$2:$C$346,2,0)-VLOOKUP(BE$1,városok!$A$2:$C$346,2,0))^2+(VLOOKUP($A216,városok!$A$2:$C$346,3,0)-VLOOKUP(BE$1,városok!$A$2:$C$346,3,0))^2)/1000,0)</f>
        <v>250</v>
      </c>
      <c r="BF216">
        <f ca="1">ROUND(SQRT((VLOOKUP($A216,városok!$A$2:$C$346,2,0)-VLOOKUP(BF$1,városok!$A$2:$C$346,2,0))^2+(VLOOKUP($A216,városok!$A$2:$C$346,3,0)-VLOOKUP(BF$1,városok!$A$2:$C$346,3,0))^2)/1000,0)</f>
        <v>215</v>
      </c>
      <c r="BG216">
        <f ca="1">ROUND(SQRT((VLOOKUP($A216,városok!$A$2:$C$346,2,0)-VLOOKUP(BG$1,városok!$A$2:$C$346,2,0))^2+(VLOOKUP($A216,városok!$A$2:$C$346,3,0)-VLOOKUP(BG$1,városok!$A$2:$C$346,3,0))^2)/1000,0)</f>
        <v>168</v>
      </c>
      <c r="BH216">
        <f ca="1">ROUND(SQRT((VLOOKUP($A216,városok!$A$2:$C$346,2,0)-VLOOKUP(BH$1,városok!$A$2:$C$346,2,0))^2+(VLOOKUP($A216,városok!$A$2:$C$346,3,0)-VLOOKUP(BH$1,városok!$A$2:$C$346,3,0))^2)/1000,0)</f>
        <v>168</v>
      </c>
      <c r="BI216">
        <f ca="1">ROUND(SQRT((VLOOKUP($A216,városok!$A$2:$C$346,2,0)-VLOOKUP(BI$1,városok!$A$2:$C$346,2,0))^2+(VLOOKUP($A216,városok!$A$2:$C$346,3,0)-VLOOKUP(BI$1,városok!$A$2:$C$346,3,0))^2)/1000,0)</f>
        <v>145</v>
      </c>
      <c r="BJ216">
        <f ca="1">ROUND(SQRT((VLOOKUP($A216,városok!$A$2:$C$346,2,0)-VLOOKUP(BJ$1,városok!$A$2:$C$346,2,0))^2+(VLOOKUP($A216,városok!$A$2:$C$346,3,0)-VLOOKUP(BJ$1,városok!$A$2:$C$346,3,0))^2)/1000,0)</f>
        <v>162</v>
      </c>
      <c r="BK216">
        <f ca="1">ROUND(SQRT((VLOOKUP($A216,városok!$A$2:$C$346,2,0)-VLOOKUP(BK$1,városok!$A$2:$C$346,2,0))^2+(VLOOKUP($A216,városok!$A$2:$C$346,3,0)-VLOOKUP(BK$1,városok!$A$2:$C$346,3,0))^2)/1000,0)</f>
        <v>148</v>
      </c>
      <c r="BL216">
        <f ca="1">ROUND(SQRT((VLOOKUP($A216,városok!$A$2:$C$346,2,0)-VLOOKUP(BL$1,városok!$A$2:$C$346,2,0))^2+(VLOOKUP($A216,városok!$A$2:$C$346,3,0)-VLOOKUP(BL$1,városok!$A$2:$C$346,3,0))^2)/1000,0)</f>
        <v>218</v>
      </c>
      <c r="BM216">
        <f ca="1">ROUND(SQRT((VLOOKUP($A216,városok!$A$2:$C$346,2,0)-VLOOKUP(BM$1,városok!$A$2:$C$346,2,0))^2+(VLOOKUP($A216,városok!$A$2:$C$346,3,0)-VLOOKUP(BM$1,városok!$A$2:$C$346,3,0))^2)/1000,0)</f>
        <v>187</v>
      </c>
      <c r="BN216">
        <f ca="1">ROUND(SQRT((VLOOKUP($A216,városok!$A$2:$C$346,2,0)-VLOOKUP(BN$1,városok!$A$2:$C$346,2,0))^2+(VLOOKUP($A216,városok!$A$2:$C$346,3,0)-VLOOKUP(BN$1,városok!$A$2:$C$346,3,0))^2)/1000,0)</f>
        <v>210</v>
      </c>
      <c r="BO216">
        <f ca="1">ROUND(SQRT((VLOOKUP($A216,városok!$A$2:$C$346,2,0)-VLOOKUP(BO$1,városok!$A$2:$C$346,2,0))^2+(VLOOKUP($A216,városok!$A$2:$C$346,3,0)-VLOOKUP(BO$1,városok!$A$2:$C$346,3,0))^2)/1000,0)</f>
        <v>120</v>
      </c>
      <c r="BP216">
        <f ca="1">ROUND(SQRT((VLOOKUP($A216,városok!$A$2:$C$346,2,0)-VLOOKUP(BP$1,városok!$A$2:$C$346,2,0))^2+(VLOOKUP($A216,városok!$A$2:$C$346,3,0)-VLOOKUP(BP$1,városok!$A$2:$C$346,3,0))^2)/1000,0)</f>
        <v>113</v>
      </c>
      <c r="BQ216">
        <f ca="1">ROUND(SQRT((VLOOKUP($A216,városok!$A$2:$C$346,2,0)-VLOOKUP(BQ$1,városok!$A$2:$C$346,2,0))^2+(VLOOKUP($A216,városok!$A$2:$C$346,3,0)-VLOOKUP(BQ$1,városok!$A$2:$C$346,3,0))^2)/1000,0)</f>
        <v>123</v>
      </c>
      <c r="BR216">
        <f ca="1">ROUND(SQRT((VLOOKUP($A216,városok!$A$2:$C$346,2,0)-VLOOKUP(BR$1,városok!$A$2:$C$346,2,0))^2+(VLOOKUP($A216,városok!$A$2:$C$346,3,0)-VLOOKUP(BR$1,városok!$A$2:$C$346,3,0))^2)/1000,0)</f>
        <v>184</v>
      </c>
      <c r="BS216">
        <f ca="1">ROUND(SQRT((VLOOKUP($A216,városok!$A$2:$C$346,2,0)-VLOOKUP(BS$1,városok!$A$2:$C$346,2,0))^2+(VLOOKUP($A216,városok!$A$2:$C$346,3,0)-VLOOKUP(BS$1,városok!$A$2:$C$346,3,0))^2)/1000,0)</f>
        <v>220</v>
      </c>
      <c r="BT216">
        <f ca="1">ROUND(SQRT((VLOOKUP($A216,városok!$A$2:$C$346,2,0)-VLOOKUP(BT$1,városok!$A$2:$C$346,2,0))^2+(VLOOKUP($A216,városok!$A$2:$C$346,3,0)-VLOOKUP(BT$1,városok!$A$2:$C$346,3,0))^2)/1000,0)</f>
        <v>209</v>
      </c>
    </row>
    <row r="217" spans="1:72" x14ac:dyDescent="0.2">
      <c r="A217" t="str">
        <f>városok!A217</f>
        <v>Gyál</v>
      </c>
      <c r="B217">
        <f ca="1">ROUND(SQRT((VLOOKUP($A217,városok!$A$2:$C$346,2,0)-VLOOKUP(B$1,városok!$A$2:$C$346,2,0))^2+(VLOOKUP($A217,városok!$A$2:$C$346,3,0)-VLOOKUP(B$1,városok!$A$2:$C$346,3,0))^2)/1000,0)</f>
        <v>135</v>
      </c>
      <c r="C217">
        <f ca="1">ROUND(SQRT((VLOOKUP($A217,városok!$A$2:$C$346,2,0)-VLOOKUP(C$1,városok!$A$2:$C$346,2,0))^2+(VLOOKUP($A217,városok!$A$2:$C$346,3,0)-VLOOKUP(C$1,városok!$A$2:$C$346,3,0))^2)/1000,0)</f>
        <v>97</v>
      </c>
      <c r="D217">
        <f ca="1">ROUND(SQRT((VLOOKUP($A217,városok!$A$2:$C$346,2,0)-VLOOKUP(D$1,városok!$A$2:$C$346,2,0))^2+(VLOOKUP($A217,városok!$A$2:$C$346,3,0)-VLOOKUP(D$1,városok!$A$2:$C$346,3,0))^2)/1000,0)</f>
        <v>64</v>
      </c>
      <c r="E217">
        <f ca="1">ROUND(SQRT((VLOOKUP($A217,városok!$A$2:$C$346,2,0)-VLOOKUP(E$1,városok!$A$2:$C$346,2,0))^2+(VLOOKUP($A217,városok!$A$2:$C$346,3,0)-VLOOKUP(E$1,városok!$A$2:$C$346,3,0))^2)/1000,0)</f>
        <v>152</v>
      </c>
      <c r="F217">
        <f ca="1">ROUND(SQRT((VLOOKUP($A217,városok!$A$2:$C$346,2,0)-VLOOKUP(F$1,városok!$A$2:$C$346,2,0))^2+(VLOOKUP($A217,városok!$A$2:$C$346,3,0)-VLOOKUP(F$1,városok!$A$2:$C$346,3,0))^2)/1000,0)</f>
        <v>160</v>
      </c>
      <c r="G217">
        <f ca="1">ROUND(SQRT((VLOOKUP($A217,városok!$A$2:$C$346,2,0)-VLOOKUP(G$1,városok!$A$2:$C$346,2,0))^2+(VLOOKUP($A217,városok!$A$2:$C$346,3,0)-VLOOKUP(G$1,városok!$A$2:$C$346,3,0))^2)/1000,0)</f>
        <v>163</v>
      </c>
      <c r="H217">
        <f ca="1">ROUND(SQRT((VLOOKUP($A217,városok!$A$2:$C$346,2,0)-VLOOKUP(H$1,városok!$A$2:$C$346,2,0))^2+(VLOOKUP($A217,városok!$A$2:$C$346,3,0)-VLOOKUP(H$1,városok!$A$2:$C$346,3,0))^2)/1000,0)</f>
        <v>184</v>
      </c>
      <c r="I217">
        <f ca="1">ROUND(SQRT((VLOOKUP($A217,városok!$A$2:$C$346,2,0)-VLOOKUP(I$1,városok!$A$2:$C$346,2,0))^2+(VLOOKUP($A217,városok!$A$2:$C$346,3,0)-VLOOKUP(I$1,városok!$A$2:$C$346,3,0))^2)/1000,0)</f>
        <v>162</v>
      </c>
      <c r="J217">
        <f ca="1">ROUND(SQRT((VLOOKUP($A217,városok!$A$2:$C$346,2,0)-VLOOKUP(J$1,városok!$A$2:$C$346,2,0))^2+(VLOOKUP($A217,városok!$A$2:$C$346,3,0)-VLOOKUP(J$1,városok!$A$2:$C$346,3,0))^2)/1000,0)</f>
        <v>177</v>
      </c>
      <c r="K217">
        <f ca="1">ROUND(SQRT((VLOOKUP($A217,városok!$A$2:$C$346,2,0)-VLOOKUP(K$1,városok!$A$2:$C$346,2,0))^2+(VLOOKUP($A217,városok!$A$2:$C$346,3,0)-VLOOKUP(K$1,városok!$A$2:$C$346,3,0))^2)/1000,0)</f>
        <v>143</v>
      </c>
      <c r="L217">
        <f ca="1">ROUND(SQRT((VLOOKUP($A217,városok!$A$2:$C$346,2,0)-VLOOKUP(L$1,városok!$A$2:$C$346,2,0))^2+(VLOOKUP($A217,városok!$A$2:$C$346,3,0)-VLOOKUP(L$1,városok!$A$2:$C$346,3,0))^2)/1000,0)</f>
        <v>143</v>
      </c>
      <c r="M217">
        <f ca="1">ROUND(SQRT((VLOOKUP($A217,városok!$A$2:$C$346,2,0)-VLOOKUP(M$1,városok!$A$2:$C$346,2,0))^2+(VLOOKUP($A217,városok!$A$2:$C$346,3,0)-VLOOKUP(M$1,városok!$A$2:$C$346,3,0))^2)/1000,0)</f>
        <v>143</v>
      </c>
      <c r="N217">
        <f ca="1">ROUND(SQRT((VLOOKUP($A217,városok!$A$2:$C$346,2,0)-VLOOKUP(N$1,városok!$A$2:$C$346,2,0))^2+(VLOOKUP($A217,városok!$A$2:$C$346,3,0)-VLOOKUP(N$1,városok!$A$2:$C$346,3,0))^2)/1000,0)</f>
        <v>123</v>
      </c>
      <c r="O217">
        <f ca="1">ROUND(SQRT((VLOOKUP($A217,városok!$A$2:$C$346,2,0)-VLOOKUP(O$1,városok!$A$2:$C$346,2,0))^2+(VLOOKUP($A217,városok!$A$2:$C$346,3,0)-VLOOKUP(O$1,városok!$A$2:$C$346,3,0))^2)/1000,0)</f>
        <v>214</v>
      </c>
      <c r="P217">
        <f ca="1">ROUND(SQRT((VLOOKUP($A217,városok!$A$2:$C$346,2,0)-VLOOKUP(P$1,városok!$A$2:$C$346,2,0))^2+(VLOOKUP($A217,városok!$A$2:$C$346,3,0)-VLOOKUP(P$1,városok!$A$2:$C$346,3,0))^2)/1000,0)</f>
        <v>214</v>
      </c>
      <c r="Q217">
        <f ca="1">ROUND(SQRT((VLOOKUP($A217,városok!$A$2:$C$346,2,0)-VLOOKUP(Q$1,városok!$A$2:$C$346,2,0))^2+(VLOOKUP($A217,városok!$A$2:$C$346,3,0)-VLOOKUP(Q$1,városok!$A$2:$C$346,3,0))^2)/1000,0)</f>
        <v>136</v>
      </c>
      <c r="R217">
        <f ca="1">ROUND(SQRT((VLOOKUP($A217,városok!$A$2:$C$346,2,0)-VLOOKUP(R$1,városok!$A$2:$C$346,2,0))^2+(VLOOKUP($A217,városok!$A$2:$C$346,3,0)-VLOOKUP(R$1,városok!$A$2:$C$346,3,0))^2)/1000,0)</f>
        <v>161</v>
      </c>
      <c r="S217">
        <f ca="1">ROUND(SQRT((VLOOKUP($A217,városok!$A$2:$C$346,2,0)-VLOOKUP(S$1,városok!$A$2:$C$346,2,0))^2+(VLOOKUP($A217,városok!$A$2:$C$346,3,0)-VLOOKUP(S$1,városok!$A$2:$C$346,3,0))^2)/1000,0)</f>
        <v>146</v>
      </c>
      <c r="T217">
        <f ca="1">ROUND(SQRT((VLOOKUP($A217,városok!$A$2:$C$346,2,0)-VLOOKUP(T$1,városok!$A$2:$C$346,2,0))^2+(VLOOKUP($A217,városok!$A$2:$C$346,3,0)-VLOOKUP(T$1,városok!$A$2:$C$346,3,0))^2)/1000,0)</f>
        <v>46</v>
      </c>
      <c r="U217">
        <f ca="1">ROUND(SQRT((VLOOKUP($A217,városok!$A$2:$C$346,2,0)-VLOOKUP(U$1,városok!$A$2:$C$346,2,0))^2+(VLOOKUP($A217,városok!$A$2:$C$346,3,0)-VLOOKUP(U$1,városok!$A$2:$C$346,3,0))^2)/1000,0)</f>
        <v>51</v>
      </c>
      <c r="V217">
        <f ca="1">ROUND(SQRT((VLOOKUP($A217,városok!$A$2:$C$346,2,0)-VLOOKUP(V$1,városok!$A$2:$C$346,2,0))^2+(VLOOKUP($A217,városok!$A$2:$C$346,3,0)-VLOOKUP(V$1,városok!$A$2:$C$346,3,0))^2)/1000,0)</f>
        <v>78</v>
      </c>
      <c r="W217">
        <f ca="1">ROUND(SQRT((VLOOKUP($A217,városok!$A$2:$C$346,2,0)-VLOOKUP(W$1,városok!$A$2:$C$346,2,0))^2+(VLOOKUP($A217,városok!$A$2:$C$346,3,0)-VLOOKUP(W$1,városok!$A$2:$C$346,3,0))^2)/1000,0)</f>
        <v>72</v>
      </c>
      <c r="X217">
        <f ca="1">ROUND(SQRT((VLOOKUP($A217,városok!$A$2:$C$346,2,0)-VLOOKUP(X$1,városok!$A$2:$C$346,2,0))^2+(VLOOKUP($A217,városok!$A$2:$C$346,3,0)-VLOOKUP(X$1,városok!$A$2:$C$346,3,0))^2)/1000,0)</f>
        <v>68</v>
      </c>
      <c r="Y217">
        <f ca="1">ROUND(SQRT((VLOOKUP($A217,városok!$A$2:$C$346,2,0)-VLOOKUP(Y$1,városok!$A$2:$C$346,2,0))^2+(VLOOKUP($A217,városok!$A$2:$C$346,3,0)-VLOOKUP(Y$1,városok!$A$2:$C$346,3,0))^2)/1000,0)</f>
        <v>124</v>
      </c>
      <c r="Z217">
        <f ca="1">ROUND(SQRT((VLOOKUP($A217,városok!$A$2:$C$346,2,0)-VLOOKUP(Z$1,városok!$A$2:$C$346,2,0))^2+(VLOOKUP($A217,városok!$A$2:$C$346,3,0)-VLOOKUP(Z$1,városok!$A$2:$C$346,3,0))^2)/1000,0)</f>
        <v>143</v>
      </c>
      <c r="AA217">
        <f ca="1">ROUND(SQRT((VLOOKUP($A217,városok!$A$2:$C$346,2,0)-VLOOKUP(AA$1,városok!$A$2:$C$346,2,0))^2+(VLOOKUP($A217,városok!$A$2:$C$346,3,0)-VLOOKUP(AA$1,városok!$A$2:$C$346,3,0))^2)/1000,0)</f>
        <v>201</v>
      </c>
      <c r="AB217">
        <f ca="1">ROUND(SQRT((VLOOKUP($A217,városok!$A$2:$C$346,2,0)-VLOOKUP(AB$1,városok!$A$2:$C$346,2,0))^2+(VLOOKUP($A217,városok!$A$2:$C$346,3,0)-VLOOKUP(AB$1,városok!$A$2:$C$346,3,0))^2)/1000,0)</f>
        <v>183</v>
      </c>
      <c r="AC217">
        <f ca="1">ROUND(SQRT((VLOOKUP($A217,városok!$A$2:$C$346,2,0)-VLOOKUP(AC$1,városok!$A$2:$C$346,2,0))^2+(VLOOKUP($A217,városok!$A$2:$C$346,3,0)-VLOOKUP(AC$1,városok!$A$2:$C$346,3,0))^2)/1000,0)</f>
        <v>164</v>
      </c>
      <c r="AD217">
        <f ca="1">ROUND(SQRT((VLOOKUP($A217,városok!$A$2:$C$346,2,0)-VLOOKUP(AD$1,városok!$A$2:$C$346,2,0))^2+(VLOOKUP($A217,városok!$A$2:$C$346,3,0)-VLOOKUP(AD$1,városok!$A$2:$C$346,3,0))^2)/1000,0)</f>
        <v>147</v>
      </c>
      <c r="AE217">
        <f ca="1">ROUND(SQRT((VLOOKUP($A217,városok!$A$2:$C$346,2,0)-VLOOKUP(AE$1,városok!$A$2:$C$346,2,0))^2+(VLOOKUP($A217,városok!$A$2:$C$346,3,0)-VLOOKUP(AE$1,városok!$A$2:$C$346,3,0))^2)/1000,0)</f>
        <v>148</v>
      </c>
      <c r="AF217">
        <f ca="1">ROUND(SQRT((VLOOKUP($A217,városok!$A$2:$C$346,2,0)-VLOOKUP(AF$1,városok!$A$2:$C$346,2,0))^2+(VLOOKUP($A217,városok!$A$2:$C$346,3,0)-VLOOKUP(AF$1,városok!$A$2:$C$346,3,0))^2)/1000,0)</f>
        <v>104</v>
      </c>
      <c r="AG217">
        <f ca="1">ROUND(SQRT((VLOOKUP($A217,városok!$A$2:$C$346,2,0)-VLOOKUP(AG$1,városok!$A$2:$C$346,2,0))^2+(VLOOKUP($A217,városok!$A$2:$C$346,3,0)-VLOOKUP(AG$1,városok!$A$2:$C$346,3,0))^2)/1000,0)</f>
        <v>69</v>
      </c>
      <c r="AH217">
        <f ca="1">ROUND(SQRT((VLOOKUP($A217,városok!$A$2:$C$346,2,0)-VLOOKUP(AH$1,városok!$A$2:$C$346,2,0))^2+(VLOOKUP($A217,városok!$A$2:$C$346,3,0)-VLOOKUP(AH$1,városok!$A$2:$C$346,3,0))^2)/1000,0)</f>
        <v>47</v>
      </c>
      <c r="AI217">
        <f ca="1">ROUND(SQRT((VLOOKUP($A217,városok!$A$2:$C$346,2,0)-VLOOKUP(AI$1,városok!$A$2:$C$346,2,0))^2+(VLOOKUP($A217,városok!$A$2:$C$346,3,0)-VLOOKUP(AI$1,városok!$A$2:$C$346,3,0))^2)/1000,0)</f>
        <v>97</v>
      </c>
      <c r="AJ217">
        <f ca="1">ROUND(SQRT((VLOOKUP($A217,városok!$A$2:$C$346,2,0)-VLOOKUP(AJ$1,városok!$A$2:$C$346,2,0))^2+(VLOOKUP($A217,városok!$A$2:$C$346,3,0)-VLOOKUP(AJ$1,városok!$A$2:$C$346,3,0))^2)/1000,0)</f>
        <v>64</v>
      </c>
      <c r="AK217">
        <f ca="1">ROUND(SQRT((VLOOKUP($A217,városok!$A$2:$C$346,2,0)-VLOOKUP(AK$1,városok!$A$2:$C$346,2,0))^2+(VLOOKUP($A217,városok!$A$2:$C$346,3,0)-VLOOKUP(AK$1,városok!$A$2:$C$346,3,0))^2)/1000,0)</f>
        <v>133</v>
      </c>
      <c r="AL217">
        <f ca="1">ROUND(SQRT((VLOOKUP($A217,városok!$A$2:$C$346,2,0)-VLOOKUP(AL$1,városok!$A$2:$C$346,2,0))^2+(VLOOKUP($A217,városok!$A$2:$C$346,3,0)-VLOOKUP(AL$1,városok!$A$2:$C$346,3,0))^2)/1000,0)</f>
        <v>106</v>
      </c>
      <c r="AM217">
        <f ca="1">ROUND(SQRT((VLOOKUP($A217,városok!$A$2:$C$346,2,0)-VLOOKUP(AM$1,városok!$A$2:$C$346,2,0))^2+(VLOOKUP($A217,városok!$A$2:$C$346,3,0)-VLOOKUP(AM$1,városok!$A$2:$C$346,3,0))^2)/1000,0)</f>
        <v>77</v>
      </c>
      <c r="AN217">
        <f ca="1">ROUND(SQRT((VLOOKUP($A217,városok!$A$2:$C$346,2,0)-VLOOKUP(AN$1,városok!$A$2:$C$346,2,0))^2+(VLOOKUP($A217,városok!$A$2:$C$346,3,0)-VLOOKUP(AN$1,városok!$A$2:$C$346,3,0))^2)/1000,0)</f>
        <v>57</v>
      </c>
      <c r="AO217">
        <f ca="1">ROUND(SQRT((VLOOKUP($A217,városok!$A$2:$C$346,2,0)-VLOOKUP(AO$1,városok!$A$2:$C$346,2,0))^2+(VLOOKUP($A217,városok!$A$2:$C$346,3,0)-VLOOKUP(AO$1,városok!$A$2:$C$346,3,0))^2)/1000,0)</f>
        <v>91</v>
      </c>
      <c r="AP217">
        <f ca="1">ROUND(SQRT((VLOOKUP($A217,városok!$A$2:$C$346,2,0)-VLOOKUP(AP$1,városok!$A$2:$C$346,2,0))^2+(VLOOKUP($A217,városok!$A$2:$C$346,3,0)-VLOOKUP(AP$1,városok!$A$2:$C$346,3,0))^2)/1000,0)</f>
        <v>73</v>
      </c>
      <c r="AQ217">
        <f ca="1">ROUND(SQRT((VLOOKUP($A217,városok!$A$2:$C$346,2,0)-VLOOKUP(AQ$1,városok!$A$2:$C$346,2,0))^2+(VLOOKUP($A217,városok!$A$2:$C$346,3,0)-VLOOKUP(AQ$1,városok!$A$2:$C$346,3,0))^2)/1000,0)</f>
        <v>64</v>
      </c>
      <c r="AR217">
        <f ca="1">ROUND(SQRT((VLOOKUP($A217,városok!$A$2:$C$346,2,0)-VLOOKUP(AR$1,városok!$A$2:$C$346,2,0))^2+(VLOOKUP($A217,városok!$A$2:$C$346,3,0)-VLOOKUP(AR$1,városok!$A$2:$C$346,3,0))^2)/1000,0)</f>
        <v>69</v>
      </c>
      <c r="AS217">
        <f ca="1">ROUND(SQRT((VLOOKUP($A217,városok!$A$2:$C$346,2,0)-VLOOKUP(AS$1,városok!$A$2:$C$346,2,0))^2+(VLOOKUP($A217,városok!$A$2:$C$346,3,0)-VLOOKUP(AS$1,városok!$A$2:$C$346,3,0))^2)/1000,0)</f>
        <v>92</v>
      </c>
      <c r="AT217">
        <f ca="1">ROUND(SQRT((VLOOKUP($A217,városok!$A$2:$C$346,2,0)-VLOOKUP(AT$1,városok!$A$2:$C$346,2,0))^2+(VLOOKUP($A217,városok!$A$2:$C$346,3,0)-VLOOKUP(AT$1,városok!$A$2:$C$346,3,0))^2)/1000,0)</f>
        <v>32</v>
      </c>
      <c r="AU217">
        <f ca="1">ROUND(SQRT((VLOOKUP($A217,városok!$A$2:$C$346,2,0)-VLOOKUP(AU$1,városok!$A$2:$C$346,2,0))^2+(VLOOKUP($A217,városok!$A$2:$C$346,3,0)-VLOOKUP(AU$1,városok!$A$2:$C$346,3,0))^2)/1000,0)</f>
        <v>21</v>
      </c>
      <c r="AV217">
        <f ca="1">ROUND(SQRT((VLOOKUP($A217,városok!$A$2:$C$346,2,0)-VLOOKUP(AV$1,városok!$A$2:$C$346,2,0))^2+(VLOOKUP($A217,városok!$A$2:$C$346,3,0)-VLOOKUP(AV$1,városok!$A$2:$C$346,3,0))^2)/1000,0)</f>
        <v>20</v>
      </c>
      <c r="AW217">
        <f ca="1">ROUND(SQRT((VLOOKUP($A217,városok!$A$2:$C$346,2,0)-VLOOKUP(AW$1,városok!$A$2:$C$346,2,0))^2+(VLOOKUP($A217,városok!$A$2:$C$346,3,0)-VLOOKUP(AW$1,városok!$A$2:$C$346,3,0))^2)/1000,0)</f>
        <v>23</v>
      </c>
      <c r="AX217">
        <f ca="1">ROUND(SQRT((VLOOKUP($A217,városok!$A$2:$C$346,2,0)-VLOOKUP(AX$1,városok!$A$2:$C$346,2,0))^2+(VLOOKUP($A217,városok!$A$2:$C$346,3,0)-VLOOKUP(AX$1,városok!$A$2:$C$346,3,0))^2)/1000,0)</f>
        <v>58</v>
      </c>
      <c r="AY217">
        <f ca="1">ROUND(SQRT((VLOOKUP($A217,városok!$A$2:$C$346,2,0)-VLOOKUP(AY$1,városok!$A$2:$C$346,2,0))^2+(VLOOKUP($A217,városok!$A$2:$C$346,3,0)-VLOOKUP(AY$1,városok!$A$2:$C$346,3,0))^2)/1000,0)</f>
        <v>35</v>
      </c>
      <c r="AZ217">
        <f ca="1">ROUND(SQRT((VLOOKUP($A217,városok!$A$2:$C$346,2,0)-VLOOKUP(AZ$1,városok!$A$2:$C$346,2,0))^2+(VLOOKUP($A217,városok!$A$2:$C$346,3,0)-VLOOKUP(AZ$1,városok!$A$2:$C$346,3,0))^2)/1000,0)</f>
        <v>48</v>
      </c>
      <c r="BA217">
        <f ca="1">ROUND(SQRT((VLOOKUP($A217,városok!$A$2:$C$346,2,0)-VLOOKUP(BA$1,városok!$A$2:$C$346,2,0))^2+(VLOOKUP($A217,városok!$A$2:$C$346,3,0)-VLOOKUP(BA$1,városok!$A$2:$C$346,3,0))^2)/1000,0)</f>
        <v>133</v>
      </c>
      <c r="BB217">
        <f ca="1">ROUND(SQRT((VLOOKUP($A217,városok!$A$2:$C$346,2,0)-VLOOKUP(BB$1,városok!$A$2:$C$346,2,0))^2+(VLOOKUP($A217,városok!$A$2:$C$346,3,0)-VLOOKUP(BB$1,városok!$A$2:$C$346,3,0))^2)/1000,0)</f>
        <v>135</v>
      </c>
      <c r="BC217">
        <f ca="1">ROUND(SQRT((VLOOKUP($A217,városok!$A$2:$C$346,2,0)-VLOOKUP(BC$1,városok!$A$2:$C$346,2,0))^2+(VLOOKUP($A217,városok!$A$2:$C$346,3,0)-VLOOKUP(BC$1,városok!$A$2:$C$346,3,0))^2)/1000,0)</f>
        <v>158</v>
      </c>
      <c r="BD217">
        <f ca="1">ROUND(SQRT((VLOOKUP($A217,városok!$A$2:$C$346,2,0)-VLOOKUP(BD$1,városok!$A$2:$C$346,2,0))^2+(VLOOKUP($A217,városok!$A$2:$C$346,3,0)-VLOOKUP(BD$1,városok!$A$2:$C$346,3,0))^2)/1000,0)</f>
        <v>102</v>
      </c>
      <c r="BE217">
        <f ca="1">ROUND(SQRT((VLOOKUP($A217,városok!$A$2:$C$346,2,0)-VLOOKUP(BE$1,városok!$A$2:$C$346,2,0))^2+(VLOOKUP($A217,városok!$A$2:$C$346,3,0)-VLOOKUP(BE$1,városok!$A$2:$C$346,3,0))^2)/1000,0)</f>
        <v>264</v>
      </c>
      <c r="BF217">
        <f ca="1">ROUND(SQRT((VLOOKUP($A217,városok!$A$2:$C$346,2,0)-VLOOKUP(BF$1,városok!$A$2:$C$346,2,0))^2+(VLOOKUP($A217,városok!$A$2:$C$346,3,0)-VLOOKUP(BF$1,városok!$A$2:$C$346,3,0))^2)/1000,0)</f>
        <v>233</v>
      </c>
      <c r="BG217">
        <f ca="1">ROUND(SQRT((VLOOKUP($A217,városok!$A$2:$C$346,2,0)-VLOOKUP(BG$1,városok!$A$2:$C$346,2,0))^2+(VLOOKUP($A217,városok!$A$2:$C$346,3,0)-VLOOKUP(BG$1,városok!$A$2:$C$346,3,0))^2)/1000,0)</f>
        <v>188</v>
      </c>
      <c r="BH217">
        <f ca="1">ROUND(SQRT((VLOOKUP($A217,városok!$A$2:$C$346,2,0)-VLOOKUP(BH$1,városok!$A$2:$C$346,2,0))^2+(VLOOKUP($A217,városok!$A$2:$C$346,3,0)-VLOOKUP(BH$1,városok!$A$2:$C$346,3,0))^2)/1000,0)</f>
        <v>187</v>
      </c>
      <c r="BI217">
        <f ca="1">ROUND(SQRT((VLOOKUP($A217,városok!$A$2:$C$346,2,0)-VLOOKUP(BI$1,városok!$A$2:$C$346,2,0))^2+(VLOOKUP($A217,városok!$A$2:$C$346,3,0)-VLOOKUP(BI$1,városok!$A$2:$C$346,3,0))^2)/1000,0)</f>
        <v>119</v>
      </c>
      <c r="BJ217">
        <f ca="1">ROUND(SQRT((VLOOKUP($A217,városok!$A$2:$C$346,2,0)-VLOOKUP(BJ$1,városok!$A$2:$C$346,2,0))^2+(VLOOKUP($A217,városok!$A$2:$C$346,3,0)-VLOOKUP(BJ$1,városok!$A$2:$C$346,3,0))^2)/1000,0)</f>
        <v>136</v>
      </c>
      <c r="BK217">
        <f ca="1">ROUND(SQRT((VLOOKUP($A217,városok!$A$2:$C$346,2,0)-VLOOKUP(BK$1,városok!$A$2:$C$346,2,0))^2+(VLOOKUP($A217,városok!$A$2:$C$346,3,0)-VLOOKUP(BK$1,városok!$A$2:$C$346,3,0))^2)/1000,0)</f>
        <v>122</v>
      </c>
      <c r="BL217">
        <f ca="1">ROUND(SQRT((VLOOKUP($A217,városok!$A$2:$C$346,2,0)-VLOOKUP(BL$1,városok!$A$2:$C$346,2,0))^2+(VLOOKUP($A217,városok!$A$2:$C$346,3,0)-VLOOKUP(BL$1,városok!$A$2:$C$346,3,0))^2)/1000,0)</f>
        <v>202</v>
      </c>
      <c r="BM217">
        <f ca="1">ROUND(SQRT((VLOOKUP($A217,városok!$A$2:$C$346,2,0)-VLOOKUP(BM$1,városok!$A$2:$C$346,2,0))^2+(VLOOKUP($A217,városok!$A$2:$C$346,3,0)-VLOOKUP(BM$1,városok!$A$2:$C$346,3,0))^2)/1000,0)</f>
        <v>173</v>
      </c>
      <c r="BN217">
        <f ca="1">ROUND(SQRT((VLOOKUP($A217,városok!$A$2:$C$346,2,0)-VLOOKUP(BN$1,városok!$A$2:$C$346,2,0))^2+(VLOOKUP($A217,városok!$A$2:$C$346,3,0)-VLOOKUP(BN$1,városok!$A$2:$C$346,3,0))^2)/1000,0)</f>
        <v>197</v>
      </c>
      <c r="BO217">
        <f ca="1">ROUND(SQRT((VLOOKUP($A217,városok!$A$2:$C$346,2,0)-VLOOKUP(BO$1,városok!$A$2:$C$346,2,0))^2+(VLOOKUP($A217,városok!$A$2:$C$346,3,0)-VLOOKUP(BO$1,városok!$A$2:$C$346,3,0))^2)/1000,0)</f>
        <v>99</v>
      </c>
      <c r="BP217">
        <f ca="1">ROUND(SQRT((VLOOKUP($A217,városok!$A$2:$C$346,2,0)-VLOOKUP(BP$1,városok!$A$2:$C$346,2,0))^2+(VLOOKUP($A217,városok!$A$2:$C$346,3,0)-VLOOKUP(BP$1,városok!$A$2:$C$346,3,0))^2)/1000,0)</f>
        <v>93</v>
      </c>
      <c r="BQ217">
        <f ca="1">ROUND(SQRT((VLOOKUP($A217,városok!$A$2:$C$346,2,0)-VLOOKUP(BQ$1,városok!$A$2:$C$346,2,0))^2+(VLOOKUP($A217,városok!$A$2:$C$346,3,0)-VLOOKUP(BQ$1,városok!$A$2:$C$346,3,0))^2)/1000,0)</f>
        <v>104</v>
      </c>
      <c r="BR217">
        <f ca="1">ROUND(SQRT((VLOOKUP($A217,városok!$A$2:$C$346,2,0)-VLOOKUP(BR$1,városok!$A$2:$C$346,2,0))^2+(VLOOKUP($A217,városok!$A$2:$C$346,3,0)-VLOOKUP(BR$1,városok!$A$2:$C$346,3,0))^2)/1000,0)</f>
        <v>164</v>
      </c>
      <c r="BS217">
        <f ca="1">ROUND(SQRT((VLOOKUP($A217,városok!$A$2:$C$346,2,0)-VLOOKUP(BS$1,városok!$A$2:$C$346,2,0))^2+(VLOOKUP($A217,városok!$A$2:$C$346,3,0)-VLOOKUP(BS$1,városok!$A$2:$C$346,3,0))^2)/1000,0)</f>
        <v>199</v>
      </c>
      <c r="BT217">
        <f ca="1">ROUND(SQRT((VLOOKUP($A217,városok!$A$2:$C$346,2,0)-VLOOKUP(BT$1,városok!$A$2:$C$346,2,0))^2+(VLOOKUP($A217,városok!$A$2:$C$346,3,0)-VLOOKUP(BT$1,városok!$A$2:$C$346,3,0))^2)/1000,0)</f>
        <v>191</v>
      </c>
    </row>
    <row r="218" spans="1:72" x14ac:dyDescent="0.2">
      <c r="A218" t="str">
        <f>városok!A218</f>
        <v>Gyömrő</v>
      </c>
      <c r="B218">
        <f ca="1">ROUND(SQRT((VLOOKUP($A218,városok!$A$2:$C$346,2,0)-VLOOKUP(B$1,városok!$A$2:$C$346,2,0))^2+(VLOOKUP($A218,városok!$A$2:$C$346,3,0)-VLOOKUP(B$1,városok!$A$2:$C$346,3,0))^2)/1000,0)</f>
        <v>142</v>
      </c>
      <c r="C218">
        <f ca="1">ROUND(SQRT((VLOOKUP($A218,városok!$A$2:$C$346,2,0)-VLOOKUP(C$1,városok!$A$2:$C$346,2,0))^2+(VLOOKUP($A218,városok!$A$2:$C$346,3,0)-VLOOKUP(C$1,városok!$A$2:$C$346,3,0))^2)/1000,0)</f>
        <v>105</v>
      </c>
      <c r="D218">
        <f ca="1">ROUND(SQRT((VLOOKUP($A218,városok!$A$2:$C$346,2,0)-VLOOKUP(D$1,városok!$A$2:$C$346,2,0))^2+(VLOOKUP($A218,városok!$A$2:$C$346,3,0)-VLOOKUP(D$1,városok!$A$2:$C$346,3,0))^2)/1000,0)</f>
        <v>62</v>
      </c>
      <c r="E218">
        <f ca="1">ROUND(SQRT((VLOOKUP($A218,városok!$A$2:$C$346,2,0)-VLOOKUP(E$1,városok!$A$2:$C$346,2,0))^2+(VLOOKUP($A218,városok!$A$2:$C$346,3,0)-VLOOKUP(E$1,városok!$A$2:$C$346,3,0))^2)/1000,0)</f>
        <v>163</v>
      </c>
      <c r="F218">
        <f ca="1">ROUND(SQRT((VLOOKUP($A218,városok!$A$2:$C$346,2,0)-VLOOKUP(F$1,városok!$A$2:$C$346,2,0))^2+(VLOOKUP($A218,városok!$A$2:$C$346,3,0)-VLOOKUP(F$1,városok!$A$2:$C$346,3,0))^2)/1000,0)</f>
        <v>169</v>
      </c>
      <c r="G218">
        <f ca="1">ROUND(SQRT((VLOOKUP($A218,városok!$A$2:$C$346,2,0)-VLOOKUP(G$1,városok!$A$2:$C$346,2,0))^2+(VLOOKUP($A218,városok!$A$2:$C$346,3,0)-VLOOKUP(G$1,városok!$A$2:$C$346,3,0))^2)/1000,0)</f>
        <v>174</v>
      </c>
      <c r="H218">
        <f ca="1">ROUND(SQRT((VLOOKUP($A218,városok!$A$2:$C$346,2,0)-VLOOKUP(H$1,városok!$A$2:$C$346,2,0))^2+(VLOOKUP($A218,városok!$A$2:$C$346,3,0)-VLOOKUP(H$1,városok!$A$2:$C$346,3,0))^2)/1000,0)</f>
        <v>196</v>
      </c>
      <c r="I218">
        <f ca="1">ROUND(SQRT((VLOOKUP($A218,városok!$A$2:$C$346,2,0)-VLOOKUP(I$1,városok!$A$2:$C$346,2,0))^2+(VLOOKUP($A218,városok!$A$2:$C$346,3,0)-VLOOKUP(I$1,városok!$A$2:$C$346,3,0))^2)/1000,0)</f>
        <v>153</v>
      </c>
      <c r="J218">
        <f ca="1">ROUND(SQRT((VLOOKUP($A218,városok!$A$2:$C$346,2,0)-VLOOKUP(J$1,városok!$A$2:$C$346,2,0))^2+(VLOOKUP($A218,városok!$A$2:$C$346,3,0)-VLOOKUP(J$1,városok!$A$2:$C$346,3,0))^2)/1000,0)</f>
        <v>167</v>
      </c>
      <c r="K218">
        <f ca="1">ROUND(SQRT((VLOOKUP($A218,városok!$A$2:$C$346,2,0)-VLOOKUP(K$1,városok!$A$2:$C$346,2,0))^2+(VLOOKUP($A218,városok!$A$2:$C$346,3,0)-VLOOKUP(K$1,városok!$A$2:$C$346,3,0))^2)/1000,0)</f>
        <v>136</v>
      </c>
      <c r="L218">
        <f ca="1">ROUND(SQRT((VLOOKUP($A218,városok!$A$2:$C$346,2,0)-VLOOKUP(L$1,városok!$A$2:$C$346,2,0))^2+(VLOOKUP($A218,városok!$A$2:$C$346,3,0)-VLOOKUP(L$1,városok!$A$2:$C$346,3,0))^2)/1000,0)</f>
        <v>131</v>
      </c>
      <c r="M218">
        <f ca="1">ROUND(SQRT((VLOOKUP($A218,városok!$A$2:$C$346,2,0)-VLOOKUP(M$1,városok!$A$2:$C$346,2,0))^2+(VLOOKUP($A218,városok!$A$2:$C$346,3,0)-VLOOKUP(M$1,városok!$A$2:$C$346,3,0))^2)/1000,0)</f>
        <v>129</v>
      </c>
      <c r="N218">
        <f ca="1">ROUND(SQRT((VLOOKUP($A218,városok!$A$2:$C$346,2,0)-VLOOKUP(N$1,városok!$A$2:$C$346,2,0))^2+(VLOOKUP($A218,városok!$A$2:$C$346,3,0)-VLOOKUP(N$1,városok!$A$2:$C$346,3,0))^2)/1000,0)</f>
        <v>111</v>
      </c>
      <c r="O218">
        <f ca="1">ROUND(SQRT((VLOOKUP($A218,városok!$A$2:$C$346,2,0)-VLOOKUP(O$1,városok!$A$2:$C$346,2,0))^2+(VLOOKUP($A218,városok!$A$2:$C$346,3,0)-VLOOKUP(O$1,városok!$A$2:$C$346,3,0))^2)/1000,0)</f>
        <v>200</v>
      </c>
      <c r="P218">
        <f ca="1">ROUND(SQRT((VLOOKUP($A218,városok!$A$2:$C$346,2,0)-VLOOKUP(P$1,városok!$A$2:$C$346,2,0))^2+(VLOOKUP($A218,városok!$A$2:$C$346,3,0)-VLOOKUP(P$1,városok!$A$2:$C$346,3,0))^2)/1000,0)</f>
        <v>200</v>
      </c>
      <c r="Q218">
        <f ca="1">ROUND(SQRT((VLOOKUP($A218,városok!$A$2:$C$346,2,0)-VLOOKUP(Q$1,városok!$A$2:$C$346,2,0))^2+(VLOOKUP($A218,városok!$A$2:$C$346,3,0)-VLOOKUP(Q$1,városok!$A$2:$C$346,3,0))^2)/1000,0)</f>
        <v>132</v>
      </c>
      <c r="R218">
        <f ca="1">ROUND(SQRT((VLOOKUP($A218,városok!$A$2:$C$346,2,0)-VLOOKUP(R$1,városok!$A$2:$C$346,2,0))^2+(VLOOKUP($A218,városok!$A$2:$C$346,3,0)-VLOOKUP(R$1,városok!$A$2:$C$346,3,0))^2)/1000,0)</f>
        <v>158</v>
      </c>
      <c r="S218">
        <f ca="1">ROUND(SQRT((VLOOKUP($A218,városok!$A$2:$C$346,2,0)-VLOOKUP(S$1,városok!$A$2:$C$346,2,0))^2+(VLOOKUP($A218,városok!$A$2:$C$346,3,0)-VLOOKUP(S$1,városok!$A$2:$C$346,3,0))^2)/1000,0)</f>
        <v>143</v>
      </c>
      <c r="T218">
        <f ca="1">ROUND(SQRT((VLOOKUP($A218,városok!$A$2:$C$346,2,0)-VLOOKUP(T$1,városok!$A$2:$C$346,2,0))^2+(VLOOKUP($A218,városok!$A$2:$C$346,3,0)-VLOOKUP(T$1,városok!$A$2:$C$346,3,0))^2)/1000,0)</f>
        <v>58</v>
      </c>
      <c r="U218">
        <f ca="1">ROUND(SQRT((VLOOKUP($A218,városok!$A$2:$C$346,2,0)-VLOOKUP(U$1,városok!$A$2:$C$346,2,0))^2+(VLOOKUP($A218,városok!$A$2:$C$346,3,0)-VLOOKUP(U$1,városok!$A$2:$C$346,3,0))^2)/1000,0)</f>
        <v>62</v>
      </c>
      <c r="V218">
        <f ca="1">ROUND(SQRT((VLOOKUP($A218,városok!$A$2:$C$346,2,0)-VLOOKUP(V$1,városok!$A$2:$C$346,2,0))^2+(VLOOKUP($A218,városok!$A$2:$C$346,3,0)-VLOOKUP(V$1,városok!$A$2:$C$346,3,0))^2)/1000,0)</f>
        <v>92</v>
      </c>
      <c r="W218">
        <f ca="1">ROUND(SQRT((VLOOKUP($A218,városok!$A$2:$C$346,2,0)-VLOOKUP(W$1,városok!$A$2:$C$346,2,0))^2+(VLOOKUP($A218,városok!$A$2:$C$346,3,0)-VLOOKUP(W$1,városok!$A$2:$C$346,3,0))^2)/1000,0)</f>
        <v>84</v>
      </c>
      <c r="X218">
        <f ca="1">ROUND(SQRT((VLOOKUP($A218,városok!$A$2:$C$346,2,0)-VLOOKUP(X$1,városok!$A$2:$C$346,2,0))^2+(VLOOKUP($A218,városok!$A$2:$C$346,3,0)-VLOOKUP(X$1,városok!$A$2:$C$346,3,0))^2)/1000,0)</f>
        <v>82</v>
      </c>
      <c r="Y218">
        <f ca="1">ROUND(SQRT((VLOOKUP($A218,városok!$A$2:$C$346,2,0)-VLOOKUP(Y$1,városok!$A$2:$C$346,2,0))^2+(VLOOKUP($A218,városok!$A$2:$C$346,3,0)-VLOOKUP(Y$1,városok!$A$2:$C$346,3,0))^2)/1000,0)</f>
        <v>136</v>
      </c>
      <c r="Z218">
        <f ca="1">ROUND(SQRT((VLOOKUP($A218,városok!$A$2:$C$346,2,0)-VLOOKUP(Z$1,városok!$A$2:$C$346,2,0))^2+(VLOOKUP($A218,városok!$A$2:$C$346,3,0)-VLOOKUP(Z$1,városok!$A$2:$C$346,3,0))^2)/1000,0)</f>
        <v>155</v>
      </c>
      <c r="AA218">
        <f ca="1">ROUND(SQRT((VLOOKUP($A218,városok!$A$2:$C$346,2,0)-VLOOKUP(AA$1,városok!$A$2:$C$346,2,0))^2+(VLOOKUP($A218,városok!$A$2:$C$346,3,0)-VLOOKUP(AA$1,városok!$A$2:$C$346,3,0))^2)/1000,0)</f>
        <v>214</v>
      </c>
      <c r="AB218">
        <f ca="1">ROUND(SQRT((VLOOKUP($A218,városok!$A$2:$C$346,2,0)-VLOOKUP(AB$1,városok!$A$2:$C$346,2,0))^2+(VLOOKUP($A218,városok!$A$2:$C$346,3,0)-VLOOKUP(AB$1,városok!$A$2:$C$346,3,0))^2)/1000,0)</f>
        <v>169</v>
      </c>
      <c r="AC218">
        <f ca="1">ROUND(SQRT((VLOOKUP($A218,városok!$A$2:$C$346,2,0)-VLOOKUP(AC$1,városok!$A$2:$C$346,2,0))^2+(VLOOKUP($A218,városok!$A$2:$C$346,3,0)-VLOOKUP(AC$1,városok!$A$2:$C$346,3,0))^2)/1000,0)</f>
        <v>151</v>
      </c>
      <c r="AD218">
        <f ca="1">ROUND(SQRT((VLOOKUP($A218,városok!$A$2:$C$346,2,0)-VLOOKUP(AD$1,városok!$A$2:$C$346,2,0))^2+(VLOOKUP($A218,városok!$A$2:$C$346,3,0)-VLOOKUP(AD$1,városok!$A$2:$C$346,3,0))^2)/1000,0)</f>
        <v>133</v>
      </c>
      <c r="AE218">
        <f ca="1">ROUND(SQRT((VLOOKUP($A218,városok!$A$2:$C$346,2,0)-VLOOKUP(AE$1,városok!$A$2:$C$346,2,0))^2+(VLOOKUP($A218,városok!$A$2:$C$346,3,0)-VLOOKUP(AE$1,városok!$A$2:$C$346,3,0))^2)/1000,0)</f>
        <v>135</v>
      </c>
      <c r="AF218">
        <f ca="1">ROUND(SQRT((VLOOKUP($A218,városok!$A$2:$C$346,2,0)-VLOOKUP(AF$1,városok!$A$2:$C$346,2,0))^2+(VLOOKUP($A218,városok!$A$2:$C$346,3,0)-VLOOKUP(AF$1,városok!$A$2:$C$346,3,0))^2)/1000,0)</f>
        <v>91</v>
      </c>
      <c r="AG218">
        <f ca="1">ROUND(SQRT((VLOOKUP($A218,városok!$A$2:$C$346,2,0)-VLOOKUP(AG$1,városok!$A$2:$C$346,2,0))^2+(VLOOKUP($A218,városok!$A$2:$C$346,3,0)-VLOOKUP(AG$1,városok!$A$2:$C$346,3,0))^2)/1000,0)</f>
        <v>56</v>
      </c>
      <c r="AH218">
        <f ca="1">ROUND(SQRT((VLOOKUP($A218,városok!$A$2:$C$346,2,0)-VLOOKUP(AH$1,városok!$A$2:$C$346,2,0))^2+(VLOOKUP($A218,városok!$A$2:$C$346,3,0)-VLOOKUP(AH$1,városok!$A$2:$C$346,3,0))^2)/1000,0)</f>
        <v>34</v>
      </c>
      <c r="AI218">
        <f ca="1">ROUND(SQRT((VLOOKUP($A218,városok!$A$2:$C$346,2,0)-VLOOKUP(AI$1,városok!$A$2:$C$346,2,0))^2+(VLOOKUP($A218,városok!$A$2:$C$346,3,0)-VLOOKUP(AI$1,városok!$A$2:$C$346,3,0))^2)/1000,0)</f>
        <v>84</v>
      </c>
      <c r="AJ218">
        <f ca="1">ROUND(SQRT((VLOOKUP($A218,városok!$A$2:$C$346,2,0)-VLOOKUP(AJ$1,városok!$A$2:$C$346,2,0))^2+(VLOOKUP($A218,városok!$A$2:$C$346,3,0)-VLOOKUP(AJ$1,városok!$A$2:$C$346,3,0))^2)/1000,0)</f>
        <v>50</v>
      </c>
      <c r="AK218">
        <f ca="1">ROUND(SQRT((VLOOKUP($A218,városok!$A$2:$C$346,2,0)-VLOOKUP(AK$1,városok!$A$2:$C$346,2,0))^2+(VLOOKUP($A218,városok!$A$2:$C$346,3,0)-VLOOKUP(AK$1,városok!$A$2:$C$346,3,0))^2)/1000,0)</f>
        <v>120</v>
      </c>
      <c r="AL218">
        <f ca="1">ROUND(SQRT((VLOOKUP($A218,városok!$A$2:$C$346,2,0)-VLOOKUP(AL$1,városok!$A$2:$C$346,2,0))^2+(VLOOKUP($A218,városok!$A$2:$C$346,3,0)-VLOOKUP(AL$1,városok!$A$2:$C$346,3,0))^2)/1000,0)</f>
        <v>93</v>
      </c>
      <c r="AM218">
        <f ca="1">ROUND(SQRT((VLOOKUP($A218,városok!$A$2:$C$346,2,0)-VLOOKUP(AM$1,városok!$A$2:$C$346,2,0))^2+(VLOOKUP($A218,városok!$A$2:$C$346,3,0)-VLOOKUP(AM$1,városok!$A$2:$C$346,3,0))^2)/1000,0)</f>
        <v>66</v>
      </c>
      <c r="AN218">
        <f ca="1">ROUND(SQRT((VLOOKUP($A218,városok!$A$2:$C$346,2,0)-VLOOKUP(AN$1,városok!$A$2:$C$346,2,0))^2+(VLOOKUP($A218,városok!$A$2:$C$346,3,0)-VLOOKUP(AN$1,városok!$A$2:$C$346,3,0))^2)/1000,0)</f>
        <v>64</v>
      </c>
      <c r="AO218">
        <f ca="1">ROUND(SQRT((VLOOKUP($A218,városok!$A$2:$C$346,2,0)-VLOOKUP(AO$1,városok!$A$2:$C$346,2,0))^2+(VLOOKUP($A218,városok!$A$2:$C$346,3,0)-VLOOKUP(AO$1,városok!$A$2:$C$346,3,0))^2)/1000,0)</f>
        <v>102</v>
      </c>
      <c r="AP218">
        <f ca="1">ROUND(SQRT((VLOOKUP($A218,városok!$A$2:$C$346,2,0)-VLOOKUP(AP$1,városok!$A$2:$C$346,2,0))^2+(VLOOKUP($A218,városok!$A$2:$C$346,3,0)-VLOOKUP(AP$1,városok!$A$2:$C$346,3,0))^2)/1000,0)</f>
        <v>84</v>
      </c>
      <c r="AQ218">
        <f ca="1">ROUND(SQRT((VLOOKUP($A218,városok!$A$2:$C$346,2,0)-VLOOKUP(AQ$1,városok!$A$2:$C$346,2,0))^2+(VLOOKUP($A218,városok!$A$2:$C$346,3,0)-VLOOKUP(AQ$1,városok!$A$2:$C$346,3,0))^2)/1000,0)</f>
        <v>76</v>
      </c>
      <c r="AR218">
        <f ca="1">ROUND(SQRT((VLOOKUP($A218,városok!$A$2:$C$346,2,0)-VLOOKUP(AR$1,városok!$A$2:$C$346,2,0))^2+(VLOOKUP($A218,városok!$A$2:$C$346,3,0)-VLOOKUP(AR$1,városok!$A$2:$C$346,3,0))^2)/1000,0)</f>
        <v>59</v>
      </c>
      <c r="AS218">
        <f ca="1">ROUND(SQRT((VLOOKUP($A218,városok!$A$2:$C$346,2,0)-VLOOKUP(AS$1,városok!$A$2:$C$346,2,0))^2+(VLOOKUP($A218,városok!$A$2:$C$346,3,0)-VLOOKUP(AS$1,városok!$A$2:$C$346,3,0))^2)/1000,0)</f>
        <v>82</v>
      </c>
      <c r="AT218">
        <f ca="1">ROUND(SQRT((VLOOKUP($A218,városok!$A$2:$C$346,2,0)-VLOOKUP(AT$1,városok!$A$2:$C$346,2,0))^2+(VLOOKUP($A218,városok!$A$2:$C$346,3,0)-VLOOKUP(AT$1,városok!$A$2:$C$346,3,0))^2)/1000,0)</f>
        <v>44</v>
      </c>
      <c r="AU218">
        <f ca="1">ROUND(SQRT((VLOOKUP($A218,városok!$A$2:$C$346,2,0)-VLOOKUP(AU$1,városok!$A$2:$C$346,2,0))^2+(VLOOKUP($A218,városok!$A$2:$C$346,3,0)-VLOOKUP(AU$1,városok!$A$2:$C$346,3,0))^2)/1000,0)</f>
        <v>33</v>
      </c>
      <c r="AV218">
        <f ca="1">ROUND(SQRT((VLOOKUP($A218,városok!$A$2:$C$346,2,0)-VLOOKUP(AV$1,városok!$A$2:$C$346,2,0))^2+(VLOOKUP($A218,városok!$A$2:$C$346,3,0)-VLOOKUP(AV$1,városok!$A$2:$C$346,3,0))^2)/1000,0)</f>
        <v>34</v>
      </c>
      <c r="AW218">
        <f ca="1">ROUND(SQRT((VLOOKUP($A218,városok!$A$2:$C$346,2,0)-VLOOKUP(AW$1,városok!$A$2:$C$346,2,0))^2+(VLOOKUP($A218,városok!$A$2:$C$346,3,0)-VLOOKUP(AW$1,városok!$A$2:$C$346,3,0))^2)/1000,0)</f>
        <v>37</v>
      </c>
      <c r="AX218">
        <f ca="1">ROUND(SQRT((VLOOKUP($A218,városok!$A$2:$C$346,2,0)-VLOOKUP(AX$1,városok!$A$2:$C$346,2,0))^2+(VLOOKUP($A218,városok!$A$2:$C$346,3,0)-VLOOKUP(AX$1,városok!$A$2:$C$346,3,0))^2)/1000,0)</f>
        <v>53</v>
      </c>
      <c r="AY218">
        <f ca="1">ROUND(SQRT((VLOOKUP($A218,városok!$A$2:$C$346,2,0)-VLOOKUP(AY$1,városok!$A$2:$C$346,2,0))^2+(VLOOKUP($A218,városok!$A$2:$C$346,3,0)-VLOOKUP(AY$1,városok!$A$2:$C$346,3,0))^2)/1000,0)</f>
        <v>38</v>
      </c>
      <c r="AZ218">
        <f ca="1">ROUND(SQRT((VLOOKUP($A218,városok!$A$2:$C$346,2,0)-VLOOKUP(AZ$1,városok!$A$2:$C$346,2,0))^2+(VLOOKUP($A218,városok!$A$2:$C$346,3,0)-VLOOKUP(AZ$1,városok!$A$2:$C$346,3,0))^2)/1000,0)</f>
        <v>51</v>
      </c>
      <c r="BA218">
        <f ca="1">ROUND(SQRT((VLOOKUP($A218,városok!$A$2:$C$346,2,0)-VLOOKUP(BA$1,városok!$A$2:$C$346,2,0))^2+(VLOOKUP($A218,városok!$A$2:$C$346,3,0)-VLOOKUP(BA$1,városok!$A$2:$C$346,3,0))^2)/1000,0)</f>
        <v>147</v>
      </c>
      <c r="BB218">
        <f ca="1">ROUND(SQRT((VLOOKUP($A218,városok!$A$2:$C$346,2,0)-VLOOKUP(BB$1,városok!$A$2:$C$346,2,0))^2+(VLOOKUP($A218,városok!$A$2:$C$346,3,0)-VLOOKUP(BB$1,városok!$A$2:$C$346,3,0))^2)/1000,0)</f>
        <v>148</v>
      </c>
      <c r="BC218">
        <f ca="1">ROUND(SQRT((VLOOKUP($A218,városok!$A$2:$C$346,2,0)-VLOOKUP(BC$1,városok!$A$2:$C$346,2,0))^2+(VLOOKUP($A218,városok!$A$2:$C$346,3,0)-VLOOKUP(BC$1,városok!$A$2:$C$346,3,0))^2)/1000,0)</f>
        <v>170</v>
      </c>
      <c r="BD218">
        <f ca="1">ROUND(SQRT((VLOOKUP($A218,városok!$A$2:$C$346,2,0)-VLOOKUP(BD$1,városok!$A$2:$C$346,2,0))^2+(VLOOKUP($A218,városok!$A$2:$C$346,3,0)-VLOOKUP(BD$1,városok!$A$2:$C$346,3,0))^2)/1000,0)</f>
        <v>116</v>
      </c>
      <c r="BE218">
        <f ca="1">ROUND(SQRT((VLOOKUP($A218,városok!$A$2:$C$346,2,0)-VLOOKUP(BE$1,városok!$A$2:$C$346,2,0))^2+(VLOOKUP($A218,városok!$A$2:$C$346,3,0)-VLOOKUP(BE$1,városok!$A$2:$C$346,3,0))^2)/1000,0)</f>
        <v>250</v>
      </c>
      <c r="BF218">
        <f ca="1">ROUND(SQRT((VLOOKUP($A218,városok!$A$2:$C$346,2,0)-VLOOKUP(BF$1,városok!$A$2:$C$346,2,0))^2+(VLOOKUP($A218,városok!$A$2:$C$346,3,0)-VLOOKUP(BF$1,városok!$A$2:$C$346,3,0))^2)/1000,0)</f>
        <v>219</v>
      </c>
      <c r="BG218">
        <f ca="1">ROUND(SQRT((VLOOKUP($A218,városok!$A$2:$C$346,2,0)-VLOOKUP(BG$1,városok!$A$2:$C$346,2,0))^2+(VLOOKUP($A218,városok!$A$2:$C$346,3,0)-VLOOKUP(BG$1,városok!$A$2:$C$346,3,0))^2)/1000,0)</f>
        <v>174</v>
      </c>
      <c r="BH218">
        <f ca="1">ROUND(SQRT((VLOOKUP($A218,városok!$A$2:$C$346,2,0)-VLOOKUP(BH$1,városok!$A$2:$C$346,2,0))^2+(VLOOKUP($A218,városok!$A$2:$C$346,3,0)-VLOOKUP(BH$1,városok!$A$2:$C$346,3,0))^2)/1000,0)</f>
        <v>173</v>
      </c>
      <c r="BI218">
        <f ca="1">ROUND(SQRT((VLOOKUP($A218,városok!$A$2:$C$346,2,0)-VLOOKUP(BI$1,városok!$A$2:$C$346,2,0))^2+(VLOOKUP($A218,városok!$A$2:$C$346,3,0)-VLOOKUP(BI$1,városok!$A$2:$C$346,3,0))^2)/1000,0)</f>
        <v>129</v>
      </c>
      <c r="BJ218">
        <f ca="1">ROUND(SQRT((VLOOKUP($A218,városok!$A$2:$C$346,2,0)-VLOOKUP(BJ$1,városok!$A$2:$C$346,2,0))^2+(VLOOKUP($A218,városok!$A$2:$C$346,3,0)-VLOOKUP(BJ$1,városok!$A$2:$C$346,3,0))^2)/1000,0)</f>
        <v>146</v>
      </c>
      <c r="BK218">
        <f ca="1">ROUND(SQRT((VLOOKUP($A218,városok!$A$2:$C$346,2,0)-VLOOKUP(BK$1,városok!$A$2:$C$346,2,0))^2+(VLOOKUP($A218,városok!$A$2:$C$346,3,0)-VLOOKUP(BK$1,városok!$A$2:$C$346,3,0))^2)/1000,0)</f>
        <v>131</v>
      </c>
      <c r="BL218">
        <f ca="1">ROUND(SQRT((VLOOKUP($A218,városok!$A$2:$C$346,2,0)-VLOOKUP(BL$1,városok!$A$2:$C$346,2,0))^2+(VLOOKUP($A218,városok!$A$2:$C$346,3,0)-VLOOKUP(BL$1,városok!$A$2:$C$346,3,0))^2)/1000,0)</f>
        <v>216</v>
      </c>
      <c r="BM218">
        <f ca="1">ROUND(SQRT((VLOOKUP($A218,városok!$A$2:$C$346,2,0)-VLOOKUP(BM$1,városok!$A$2:$C$346,2,0))^2+(VLOOKUP($A218,városok!$A$2:$C$346,3,0)-VLOOKUP(BM$1,városok!$A$2:$C$346,3,0))^2)/1000,0)</f>
        <v>187</v>
      </c>
      <c r="BN218">
        <f ca="1">ROUND(SQRT((VLOOKUP($A218,városok!$A$2:$C$346,2,0)-VLOOKUP(BN$1,városok!$A$2:$C$346,2,0))^2+(VLOOKUP($A218,városok!$A$2:$C$346,3,0)-VLOOKUP(BN$1,városok!$A$2:$C$346,3,0))^2)/1000,0)</f>
        <v>211</v>
      </c>
      <c r="BO218">
        <f ca="1">ROUND(SQRT((VLOOKUP($A218,városok!$A$2:$C$346,2,0)-VLOOKUP(BO$1,városok!$A$2:$C$346,2,0))^2+(VLOOKUP($A218,városok!$A$2:$C$346,3,0)-VLOOKUP(BO$1,városok!$A$2:$C$346,3,0))^2)/1000,0)</f>
        <v>114</v>
      </c>
      <c r="BP218">
        <f ca="1">ROUND(SQRT((VLOOKUP($A218,városok!$A$2:$C$346,2,0)-VLOOKUP(BP$1,városok!$A$2:$C$346,2,0))^2+(VLOOKUP($A218,városok!$A$2:$C$346,3,0)-VLOOKUP(BP$1,városok!$A$2:$C$346,3,0))^2)/1000,0)</f>
        <v>107</v>
      </c>
      <c r="BQ218">
        <f ca="1">ROUND(SQRT((VLOOKUP($A218,városok!$A$2:$C$346,2,0)-VLOOKUP(BQ$1,városok!$A$2:$C$346,2,0))^2+(VLOOKUP($A218,városok!$A$2:$C$346,3,0)-VLOOKUP(BQ$1,városok!$A$2:$C$346,3,0))^2)/1000,0)</f>
        <v>118</v>
      </c>
      <c r="BR218">
        <f ca="1">ROUND(SQRT((VLOOKUP($A218,városok!$A$2:$C$346,2,0)-VLOOKUP(BR$1,városok!$A$2:$C$346,2,0))^2+(VLOOKUP($A218,városok!$A$2:$C$346,3,0)-VLOOKUP(BR$1,városok!$A$2:$C$346,3,0))^2)/1000,0)</f>
        <v>178</v>
      </c>
      <c r="BS218">
        <f ca="1">ROUND(SQRT((VLOOKUP($A218,városok!$A$2:$C$346,2,0)-VLOOKUP(BS$1,városok!$A$2:$C$346,2,0))^2+(VLOOKUP($A218,városok!$A$2:$C$346,3,0)-VLOOKUP(BS$1,városok!$A$2:$C$346,3,0))^2)/1000,0)</f>
        <v>213</v>
      </c>
      <c r="BT218">
        <f ca="1">ROUND(SQRT((VLOOKUP($A218,városok!$A$2:$C$346,2,0)-VLOOKUP(BT$1,városok!$A$2:$C$346,2,0))^2+(VLOOKUP($A218,városok!$A$2:$C$346,3,0)-VLOOKUP(BT$1,városok!$A$2:$C$346,3,0))^2)/1000,0)</f>
        <v>205</v>
      </c>
    </row>
    <row r="219" spans="1:72" x14ac:dyDescent="0.2">
      <c r="A219" t="str">
        <f>városok!A219</f>
        <v>Halásztelek</v>
      </c>
      <c r="B219">
        <f ca="1">ROUND(SQRT((VLOOKUP($A219,városok!$A$2:$C$346,2,0)-VLOOKUP(B$1,városok!$A$2:$C$346,2,0))^2+(VLOOKUP($A219,városok!$A$2:$C$346,3,0)-VLOOKUP(B$1,városok!$A$2:$C$346,3,0))^2)/1000,0)</f>
        <v>131</v>
      </c>
      <c r="C219">
        <f ca="1">ROUND(SQRT((VLOOKUP($A219,városok!$A$2:$C$346,2,0)-VLOOKUP(C$1,városok!$A$2:$C$346,2,0))^2+(VLOOKUP($A219,városok!$A$2:$C$346,3,0)-VLOOKUP(C$1,városok!$A$2:$C$346,3,0))^2)/1000,0)</f>
        <v>93</v>
      </c>
      <c r="D219">
        <f ca="1">ROUND(SQRT((VLOOKUP($A219,városok!$A$2:$C$346,2,0)-VLOOKUP(D$1,városok!$A$2:$C$346,2,0))^2+(VLOOKUP($A219,városok!$A$2:$C$346,3,0)-VLOOKUP(D$1,városok!$A$2:$C$346,3,0))^2)/1000,0)</f>
        <v>74</v>
      </c>
      <c r="E219">
        <f ca="1">ROUND(SQRT((VLOOKUP($A219,városok!$A$2:$C$346,2,0)-VLOOKUP(E$1,városok!$A$2:$C$346,2,0))^2+(VLOOKUP($A219,városok!$A$2:$C$346,3,0)-VLOOKUP(E$1,városok!$A$2:$C$346,3,0))^2)/1000,0)</f>
        <v>141</v>
      </c>
      <c r="F219">
        <f ca="1">ROUND(SQRT((VLOOKUP($A219,városok!$A$2:$C$346,2,0)-VLOOKUP(F$1,városok!$A$2:$C$346,2,0))^2+(VLOOKUP($A219,városok!$A$2:$C$346,3,0)-VLOOKUP(F$1,városok!$A$2:$C$346,3,0))^2)/1000,0)</f>
        <v>154</v>
      </c>
      <c r="G219">
        <f ca="1">ROUND(SQRT((VLOOKUP($A219,városok!$A$2:$C$346,2,0)-VLOOKUP(G$1,városok!$A$2:$C$346,2,0))^2+(VLOOKUP($A219,városok!$A$2:$C$346,3,0)-VLOOKUP(G$1,városok!$A$2:$C$346,3,0))^2)/1000,0)</f>
        <v>153</v>
      </c>
      <c r="H219">
        <f ca="1">ROUND(SQRT((VLOOKUP($A219,városok!$A$2:$C$346,2,0)-VLOOKUP(H$1,városok!$A$2:$C$346,2,0))^2+(VLOOKUP($A219,városok!$A$2:$C$346,3,0)-VLOOKUP(H$1,városok!$A$2:$C$346,3,0))^2)/1000,0)</f>
        <v>172</v>
      </c>
      <c r="I219">
        <f ca="1">ROUND(SQRT((VLOOKUP($A219,városok!$A$2:$C$346,2,0)-VLOOKUP(I$1,városok!$A$2:$C$346,2,0))^2+(VLOOKUP($A219,városok!$A$2:$C$346,3,0)-VLOOKUP(I$1,városok!$A$2:$C$346,3,0))^2)/1000,0)</f>
        <v>177</v>
      </c>
      <c r="J219">
        <f ca="1">ROUND(SQRT((VLOOKUP($A219,városok!$A$2:$C$346,2,0)-VLOOKUP(J$1,városok!$A$2:$C$346,2,0))^2+(VLOOKUP($A219,városok!$A$2:$C$346,3,0)-VLOOKUP(J$1,városok!$A$2:$C$346,3,0))^2)/1000,0)</f>
        <v>192</v>
      </c>
      <c r="K219">
        <f ca="1">ROUND(SQRT((VLOOKUP($A219,városok!$A$2:$C$346,2,0)-VLOOKUP(K$1,városok!$A$2:$C$346,2,0))^2+(VLOOKUP($A219,városok!$A$2:$C$346,3,0)-VLOOKUP(K$1,városok!$A$2:$C$346,3,0))^2)/1000,0)</f>
        <v>156</v>
      </c>
      <c r="L219">
        <f ca="1">ROUND(SQRT((VLOOKUP($A219,városok!$A$2:$C$346,2,0)-VLOOKUP(L$1,városok!$A$2:$C$346,2,0))^2+(VLOOKUP($A219,városok!$A$2:$C$346,3,0)-VLOOKUP(L$1,városok!$A$2:$C$346,3,0))^2)/1000,0)</f>
        <v>159</v>
      </c>
      <c r="M219">
        <f ca="1">ROUND(SQRT((VLOOKUP($A219,városok!$A$2:$C$346,2,0)-VLOOKUP(M$1,városok!$A$2:$C$346,2,0))^2+(VLOOKUP($A219,városok!$A$2:$C$346,3,0)-VLOOKUP(M$1,városok!$A$2:$C$346,3,0))^2)/1000,0)</f>
        <v>159</v>
      </c>
      <c r="N219">
        <f ca="1">ROUND(SQRT((VLOOKUP($A219,városok!$A$2:$C$346,2,0)-VLOOKUP(N$1,városok!$A$2:$C$346,2,0))^2+(VLOOKUP($A219,városok!$A$2:$C$346,3,0)-VLOOKUP(N$1,városok!$A$2:$C$346,3,0))^2)/1000,0)</f>
        <v>137</v>
      </c>
      <c r="O219">
        <f ca="1">ROUND(SQRT((VLOOKUP($A219,városok!$A$2:$C$346,2,0)-VLOOKUP(O$1,városok!$A$2:$C$346,2,0))^2+(VLOOKUP($A219,városok!$A$2:$C$346,3,0)-VLOOKUP(O$1,városok!$A$2:$C$346,3,0))^2)/1000,0)</f>
        <v>231</v>
      </c>
      <c r="P219">
        <f ca="1">ROUND(SQRT((VLOOKUP($A219,városok!$A$2:$C$346,2,0)-VLOOKUP(P$1,városok!$A$2:$C$346,2,0))^2+(VLOOKUP($A219,városok!$A$2:$C$346,3,0)-VLOOKUP(P$1,városok!$A$2:$C$346,3,0))^2)/1000,0)</f>
        <v>231</v>
      </c>
      <c r="Q219">
        <f ca="1">ROUND(SQRT((VLOOKUP($A219,városok!$A$2:$C$346,2,0)-VLOOKUP(Q$1,városok!$A$2:$C$346,2,0))^2+(VLOOKUP($A219,városok!$A$2:$C$346,3,0)-VLOOKUP(Q$1,városok!$A$2:$C$346,3,0))^2)/1000,0)</f>
        <v>146</v>
      </c>
      <c r="R219">
        <f ca="1">ROUND(SQRT((VLOOKUP($A219,városok!$A$2:$C$346,2,0)-VLOOKUP(R$1,városok!$A$2:$C$346,2,0))^2+(VLOOKUP($A219,városok!$A$2:$C$346,3,0)-VLOOKUP(R$1,városok!$A$2:$C$346,3,0))^2)/1000,0)</f>
        <v>171</v>
      </c>
      <c r="S219">
        <f ca="1">ROUND(SQRT((VLOOKUP($A219,városok!$A$2:$C$346,2,0)-VLOOKUP(S$1,városok!$A$2:$C$346,2,0))^2+(VLOOKUP($A219,városok!$A$2:$C$346,3,0)-VLOOKUP(S$1,városok!$A$2:$C$346,3,0))^2)/1000,0)</f>
        <v>153</v>
      </c>
      <c r="T219">
        <f ca="1">ROUND(SQRT((VLOOKUP($A219,városok!$A$2:$C$346,2,0)-VLOOKUP(T$1,városok!$A$2:$C$346,2,0))^2+(VLOOKUP($A219,városok!$A$2:$C$346,3,0)-VLOOKUP(T$1,városok!$A$2:$C$346,3,0))^2)/1000,0)</f>
        <v>30</v>
      </c>
      <c r="U219">
        <f ca="1">ROUND(SQRT((VLOOKUP($A219,városok!$A$2:$C$346,2,0)-VLOOKUP(U$1,városok!$A$2:$C$346,2,0))^2+(VLOOKUP($A219,városok!$A$2:$C$346,3,0)-VLOOKUP(U$1,városok!$A$2:$C$346,3,0))^2)/1000,0)</f>
        <v>44</v>
      </c>
      <c r="V219">
        <f ca="1">ROUND(SQRT((VLOOKUP($A219,városok!$A$2:$C$346,2,0)-VLOOKUP(V$1,városok!$A$2:$C$346,2,0))^2+(VLOOKUP($A219,városok!$A$2:$C$346,3,0)-VLOOKUP(V$1,városok!$A$2:$C$346,3,0))^2)/1000,0)</f>
        <v>61</v>
      </c>
      <c r="W219">
        <f ca="1">ROUND(SQRT((VLOOKUP($A219,városok!$A$2:$C$346,2,0)-VLOOKUP(W$1,városok!$A$2:$C$346,2,0))^2+(VLOOKUP($A219,városok!$A$2:$C$346,3,0)-VLOOKUP(W$1,városok!$A$2:$C$346,3,0))^2)/1000,0)</f>
        <v>59</v>
      </c>
      <c r="X219">
        <f ca="1">ROUND(SQRT((VLOOKUP($A219,városok!$A$2:$C$346,2,0)-VLOOKUP(X$1,városok!$A$2:$C$346,2,0))^2+(VLOOKUP($A219,városok!$A$2:$C$346,3,0)-VLOOKUP(X$1,városok!$A$2:$C$346,3,0))^2)/1000,0)</f>
        <v>50</v>
      </c>
      <c r="Y219">
        <f ca="1">ROUND(SQRT((VLOOKUP($A219,városok!$A$2:$C$346,2,0)-VLOOKUP(Y$1,városok!$A$2:$C$346,2,0))^2+(VLOOKUP($A219,városok!$A$2:$C$346,3,0)-VLOOKUP(Y$1,városok!$A$2:$C$346,3,0))^2)/1000,0)</f>
        <v>108</v>
      </c>
      <c r="Z219">
        <f ca="1">ROUND(SQRT((VLOOKUP($A219,városok!$A$2:$C$346,2,0)-VLOOKUP(Z$1,városok!$A$2:$C$346,2,0))^2+(VLOOKUP($A219,városok!$A$2:$C$346,3,0)-VLOOKUP(Z$1,városok!$A$2:$C$346,3,0))^2)/1000,0)</f>
        <v>127</v>
      </c>
      <c r="AA219">
        <f ca="1">ROUND(SQRT((VLOOKUP($A219,városok!$A$2:$C$346,2,0)-VLOOKUP(AA$1,városok!$A$2:$C$346,2,0))^2+(VLOOKUP($A219,városok!$A$2:$C$346,3,0)-VLOOKUP(AA$1,városok!$A$2:$C$346,3,0))^2)/1000,0)</f>
        <v>184</v>
      </c>
      <c r="AB219">
        <f ca="1">ROUND(SQRT((VLOOKUP($A219,városok!$A$2:$C$346,2,0)-VLOOKUP(AB$1,városok!$A$2:$C$346,2,0))^2+(VLOOKUP($A219,városok!$A$2:$C$346,3,0)-VLOOKUP(AB$1,városok!$A$2:$C$346,3,0))^2)/1000,0)</f>
        <v>201</v>
      </c>
      <c r="AC219">
        <f ca="1">ROUND(SQRT((VLOOKUP($A219,városok!$A$2:$C$346,2,0)-VLOOKUP(AC$1,városok!$A$2:$C$346,2,0))^2+(VLOOKUP($A219,városok!$A$2:$C$346,3,0)-VLOOKUP(AC$1,városok!$A$2:$C$346,3,0))^2)/1000,0)</f>
        <v>183</v>
      </c>
      <c r="AD219">
        <f ca="1">ROUND(SQRT((VLOOKUP($A219,városok!$A$2:$C$346,2,0)-VLOOKUP(AD$1,városok!$A$2:$C$346,2,0))^2+(VLOOKUP($A219,városok!$A$2:$C$346,3,0)-VLOOKUP(AD$1,városok!$A$2:$C$346,3,0))^2)/1000,0)</f>
        <v>165</v>
      </c>
      <c r="AE219">
        <f ca="1">ROUND(SQRT((VLOOKUP($A219,városok!$A$2:$C$346,2,0)-VLOOKUP(AE$1,városok!$A$2:$C$346,2,0))^2+(VLOOKUP($A219,városok!$A$2:$C$346,3,0)-VLOOKUP(AE$1,városok!$A$2:$C$346,3,0))^2)/1000,0)</f>
        <v>166</v>
      </c>
      <c r="AF219">
        <f ca="1">ROUND(SQRT((VLOOKUP($A219,városok!$A$2:$C$346,2,0)-VLOOKUP(AF$1,városok!$A$2:$C$346,2,0))^2+(VLOOKUP($A219,városok!$A$2:$C$346,3,0)-VLOOKUP(AF$1,városok!$A$2:$C$346,3,0))^2)/1000,0)</f>
        <v>121</v>
      </c>
      <c r="AG219">
        <f ca="1">ROUND(SQRT((VLOOKUP($A219,városok!$A$2:$C$346,2,0)-VLOOKUP(AG$1,városok!$A$2:$C$346,2,0))^2+(VLOOKUP($A219,városok!$A$2:$C$346,3,0)-VLOOKUP(AG$1,városok!$A$2:$C$346,3,0))^2)/1000,0)</f>
        <v>85</v>
      </c>
      <c r="AH219">
        <f ca="1">ROUND(SQRT((VLOOKUP($A219,városok!$A$2:$C$346,2,0)-VLOOKUP(AH$1,városok!$A$2:$C$346,2,0))^2+(VLOOKUP($A219,városok!$A$2:$C$346,3,0)-VLOOKUP(AH$1,városok!$A$2:$C$346,3,0))^2)/1000,0)</f>
        <v>62</v>
      </c>
      <c r="AI219">
        <f ca="1">ROUND(SQRT((VLOOKUP($A219,városok!$A$2:$C$346,2,0)-VLOOKUP(AI$1,városok!$A$2:$C$346,2,0))^2+(VLOOKUP($A219,városok!$A$2:$C$346,3,0)-VLOOKUP(AI$1,városok!$A$2:$C$346,3,0))^2)/1000,0)</f>
        <v>111</v>
      </c>
      <c r="AJ219">
        <f ca="1">ROUND(SQRT((VLOOKUP($A219,városok!$A$2:$C$346,2,0)-VLOOKUP(AJ$1,városok!$A$2:$C$346,2,0))^2+(VLOOKUP($A219,városok!$A$2:$C$346,3,0)-VLOOKUP(AJ$1,városok!$A$2:$C$346,3,0))^2)/1000,0)</f>
        <v>81</v>
      </c>
      <c r="AK219">
        <f ca="1">ROUND(SQRT((VLOOKUP($A219,városok!$A$2:$C$346,2,0)-VLOOKUP(AK$1,városok!$A$2:$C$346,2,0))^2+(VLOOKUP($A219,városok!$A$2:$C$346,3,0)-VLOOKUP(AK$1,városok!$A$2:$C$346,3,0))^2)/1000,0)</f>
        <v>151</v>
      </c>
      <c r="AL219">
        <f ca="1">ROUND(SQRT((VLOOKUP($A219,városok!$A$2:$C$346,2,0)-VLOOKUP(AL$1,városok!$A$2:$C$346,2,0))^2+(VLOOKUP($A219,városok!$A$2:$C$346,3,0)-VLOOKUP(AL$1,városok!$A$2:$C$346,3,0))^2)/1000,0)</f>
        <v>125</v>
      </c>
      <c r="AM219">
        <f ca="1">ROUND(SQRT((VLOOKUP($A219,városok!$A$2:$C$346,2,0)-VLOOKUP(AM$1,városok!$A$2:$C$346,2,0))^2+(VLOOKUP($A219,városok!$A$2:$C$346,3,0)-VLOOKUP(AM$1,városok!$A$2:$C$346,3,0))^2)/1000,0)</f>
        <v>93</v>
      </c>
      <c r="AN219">
        <f ca="1">ROUND(SQRT((VLOOKUP($A219,városok!$A$2:$C$346,2,0)-VLOOKUP(AN$1,városok!$A$2:$C$346,2,0))^2+(VLOOKUP($A219,városok!$A$2:$C$346,3,0)-VLOOKUP(AN$1,városok!$A$2:$C$346,3,0))^2)/1000,0)</f>
        <v>51</v>
      </c>
      <c r="AO219">
        <f ca="1">ROUND(SQRT((VLOOKUP($A219,városok!$A$2:$C$346,2,0)-VLOOKUP(AO$1,városok!$A$2:$C$346,2,0))^2+(VLOOKUP($A219,városok!$A$2:$C$346,3,0)-VLOOKUP(AO$1,városok!$A$2:$C$346,3,0))^2)/1000,0)</f>
        <v>77</v>
      </c>
      <c r="AP219">
        <f ca="1">ROUND(SQRT((VLOOKUP($A219,városok!$A$2:$C$346,2,0)-VLOOKUP(AP$1,városok!$A$2:$C$346,2,0))^2+(VLOOKUP($A219,városok!$A$2:$C$346,3,0)-VLOOKUP(AP$1,városok!$A$2:$C$346,3,0))^2)/1000,0)</f>
        <v>58</v>
      </c>
      <c r="AQ219">
        <f ca="1">ROUND(SQRT((VLOOKUP($A219,városok!$A$2:$C$346,2,0)-VLOOKUP(AQ$1,városok!$A$2:$C$346,2,0))^2+(VLOOKUP($A219,városok!$A$2:$C$346,3,0)-VLOOKUP(AQ$1,városok!$A$2:$C$346,3,0))^2)/1000,0)</f>
        <v>49</v>
      </c>
      <c r="AR219">
        <f ca="1">ROUND(SQRT((VLOOKUP($A219,városok!$A$2:$C$346,2,0)-VLOOKUP(AR$1,városok!$A$2:$C$346,2,0))^2+(VLOOKUP($A219,városok!$A$2:$C$346,3,0)-VLOOKUP(AR$1,városok!$A$2:$C$346,3,0))^2)/1000,0)</f>
        <v>82</v>
      </c>
      <c r="AS219">
        <f ca="1">ROUND(SQRT((VLOOKUP($A219,városok!$A$2:$C$346,2,0)-VLOOKUP(AS$1,városok!$A$2:$C$346,2,0))^2+(VLOOKUP($A219,városok!$A$2:$C$346,3,0)-VLOOKUP(AS$1,városok!$A$2:$C$346,3,0))^2)/1000,0)</f>
        <v>104</v>
      </c>
      <c r="AT219">
        <f ca="1">ROUND(SQRT((VLOOKUP($A219,városok!$A$2:$C$346,2,0)-VLOOKUP(AT$1,városok!$A$2:$C$346,2,0))^2+(VLOOKUP($A219,városok!$A$2:$C$346,3,0)-VLOOKUP(AT$1,városok!$A$2:$C$346,3,0))^2)/1000,0)</f>
        <v>17</v>
      </c>
      <c r="AU219">
        <f ca="1">ROUND(SQRT((VLOOKUP($A219,városok!$A$2:$C$346,2,0)-VLOOKUP(AU$1,városok!$A$2:$C$346,2,0))^2+(VLOOKUP($A219,városok!$A$2:$C$346,3,0)-VLOOKUP(AU$1,városok!$A$2:$C$346,3,0))^2)/1000,0)</f>
        <v>11</v>
      </c>
      <c r="AV219">
        <f ca="1">ROUND(SQRT((VLOOKUP($A219,városok!$A$2:$C$346,2,0)-VLOOKUP(AV$1,városok!$A$2:$C$346,2,0))^2+(VLOOKUP($A219,városok!$A$2:$C$346,3,0)-VLOOKUP(AV$1,városok!$A$2:$C$346,3,0))^2)/1000,0)</f>
        <v>6</v>
      </c>
      <c r="AW219">
        <f ca="1">ROUND(SQRT((VLOOKUP($A219,városok!$A$2:$C$346,2,0)-VLOOKUP(AW$1,városok!$A$2:$C$346,2,0))^2+(VLOOKUP($A219,városok!$A$2:$C$346,3,0)-VLOOKUP(AW$1,városok!$A$2:$C$346,3,0))^2)/1000,0)</f>
        <v>6</v>
      </c>
      <c r="AX219">
        <f ca="1">ROUND(SQRT((VLOOKUP($A219,városok!$A$2:$C$346,2,0)-VLOOKUP(AX$1,városok!$A$2:$C$346,2,0))^2+(VLOOKUP($A219,városok!$A$2:$C$346,3,0)-VLOOKUP(AX$1,városok!$A$2:$C$346,3,0))^2)/1000,0)</f>
        <v>71</v>
      </c>
      <c r="AY219">
        <f ca="1">ROUND(SQRT((VLOOKUP($A219,városok!$A$2:$C$346,2,0)-VLOOKUP(AY$1,városok!$A$2:$C$346,2,0))^2+(VLOOKUP($A219,városok!$A$2:$C$346,3,0)-VLOOKUP(AY$1,városok!$A$2:$C$346,3,0))^2)/1000,0)</f>
        <v>36</v>
      </c>
      <c r="AZ219">
        <f ca="1">ROUND(SQRT((VLOOKUP($A219,városok!$A$2:$C$346,2,0)-VLOOKUP(AZ$1,városok!$A$2:$C$346,2,0))^2+(VLOOKUP($A219,városok!$A$2:$C$346,3,0)-VLOOKUP(AZ$1,városok!$A$2:$C$346,3,0))^2)/1000,0)</f>
        <v>47</v>
      </c>
      <c r="BA219">
        <f ca="1">ROUND(SQRT((VLOOKUP($A219,városok!$A$2:$C$346,2,0)-VLOOKUP(BA$1,városok!$A$2:$C$346,2,0))^2+(VLOOKUP($A219,városok!$A$2:$C$346,3,0)-VLOOKUP(BA$1,városok!$A$2:$C$346,3,0))^2)/1000,0)</f>
        <v>117</v>
      </c>
      <c r="BB219">
        <f ca="1">ROUND(SQRT((VLOOKUP($A219,városok!$A$2:$C$346,2,0)-VLOOKUP(BB$1,városok!$A$2:$C$346,2,0))^2+(VLOOKUP($A219,városok!$A$2:$C$346,3,0)-VLOOKUP(BB$1,városok!$A$2:$C$346,3,0))^2)/1000,0)</f>
        <v>121</v>
      </c>
      <c r="BC219">
        <f ca="1">ROUND(SQRT((VLOOKUP($A219,városok!$A$2:$C$346,2,0)-VLOOKUP(BC$1,városok!$A$2:$C$346,2,0))^2+(VLOOKUP($A219,városok!$A$2:$C$346,3,0)-VLOOKUP(BC$1,városok!$A$2:$C$346,3,0))^2)/1000,0)</f>
        <v>144</v>
      </c>
      <c r="BD219">
        <f ca="1">ROUND(SQRT((VLOOKUP($A219,városok!$A$2:$C$346,2,0)-VLOOKUP(BD$1,városok!$A$2:$C$346,2,0))^2+(VLOOKUP($A219,városok!$A$2:$C$346,3,0)-VLOOKUP(BD$1,városok!$A$2:$C$346,3,0))^2)/1000,0)</f>
        <v>86</v>
      </c>
      <c r="BE219">
        <f ca="1">ROUND(SQRT((VLOOKUP($A219,városok!$A$2:$C$346,2,0)-VLOOKUP(BE$1,városok!$A$2:$C$346,2,0))^2+(VLOOKUP($A219,városok!$A$2:$C$346,3,0)-VLOOKUP(BE$1,városok!$A$2:$C$346,3,0))^2)/1000,0)</f>
        <v>282</v>
      </c>
      <c r="BF219">
        <f ca="1">ROUND(SQRT((VLOOKUP($A219,városok!$A$2:$C$346,2,0)-VLOOKUP(BF$1,városok!$A$2:$C$346,2,0))^2+(VLOOKUP($A219,városok!$A$2:$C$346,3,0)-VLOOKUP(BF$1,városok!$A$2:$C$346,3,0))^2)/1000,0)</f>
        <v>251</v>
      </c>
      <c r="BG219">
        <f ca="1">ROUND(SQRT((VLOOKUP($A219,városok!$A$2:$C$346,2,0)-VLOOKUP(BG$1,városok!$A$2:$C$346,2,0))^2+(VLOOKUP($A219,városok!$A$2:$C$346,3,0)-VLOOKUP(BG$1,városok!$A$2:$C$346,3,0))^2)/1000,0)</f>
        <v>205</v>
      </c>
      <c r="BH219">
        <f ca="1">ROUND(SQRT((VLOOKUP($A219,városok!$A$2:$C$346,2,0)-VLOOKUP(BH$1,városok!$A$2:$C$346,2,0))^2+(VLOOKUP($A219,városok!$A$2:$C$346,3,0)-VLOOKUP(BH$1,városok!$A$2:$C$346,3,0))^2)/1000,0)</f>
        <v>205</v>
      </c>
      <c r="BI219">
        <f ca="1">ROUND(SQRT((VLOOKUP($A219,városok!$A$2:$C$346,2,0)-VLOOKUP(BI$1,városok!$A$2:$C$346,2,0))^2+(VLOOKUP($A219,városok!$A$2:$C$346,3,0)-VLOOKUP(BI$1,városok!$A$2:$C$346,3,0))^2)/1000,0)</f>
        <v>111</v>
      </c>
      <c r="BJ219">
        <f ca="1">ROUND(SQRT((VLOOKUP($A219,városok!$A$2:$C$346,2,0)-VLOOKUP(BJ$1,városok!$A$2:$C$346,2,0))^2+(VLOOKUP($A219,városok!$A$2:$C$346,3,0)-VLOOKUP(BJ$1,városok!$A$2:$C$346,3,0))^2)/1000,0)</f>
        <v>126</v>
      </c>
      <c r="BK219">
        <f ca="1">ROUND(SQRT((VLOOKUP($A219,városok!$A$2:$C$346,2,0)-VLOOKUP(BK$1,városok!$A$2:$C$346,2,0))^2+(VLOOKUP($A219,városok!$A$2:$C$346,3,0)-VLOOKUP(BK$1,városok!$A$2:$C$346,3,0))^2)/1000,0)</f>
        <v>114</v>
      </c>
      <c r="BL219">
        <f ca="1">ROUND(SQRT((VLOOKUP($A219,városok!$A$2:$C$346,2,0)-VLOOKUP(BL$1,városok!$A$2:$C$346,2,0))^2+(VLOOKUP($A219,városok!$A$2:$C$346,3,0)-VLOOKUP(BL$1,városok!$A$2:$C$346,3,0))^2)/1000,0)</f>
        <v>184</v>
      </c>
      <c r="BM219">
        <f ca="1">ROUND(SQRT((VLOOKUP($A219,városok!$A$2:$C$346,2,0)-VLOOKUP(BM$1,városok!$A$2:$C$346,2,0))^2+(VLOOKUP($A219,városok!$A$2:$C$346,3,0)-VLOOKUP(BM$1,városok!$A$2:$C$346,3,0))^2)/1000,0)</f>
        <v>155</v>
      </c>
      <c r="BN219">
        <f ca="1">ROUND(SQRT((VLOOKUP($A219,városok!$A$2:$C$346,2,0)-VLOOKUP(BN$1,városok!$A$2:$C$346,2,0))^2+(VLOOKUP($A219,városok!$A$2:$C$346,3,0)-VLOOKUP(BN$1,városok!$A$2:$C$346,3,0))^2)/1000,0)</f>
        <v>179</v>
      </c>
      <c r="BO219">
        <f ca="1">ROUND(SQRT((VLOOKUP($A219,városok!$A$2:$C$346,2,0)-VLOOKUP(BO$1,városok!$A$2:$C$346,2,0))^2+(VLOOKUP($A219,városok!$A$2:$C$346,3,0)-VLOOKUP(BO$1,városok!$A$2:$C$346,3,0))^2)/1000,0)</f>
        <v>82</v>
      </c>
      <c r="BP219">
        <f ca="1">ROUND(SQRT((VLOOKUP($A219,városok!$A$2:$C$346,2,0)-VLOOKUP(BP$1,városok!$A$2:$C$346,2,0))^2+(VLOOKUP($A219,városok!$A$2:$C$346,3,0)-VLOOKUP(BP$1,városok!$A$2:$C$346,3,0))^2)/1000,0)</f>
        <v>75</v>
      </c>
      <c r="BQ219">
        <f ca="1">ROUND(SQRT((VLOOKUP($A219,városok!$A$2:$C$346,2,0)-VLOOKUP(BQ$1,városok!$A$2:$C$346,2,0))^2+(VLOOKUP($A219,városok!$A$2:$C$346,3,0)-VLOOKUP(BQ$1,városok!$A$2:$C$346,3,0))^2)/1000,0)</f>
        <v>86</v>
      </c>
      <c r="BR219">
        <f ca="1">ROUND(SQRT((VLOOKUP($A219,városok!$A$2:$C$346,2,0)-VLOOKUP(BR$1,városok!$A$2:$C$346,2,0))^2+(VLOOKUP($A219,városok!$A$2:$C$346,3,0)-VLOOKUP(BR$1,városok!$A$2:$C$346,3,0))^2)/1000,0)</f>
        <v>147</v>
      </c>
      <c r="BS219">
        <f ca="1">ROUND(SQRT((VLOOKUP($A219,városok!$A$2:$C$346,2,0)-VLOOKUP(BS$1,városok!$A$2:$C$346,2,0))^2+(VLOOKUP($A219,városok!$A$2:$C$346,3,0)-VLOOKUP(BS$1,városok!$A$2:$C$346,3,0))^2)/1000,0)</f>
        <v>182</v>
      </c>
      <c r="BT219">
        <f ca="1">ROUND(SQRT((VLOOKUP($A219,városok!$A$2:$C$346,2,0)-VLOOKUP(BT$1,városok!$A$2:$C$346,2,0))^2+(VLOOKUP($A219,városok!$A$2:$C$346,3,0)-VLOOKUP(BT$1,városok!$A$2:$C$346,3,0))^2)/1000,0)</f>
        <v>173</v>
      </c>
    </row>
    <row r="220" spans="1:72" x14ac:dyDescent="0.2">
      <c r="A220" t="str">
        <f>városok!A220</f>
        <v>Isaszeg</v>
      </c>
      <c r="B220">
        <f ca="1">ROUND(SQRT((VLOOKUP($A220,városok!$A$2:$C$346,2,0)-VLOOKUP(B$1,városok!$A$2:$C$346,2,0))^2+(VLOOKUP($A220,városok!$A$2:$C$346,3,0)-VLOOKUP(B$1,városok!$A$2:$C$346,3,0))^2)/1000,0)</f>
        <v>154</v>
      </c>
      <c r="C220">
        <f ca="1">ROUND(SQRT((VLOOKUP($A220,városok!$A$2:$C$346,2,0)-VLOOKUP(C$1,városok!$A$2:$C$346,2,0))^2+(VLOOKUP($A220,városok!$A$2:$C$346,3,0)-VLOOKUP(C$1,városok!$A$2:$C$346,3,0))^2)/1000,0)</f>
        <v>117</v>
      </c>
      <c r="D220">
        <f ca="1">ROUND(SQRT((VLOOKUP($A220,városok!$A$2:$C$346,2,0)-VLOOKUP(D$1,városok!$A$2:$C$346,2,0))^2+(VLOOKUP($A220,városok!$A$2:$C$346,3,0)-VLOOKUP(D$1,városok!$A$2:$C$346,3,0))^2)/1000,0)</f>
        <v>73</v>
      </c>
      <c r="E220">
        <f ca="1">ROUND(SQRT((VLOOKUP($A220,városok!$A$2:$C$346,2,0)-VLOOKUP(E$1,városok!$A$2:$C$346,2,0))^2+(VLOOKUP($A220,városok!$A$2:$C$346,3,0)-VLOOKUP(E$1,városok!$A$2:$C$346,3,0))^2)/1000,0)</f>
        <v>173</v>
      </c>
      <c r="F220">
        <f ca="1">ROUND(SQRT((VLOOKUP($A220,városok!$A$2:$C$346,2,0)-VLOOKUP(F$1,városok!$A$2:$C$346,2,0))^2+(VLOOKUP($A220,városok!$A$2:$C$346,3,0)-VLOOKUP(F$1,városok!$A$2:$C$346,3,0))^2)/1000,0)</f>
        <v>180</v>
      </c>
      <c r="G220">
        <f ca="1">ROUND(SQRT((VLOOKUP($A220,városok!$A$2:$C$346,2,0)-VLOOKUP(G$1,városok!$A$2:$C$346,2,0))^2+(VLOOKUP($A220,városok!$A$2:$C$346,3,0)-VLOOKUP(G$1,városok!$A$2:$C$346,3,0))^2)/1000,0)</f>
        <v>184</v>
      </c>
      <c r="H220">
        <f ca="1">ROUND(SQRT((VLOOKUP($A220,városok!$A$2:$C$346,2,0)-VLOOKUP(H$1,városok!$A$2:$C$346,2,0))^2+(VLOOKUP($A220,városok!$A$2:$C$346,3,0)-VLOOKUP(H$1,városok!$A$2:$C$346,3,0))^2)/1000,0)</f>
        <v>206</v>
      </c>
      <c r="I220">
        <f ca="1">ROUND(SQRT((VLOOKUP($A220,városok!$A$2:$C$346,2,0)-VLOOKUP(I$1,városok!$A$2:$C$346,2,0))^2+(VLOOKUP($A220,városok!$A$2:$C$346,3,0)-VLOOKUP(I$1,városok!$A$2:$C$346,3,0))^2)/1000,0)</f>
        <v>160</v>
      </c>
      <c r="J220">
        <f ca="1">ROUND(SQRT((VLOOKUP($A220,városok!$A$2:$C$346,2,0)-VLOOKUP(J$1,városok!$A$2:$C$346,2,0))^2+(VLOOKUP($A220,városok!$A$2:$C$346,3,0)-VLOOKUP(J$1,városok!$A$2:$C$346,3,0))^2)/1000,0)</f>
        <v>174</v>
      </c>
      <c r="K220">
        <f ca="1">ROUND(SQRT((VLOOKUP($A220,városok!$A$2:$C$346,2,0)-VLOOKUP(K$1,városok!$A$2:$C$346,2,0))^2+(VLOOKUP($A220,városok!$A$2:$C$346,3,0)-VLOOKUP(K$1,városok!$A$2:$C$346,3,0))^2)/1000,0)</f>
        <v>145</v>
      </c>
      <c r="L220">
        <f ca="1">ROUND(SQRT((VLOOKUP($A220,városok!$A$2:$C$346,2,0)-VLOOKUP(L$1,városok!$A$2:$C$346,2,0))^2+(VLOOKUP($A220,városok!$A$2:$C$346,3,0)-VLOOKUP(L$1,városok!$A$2:$C$346,3,0))^2)/1000,0)</f>
        <v>122</v>
      </c>
      <c r="M220">
        <f ca="1">ROUND(SQRT((VLOOKUP($A220,városok!$A$2:$C$346,2,0)-VLOOKUP(M$1,városok!$A$2:$C$346,2,0))^2+(VLOOKUP($A220,városok!$A$2:$C$346,3,0)-VLOOKUP(M$1,városok!$A$2:$C$346,3,0))^2)/1000,0)</f>
        <v>122</v>
      </c>
      <c r="N220">
        <f ca="1">ROUND(SQRT((VLOOKUP($A220,városok!$A$2:$C$346,2,0)-VLOOKUP(N$1,városok!$A$2:$C$346,2,0))^2+(VLOOKUP($A220,városok!$A$2:$C$346,3,0)-VLOOKUP(N$1,városok!$A$2:$C$346,3,0))^2)/1000,0)</f>
        <v>101</v>
      </c>
      <c r="O220">
        <f ca="1">ROUND(SQRT((VLOOKUP($A220,városok!$A$2:$C$346,2,0)-VLOOKUP(O$1,városok!$A$2:$C$346,2,0))^2+(VLOOKUP($A220,városok!$A$2:$C$346,3,0)-VLOOKUP(O$1,városok!$A$2:$C$346,3,0))^2)/1000,0)</f>
        <v>193</v>
      </c>
      <c r="P220">
        <f ca="1">ROUND(SQRT((VLOOKUP($A220,városok!$A$2:$C$346,2,0)-VLOOKUP(P$1,városok!$A$2:$C$346,2,0))^2+(VLOOKUP($A220,városok!$A$2:$C$346,3,0)-VLOOKUP(P$1,városok!$A$2:$C$346,3,0))^2)/1000,0)</f>
        <v>194</v>
      </c>
      <c r="Q220">
        <f ca="1">ROUND(SQRT((VLOOKUP($A220,városok!$A$2:$C$346,2,0)-VLOOKUP(Q$1,városok!$A$2:$C$346,2,0))^2+(VLOOKUP($A220,városok!$A$2:$C$346,3,0)-VLOOKUP(Q$1,városok!$A$2:$C$346,3,0))^2)/1000,0)</f>
        <v>143</v>
      </c>
      <c r="R220">
        <f ca="1">ROUND(SQRT((VLOOKUP($A220,városok!$A$2:$C$346,2,0)-VLOOKUP(R$1,városok!$A$2:$C$346,2,0))^2+(VLOOKUP($A220,városok!$A$2:$C$346,3,0)-VLOOKUP(R$1,városok!$A$2:$C$346,3,0))^2)/1000,0)</f>
        <v>168</v>
      </c>
      <c r="S220">
        <f ca="1">ROUND(SQRT((VLOOKUP($A220,városok!$A$2:$C$346,2,0)-VLOOKUP(S$1,városok!$A$2:$C$346,2,0))^2+(VLOOKUP($A220,városok!$A$2:$C$346,3,0)-VLOOKUP(S$1,városok!$A$2:$C$346,3,0))^2)/1000,0)</f>
        <v>155</v>
      </c>
      <c r="T220">
        <f ca="1">ROUND(SQRT((VLOOKUP($A220,városok!$A$2:$C$346,2,0)-VLOOKUP(T$1,városok!$A$2:$C$346,2,0))^2+(VLOOKUP($A220,városok!$A$2:$C$346,3,0)-VLOOKUP(T$1,városok!$A$2:$C$346,3,0))^2)/1000,0)</f>
        <v>58</v>
      </c>
      <c r="U220">
        <f ca="1">ROUND(SQRT((VLOOKUP($A220,városok!$A$2:$C$346,2,0)-VLOOKUP(U$1,városok!$A$2:$C$346,2,0))^2+(VLOOKUP($A220,városok!$A$2:$C$346,3,0)-VLOOKUP(U$1,városok!$A$2:$C$346,3,0))^2)/1000,0)</f>
        <v>72</v>
      </c>
      <c r="V220">
        <f ca="1">ROUND(SQRT((VLOOKUP($A220,városok!$A$2:$C$346,2,0)-VLOOKUP(V$1,városok!$A$2:$C$346,2,0))^2+(VLOOKUP($A220,városok!$A$2:$C$346,3,0)-VLOOKUP(V$1,városok!$A$2:$C$346,3,0))^2)/1000,0)</f>
        <v>98</v>
      </c>
      <c r="W220">
        <f ca="1">ROUND(SQRT((VLOOKUP($A220,városok!$A$2:$C$346,2,0)-VLOOKUP(W$1,városok!$A$2:$C$346,2,0))^2+(VLOOKUP($A220,városok!$A$2:$C$346,3,0)-VLOOKUP(W$1,városok!$A$2:$C$346,3,0))^2)/1000,0)</f>
        <v>93</v>
      </c>
      <c r="X220">
        <f ca="1">ROUND(SQRT((VLOOKUP($A220,városok!$A$2:$C$346,2,0)-VLOOKUP(X$1,városok!$A$2:$C$346,2,0))^2+(VLOOKUP($A220,városok!$A$2:$C$346,3,0)-VLOOKUP(X$1,városok!$A$2:$C$346,3,0))^2)/1000,0)</f>
        <v>85</v>
      </c>
      <c r="Y220">
        <f ca="1">ROUND(SQRT((VLOOKUP($A220,városok!$A$2:$C$346,2,0)-VLOOKUP(Y$1,városok!$A$2:$C$346,2,0))^2+(VLOOKUP($A220,városok!$A$2:$C$346,3,0)-VLOOKUP(Y$1,városok!$A$2:$C$346,3,0))^2)/1000,0)</f>
        <v>134</v>
      </c>
      <c r="Z220">
        <f ca="1">ROUND(SQRT((VLOOKUP($A220,városok!$A$2:$C$346,2,0)-VLOOKUP(Z$1,városok!$A$2:$C$346,2,0))^2+(VLOOKUP($A220,városok!$A$2:$C$346,3,0)-VLOOKUP(Z$1,városok!$A$2:$C$346,3,0))^2)/1000,0)</f>
        <v>153</v>
      </c>
      <c r="AA220">
        <f ca="1">ROUND(SQRT((VLOOKUP($A220,városok!$A$2:$C$346,2,0)-VLOOKUP(AA$1,városok!$A$2:$C$346,2,0))^2+(VLOOKUP($A220,városok!$A$2:$C$346,3,0)-VLOOKUP(AA$1,városok!$A$2:$C$346,3,0))^2)/1000,0)</f>
        <v>212</v>
      </c>
      <c r="AB220">
        <f ca="1">ROUND(SQRT((VLOOKUP($A220,városok!$A$2:$C$346,2,0)-VLOOKUP(AB$1,városok!$A$2:$C$346,2,0))^2+(VLOOKUP($A220,városok!$A$2:$C$346,3,0)-VLOOKUP(AB$1,városok!$A$2:$C$346,3,0))^2)/1000,0)</f>
        <v>168</v>
      </c>
      <c r="AC220">
        <f ca="1">ROUND(SQRT((VLOOKUP($A220,városok!$A$2:$C$346,2,0)-VLOOKUP(AC$1,városok!$A$2:$C$346,2,0))^2+(VLOOKUP($A220,városok!$A$2:$C$346,3,0)-VLOOKUP(AC$1,városok!$A$2:$C$346,3,0))^2)/1000,0)</f>
        <v>151</v>
      </c>
      <c r="AD220">
        <f ca="1">ROUND(SQRT((VLOOKUP($A220,városok!$A$2:$C$346,2,0)-VLOOKUP(AD$1,városok!$A$2:$C$346,2,0))^2+(VLOOKUP($A220,városok!$A$2:$C$346,3,0)-VLOOKUP(AD$1,városok!$A$2:$C$346,3,0))^2)/1000,0)</f>
        <v>133</v>
      </c>
      <c r="AE220">
        <f ca="1">ROUND(SQRT((VLOOKUP($A220,városok!$A$2:$C$346,2,0)-VLOOKUP(AE$1,városok!$A$2:$C$346,2,0))^2+(VLOOKUP($A220,városok!$A$2:$C$346,3,0)-VLOOKUP(AE$1,városok!$A$2:$C$346,3,0))^2)/1000,0)</f>
        <v>137</v>
      </c>
      <c r="AF220">
        <f ca="1">ROUND(SQRT((VLOOKUP($A220,városok!$A$2:$C$346,2,0)-VLOOKUP(AF$1,városok!$A$2:$C$346,2,0))^2+(VLOOKUP($A220,városok!$A$2:$C$346,3,0)-VLOOKUP(AF$1,városok!$A$2:$C$346,3,0))^2)/1000,0)</f>
        <v>84</v>
      </c>
      <c r="AG220">
        <f ca="1">ROUND(SQRT((VLOOKUP($A220,városok!$A$2:$C$346,2,0)-VLOOKUP(AG$1,városok!$A$2:$C$346,2,0))^2+(VLOOKUP($A220,városok!$A$2:$C$346,3,0)-VLOOKUP(AG$1,városok!$A$2:$C$346,3,0))^2)/1000,0)</f>
        <v>48</v>
      </c>
      <c r="AH220">
        <f ca="1">ROUND(SQRT((VLOOKUP($A220,városok!$A$2:$C$346,2,0)-VLOOKUP(AH$1,városok!$A$2:$C$346,2,0))^2+(VLOOKUP($A220,városok!$A$2:$C$346,3,0)-VLOOKUP(AH$1,városok!$A$2:$C$346,3,0))^2)/1000,0)</f>
        <v>25</v>
      </c>
      <c r="AI220">
        <f ca="1">ROUND(SQRT((VLOOKUP($A220,városok!$A$2:$C$346,2,0)-VLOOKUP(AI$1,városok!$A$2:$C$346,2,0))^2+(VLOOKUP($A220,városok!$A$2:$C$346,3,0)-VLOOKUP(AI$1,városok!$A$2:$C$346,3,0))^2)/1000,0)</f>
        <v>75</v>
      </c>
      <c r="AJ220">
        <f ca="1">ROUND(SQRT((VLOOKUP($A220,városok!$A$2:$C$346,2,0)-VLOOKUP(AJ$1,városok!$A$2:$C$346,2,0))^2+(VLOOKUP($A220,városok!$A$2:$C$346,3,0)-VLOOKUP(AJ$1,városok!$A$2:$C$346,3,0))^2)/1000,0)</f>
        <v>45</v>
      </c>
      <c r="AK220">
        <f ca="1">ROUND(SQRT((VLOOKUP($A220,városok!$A$2:$C$346,2,0)-VLOOKUP(AK$1,városok!$A$2:$C$346,2,0))^2+(VLOOKUP($A220,városok!$A$2:$C$346,3,0)-VLOOKUP(AK$1,városok!$A$2:$C$346,3,0))^2)/1000,0)</f>
        <v>122</v>
      </c>
      <c r="AL220">
        <f ca="1">ROUND(SQRT((VLOOKUP($A220,városok!$A$2:$C$346,2,0)-VLOOKUP(AL$1,városok!$A$2:$C$346,2,0))^2+(VLOOKUP($A220,városok!$A$2:$C$346,3,0)-VLOOKUP(AL$1,városok!$A$2:$C$346,3,0))^2)/1000,0)</f>
        <v>95</v>
      </c>
      <c r="AM220">
        <f ca="1">ROUND(SQRT((VLOOKUP($A220,városok!$A$2:$C$346,2,0)-VLOOKUP(AM$1,városok!$A$2:$C$346,2,0))^2+(VLOOKUP($A220,városok!$A$2:$C$346,3,0)-VLOOKUP(AM$1,városok!$A$2:$C$346,3,0))^2)/1000,0)</f>
        <v>71</v>
      </c>
      <c r="AN220">
        <f ca="1">ROUND(SQRT((VLOOKUP($A220,városok!$A$2:$C$346,2,0)-VLOOKUP(AN$1,városok!$A$2:$C$346,2,0))^2+(VLOOKUP($A220,városok!$A$2:$C$346,3,0)-VLOOKUP(AN$1,városok!$A$2:$C$346,3,0))^2)/1000,0)</f>
        <v>57</v>
      </c>
      <c r="AO220">
        <f ca="1">ROUND(SQRT((VLOOKUP($A220,városok!$A$2:$C$346,2,0)-VLOOKUP(AO$1,városok!$A$2:$C$346,2,0))^2+(VLOOKUP($A220,városok!$A$2:$C$346,3,0)-VLOOKUP(AO$1,városok!$A$2:$C$346,3,0))^2)/1000,0)</f>
        <v>99</v>
      </c>
      <c r="AP220">
        <f ca="1">ROUND(SQRT((VLOOKUP($A220,városok!$A$2:$C$346,2,0)-VLOOKUP(AP$1,városok!$A$2:$C$346,2,0))^2+(VLOOKUP($A220,városok!$A$2:$C$346,3,0)-VLOOKUP(AP$1,városok!$A$2:$C$346,3,0))^2)/1000,0)</f>
        <v>81</v>
      </c>
      <c r="AQ220">
        <f ca="1">ROUND(SQRT((VLOOKUP($A220,városok!$A$2:$C$346,2,0)-VLOOKUP(AQ$1,városok!$A$2:$C$346,2,0))^2+(VLOOKUP($A220,városok!$A$2:$C$346,3,0)-VLOOKUP(AQ$1,városok!$A$2:$C$346,3,0))^2)/1000,0)</f>
        <v>75</v>
      </c>
      <c r="AR220">
        <f ca="1">ROUND(SQRT((VLOOKUP($A220,városok!$A$2:$C$346,2,0)-VLOOKUP(AR$1,városok!$A$2:$C$346,2,0))^2+(VLOOKUP($A220,városok!$A$2:$C$346,3,0)-VLOOKUP(AR$1,városok!$A$2:$C$346,3,0))^2)/1000,0)</f>
        <v>48</v>
      </c>
      <c r="AS220">
        <f ca="1">ROUND(SQRT((VLOOKUP($A220,városok!$A$2:$C$346,2,0)-VLOOKUP(AS$1,városok!$A$2:$C$346,2,0))^2+(VLOOKUP($A220,városok!$A$2:$C$346,3,0)-VLOOKUP(AS$1,városok!$A$2:$C$346,3,0))^2)/1000,0)</f>
        <v>71</v>
      </c>
      <c r="AT220">
        <f ca="1">ROUND(SQRT((VLOOKUP($A220,városok!$A$2:$C$346,2,0)-VLOOKUP(AT$1,városok!$A$2:$C$346,2,0))^2+(VLOOKUP($A220,városok!$A$2:$C$346,3,0)-VLOOKUP(AT$1,városok!$A$2:$C$346,3,0))^2)/1000,0)</f>
        <v>44</v>
      </c>
      <c r="AU220">
        <f ca="1">ROUND(SQRT((VLOOKUP($A220,városok!$A$2:$C$346,2,0)-VLOOKUP(AU$1,városok!$A$2:$C$346,2,0))^2+(VLOOKUP($A220,városok!$A$2:$C$346,3,0)-VLOOKUP(AU$1,városok!$A$2:$C$346,3,0))^2)/1000,0)</f>
        <v>34</v>
      </c>
      <c r="AV220">
        <f ca="1">ROUND(SQRT((VLOOKUP($A220,városok!$A$2:$C$346,2,0)-VLOOKUP(AV$1,városok!$A$2:$C$346,2,0))^2+(VLOOKUP($A220,városok!$A$2:$C$346,3,0)-VLOOKUP(AV$1,városok!$A$2:$C$346,3,0))^2)/1000,0)</f>
        <v>37</v>
      </c>
      <c r="AW220">
        <f ca="1">ROUND(SQRT((VLOOKUP($A220,városok!$A$2:$C$346,2,0)-VLOOKUP(AW$1,városok!$A$2:$C$346,2,0))^2+(VLOOKUP($A220,városok!$A$2:$C$346,3,0)-VLOOKUP(AW$1,városok!$A$2:$C$346,3,0))^2)/1000,0)</f>
        <v>40</v>
      </c>
      <c r="AX220">
        <f ca="1">ROUND(SQRT((VLOOKUP($A220,városok!$A$2:$C$346,2,0)-VLOOKUP(AX$1,városok!$A$2:$C$346,2,0))^2+(VLOOKUP($A220,városok!$A$2:$C$346,3,0)-VLOOKUP(AX$1,városok!$A$2:$C$346,3,0))^2)/1000,0)</f>
        <v>63</v>
      </c>
      <c r="AY220">
        <f ca="1">ROUND(SQRT((VLOOKUP($A220,városok!$A$2:$C$346,2,0)-VLOOKUP(AY$1,városok!$A$2:$C$346,2,0))^2+(VLOOKUP($A220,városok!$A$2:$C$346,3,0)-VLOOKUP(AY$1,városok!$A$2:$C$346,3,0))^2)/1000,0)</f>
        <v>30</v>
      </c>
      <c r="AZ220">
        <f ca="1">ROUND(SQRT((VLOOKUP($A220,városok!$A$2:$C$346,2,0)-VLOOKUP(AZ$1,városok!$A$2:$C$346,2,0))^2+(VLOOKUP($A220,városok!$A$2:$C$346,3,0)-VLOOKUP(AZ$1,városok!$A$2:$C$346,3,0))^2)/1000,0)</f>
        <v>42</v>
      </c>
      <c r="BA220">
        <f ca="1">ROUND(SQRT((VLOOKUP($A220,városok!$A$2:$C$346,2,0)-VLOOKUP(BA$1,városok!$A$2:$C$346,2,0))^2+(VLOOKUP($A220,városok!$A$2:$C$346,3,0)-VLOOKUP(BA$1,városok!$A$2:$C$346,3,0))^2)/1000,0)</f>
        <v>154</v>
      </c>
      <c r="BB220">
        <f ca="1">ROUND(SQRT((VLOOKUP($A220,városok!$A$2:$C$346,2,0)-VLOOKUP(BB$1,városok!$A$2:$C$346,2,0))^2+(VLOOKUP($A220,városok!$A$2:$C$346,3,0)-VLOOKUP(BB$1,városok!$A$2:$C$346,3,0))^2)/1000,0)</f>
        <v>157</v>
      </c>
      <c r="BC220">
        <f ca="1">ROUND(SQRT((VLOOKUP($A220,városok!$A$2:$C$346,2,0)-VLOOKUP(BC$1,városok!$A$2:$C$346,2,0))^2+(VLOOKUP($A220,városok!$A$2:$C$346,3,0)-VLOOKUP(BC$1,városok!$A$2:$C$346,3,0))^2)/1000,0)</f>
        <v>179</v>
      </c>
      <c r="BD220">
        <f ca="1">ROUND(SQRT((VLOOKUP($A220,városok!$A$2:$C$346,2,0)-VLOOKUP(BD$1,városok!$A$2:$C$346,2,0))^2+(VLOOKUP($A220,városok!$A$2:$C$346,3,0)-VLOOKUP(BD$1,városok!$A$2:$C$346,3,0))^2)/1000,0)</f>
        <v>123</v>
      </c>
      <c r="BE220">
        <f ca="1">ROUND(SQRT((VLOOKUP($A220,városok!$A$2:$C$346,2,0)-VLOOKUP(BE$1,városok!$A$2:$C$346,2,0))^2+(VLOOKUP($A220,városok!$A$2:$C$346,3,0)-VLOOKUP(BE$1,városok!$A$2:$C$346,3,0))^2)/1000,0)</f>
        <v>248</v>
      </c>
      <c r="BF220">
        <f ca="1">ROUND(SQRT((VLOOKUP($A220,városok!$A$2:$C$346,2,0)-VLOOKUP(BF$1,városok!$A$2:$C$346,2,0))^2+(VLOOKUP($A220,városok!$A$2:$C$346,3,0)-VLOOKUP(BF$1,városok!$A$2:$C$346,3,0))^2)/1000,0)</f>
        <v>214</v>
      </c>
      <c r="BG220">
        <f ca="1">ROUND(SQRT((VLOOKUP($A220,városok!$A$2:$C$346,2,0)-VLOOKUP(BG$1,városok!$A$2:$C$346,2,0))^2+(VLOOKUP($A220,városok!$A$2:$C$346,3,0)-VLOOKUP(BG$1,városok!$A$2:$C$346,3,0))^2)/1000,0)</f>
        <v>168</v>
      </c>
      <c r="BH220">
        <f ca="1">ROUND(SQRT((VLOOKUP($A220,városok!$A$2:$C$346,2,0)-VLOOKUP(BH$1,városok!$A$2:$C$346,2,0))^2+(VLOOKUP($A220,városok!$A$2:$C$346,3,0)-VLOOKUP(BH$1,városok!$A$2:$C$346,3,0))^2)/1000,0)</f>
        <v>168</v>
      </c>
      <c r="BI220">
        <f ca="1">ROUND(SQRT((VLOOKUP($A220,városok!$A$2:$C$346,2,0)-VLOOKUP(BI$1,városok!$A$2:$C$346,2,0))^2+(VLOOKUP($A220,városok!$A$2:$C$346,3,0)-VLOOKUP(BI$1,városok!$A$2:$C$346,3,0))^2)/1000,0)</f>
        <v>140</v>
      </c>
      <c r="BJ220">
        <f ca="1">ROUND(SQRT((VLOOKUP($A220,városok!$A$2:$C$346,2,0)-VLOOKUP(BJ$1,városok!$A$2:$C$346,2,0))^2+(VLOOKUP($A220,városok!$A$2:$C$346,3,0)-VLOOKUP(BJ$1,városok!$A$2:$C$346,3,0))^2)/1000,0)</f>
        <v>157</v>
      </c>
      <c r="BK220">
        <f ca="1">ROUND(SQRT((VLOOKUP($A220,városok!$A$2:$C$346,2,0)-VLOOKUP(BK$1,városok!$A$2:$C$346,2,0))^2+(VLOOKUP($A220,városok!$A$2:$C$346,3,0)-VLOOKUP(BK$1,városok!$A$2:$C$346,3,0))^2)/1000,0)</f>
        <v>142</v>
      </c>
      <c r="BL220">
        <f ca="1">ROUND(SQRT((VLOOKUP($A220,városok!$A$2:$C$346,2,0)-VLOOKUP(BL$1,városok!$A$2:$C$346,2,0))^2+(VLOOKUP($A220,városok!$A$2:$C$346,3,0)-VLOOKUP(BL$1,városok!$A$2:$C$346,3,0))^2)/1000,0)</f>
        <v>219</v>
      </c>
      <c r="BM220">
        <f ca="1">ROUND(SQRT((VLOOKUP($A220,városok!$A$2:$C$346,2,0)-VLOOKUP(BM$1,városok!$A$2:$C$346,2,0))^2+(VLOOKUP($A220,városok!$A$2:$C$346,3,0)-VLOOKUP(BM$1,városok!$A$2:$C$346,3,0))^2)/1000,0)</f>
        <v>189</v>
      </c>
      <c r="BN220">
        <f ca="1">ROUND(SQRT((VLOOKUP($A220,városok!$A$2:$C$346,2,0)-VLOOKUP(BN$1,városok!$A$2:$C$346,2,0))^2+(VLOOKUP($A220,városok!$A$2:$C$346,3,0)-VLOOKUP(BN$1,városok!$A$2:$C$346,3,0))^2)/1000,0)</f>
        <v>212</v>
      </c>
      <c r="BO220">
        <f ca="1">ROUND(SQRT((VLOOKUP($A220,városok!$A$2:$C$346,2,0)-VLOOKUP(BO$1,városok!$A$2:$C$346,2,0))^2+(VLOOKUP($A220,városok!$A$2:$C$346,3,0)-VLOOKUP(BO$1,városok!$A$2:$C$346,3,0))^2)/1000,0)</f>
        <v>119</v>
      </c>
      <c r="BP220">
        <f ca="1">ROUND(SQRT((VLOOKUP($A220,városok!$A$2:$C$346,2,0)-VLOOKUP(BP$1,városok!$A$2:$C$346,2,0))^2+(VLOOKUP($A220,városok!$A$2:$C$346,3,0)-VLOOKUP(BP$1,városok!$A$2:$C$346,3,0))^2)/1000,0)</f>
        <v>112</v>
      </c>
      <c r="BQ220">
        <f ca="1">ROUND(SQRT((VLOOKUP($A220,városok!$A$2:$C$346,2,0)-VLOOKUP(BQ$1,városok!$A$2:$C$346,2,0))^2+(VLOOKUP($A220,városok!$A$2:$C$346,3,0)-VLOOKUP(BQ$1,városok!$A$2:$C$346,3,0))^2)/1000,0)</f>
        <v>123</v>
      </c>
      <c r="BR220">
        <f ca="1">ROUND(SQRT((VLOOKUP($A220,városok!$A$2:$C$346,2,0)-VLOOKUP(BR$1,városok!$A$2:$C$346,2,0))^2+(VLOOKUP($A220,városok!$A$2:$C$346,3,0)-VLOOKUP(BR$1,városok!$A$2:$C$346,3,0))^2)/1000,0)</f>
        <v>184</v>
      </c>
      <c r="BS220">
        <f ca="1">ROUND(SQRT((VLOOKUP($A220,városok!$A$2:$C$346,2,0)-VLOOKUP(BS$1,városok!$A$2:$C$346,2,0))^2+(VLOOKUP($A220,városok!$A$2:$C$346,3,0)-VLOOKUP(BS$1,városok!$A$2:$C$346,3,0))^2)/1000,0)</f>
        <v>219</v>
      </c>
      <c r="BT220">
        <f ca="1">ROUND(SQRT((VLOOKUP($A220,városok!$A$2:$C$346,2,0)-VLOOKUP(BT$1,városok!$A$2:$C$346,2,0))^2+(VLOOKUP($A220,városok!$A$2:$C$346,3,0)-VLOOKUP(BT$1,városok!$A$2:$C$346,3,0))^2)/1000,0)</f>
        <v>209</v>
      </c>
    </row>
    <row r="221" spans="1:72" x14ac:dyDescent="0.2">
      <c r="A221" t="str">
        <f>városok!A221</f>
        <v>Kerepes</v>
      </c>
      <c r="B221">
        <f ca="1">ROUND(SQRT((VLOOKUP($A221,városok!$A$2:$C$346,2,0)-VLOOKUP(B$1,városok!$A$2:$C$346,2,0))^2+(VLOOKUP($A221,városok!$A$2:$C$346,3,0)-VLOOKUP(B$1,városok!$A$2:$C$346,3,0))^2)/1000,0)</f>
        <v>155</v>
      </c>
      <c r="C221">
        <f ca="1">ROUND(SQRT((VLOOKUP($A221,városok!$A$2:$C$346,2,0)-VLOOKUP(C$1,városok!$A$2:$C$346,2,0))^2+(VLOOKUP($A221,városok!$A$2:$C$346,3,0)-VLOOKUP(C$1,városok!$A$2:$C$346,3,0))^2)/1000,0)</f>
        <v>118</v>
      </c>
      <c r="D221">
        <f ca="1">ROUND(SQRT((VLOOKUP($A221,városok!$A$2:$C$346,2,0)-VLOOKUP(D$1,városok!$A$2:$C$346,2,0))^2+(VLOOKUP($A221,városok!$A$2:$C$346,3,0)-VLOOKUP(D$1,városok!$A$2:$C$346,3,0))^2)/1000,0)</f>
        <v>79</v>
      </c>
      <c r="E221">
        <f ca="1">ROUND(SQRT((VLOOKUP($A221,városok!$A$2:$C$346,2,0)-VLOOKUP(E$1,városok!$A$2:$C$346,2,0))^2+(VLOOKUP($A221,városok!$A$2:$C$346,3,0)-VLOOKUP(E$1,városok!$A$2:$C$346,3,0))^2)/1000,0)</f>
        <v>172</v>
      </c>
      <c r="F221">
        <f ca="1">ROUND(SQRT((VLOOKUP($A221,városok!$A$2:$C$346,2,0)-VLOOKUP(F$1,városok!$A$2:$C$346,2,0))^2+(VLOOKUP($A221,városok!$A$2:$C$346,3,0)-VLOOKUP(F$1,városok!$A$2:$C$346,3,0))^2)/1000,0)</f>
        <v>181</v>
      </c>
      <c r="G221">
        <f ca="1">ROUND(SQRT((VLOOKUP($A221,városok!$A$2:$C$346,2,0)-VLOOKUP(G$1,városok!$A$2:$C$346,2,0))^2+(VLOOKUP($A221,városok!$A$2:$C$346,3,0)-VLOOKUP(G$1,városok!$A$2:$C$346,3,0))^2)/1000,0)</f>
        <v>183</v>
      </c>
      <c r="H221">
        <f ca="1">ROUND(SQRT((VLOOKUP($A221,városok!$A$2:$C$346,2,0)-VLOOKUP(H$1,városok!$A$2:$C$346,2,0))^2+(VLOOKUP($A221,városok!$A$2:$C$346,3,0)-VLOOKUP(H$1,városok!$A$2:$C$346,3,0))^2)/1000,0)</f>
        <v>203</v>
      </c>
      <c r="I221">
        <f ca="1">ROUND(SQRT((VLOOKUP($A221,városok!$A$2:$C$346,2,0)-VLOOKUP(I$1,városok!$A$2:$C$346,2,0))^2+(VLOOKUP($A221,városok!$A$2:$C$346,3,0)-VLOOKUP(I$1,városok!$A$2:$C$346,3,0))^2)/1000,0)</f>
        <v>169</v>
      </c>
      <c r="J221">
        <f ca="1">ROUND(SQRT((VLOOKUP($A221,városok!$A$2:$C$346,2,0)-VLOOKUP(J$1,városok!$A$2:$C$346,2,0))^2+(VLOOKUP($A221,városok!$A$2:$C$346,3,0)-VLOOKUP(J$1,városok!$A$2:$C$346,3,0))^2)/1000,0)</f>
        <v>183</v>
      </c>
      <c r="K221">
        <f ca="1">ROUND(SQRT((VLOOKUP($A221,városok!$A$2:$C$346,2,0)-VLOOKUP(K$1,városok!$A$2:$C$346,2,0))^2+(VLOOKUP($A221,városok!$A$2:$C$346,3,0)-VLOOKUP(K$1,városok!$A$2:$C$346,3,0))^2)/1000,0)</f>
        <v>153</v>
      </c>
      <c r="L221">
        <f ca="1">ROUND(SQRT((VLOOKUP($A221,városok!$A$2:$C$346,2,0)-VLOOKUP(L$1,városok!$A$2:$C$346,2,0))^2+(VLOOKUP($A221,városok!$A$2:$C$346,3,0)-VLOOKUP(L$1,városok!$A$2:$C$346,3,0))^2)/1000,0)</f>
        <v>127</v>
      </c>
      <c r="M221">
        <f ca="1">ROUND(SQRT((VLOOKUP($A221,városok!$A$2:$C$346,2,0)-VLOOKUP(M$1,városok!$A$2:$C$346,2,0))^2+(VLOOKUP($A221,városok!$A$2:$C$346,3,0)-VLOOKUP(M$1,városok!$A$2:$C$346,3,0))^2)/1000,0)</f>
        <v>128</v>
      </c>
      <c r="N221">
        <f ca="1">ROUND(SQRT((VLOOKUP($A221,városok!$A$2:$C$346,2,0)-VLOOKUP(N$1,városok!$A$2:$C$346,2,0))^2+(VLOOKUP($A221,városok!$A$2:$C$346,3,0)-VLOOKUP(N$1,városok!$A$2:$C$346,3,0))^2)/1000,0)</f>
        <v>105</v>
      </c>
      <c r="O221">
        <f ca="1">ROUND(SQRT((VLOOKUP($A221,városok!$A$2:$C$346,2,0)-VLOOKUP(O$1,városok!$A$2:$C$346,2,0))^2+(VLOOKUP($A221,városok!$A$2:$C$346,3,0)-VLOOKUP(O$1,városok!$A$2:$C$346,3,0))^2)/1000,0)</f>
        <v>200</v>
      </c>
      <c r="P221">
        <f ca="1">ROUND(SQRT((VLOOKUP($A221,városok!$A$2:$C$346,2,0)-VLOOKUP(P$1,városok!$A$2:$C$346,2,0))^2+(VLOOKUP($A221,városok!$A$2:$C$346,3,0)-VLOOKUP(P$1,városok!$A$2:$C$346,3,0))^2)/1000,0)</f>
        <v>200</v>
      </c>
      <c r="Q221">
        <f ca="1">ROUND(SQRT((VLOOKUP($A221,városok!$A$2:$C$346,2,0)-VLOOKUP(Q$1,városok!$A$2:$C$346,2,0))^2+(VLOOKUP($A221,városok!$A$2:$C$346,3,0)-VLOOKUP(Q$1,városok!$A$2:$C$346,3,0))^2)/1000,0)</f>
        <v>150</v>
      </c>
      <c r="R221">
        <f ca="1">ROUND(SQRT((VLOOKUP($A221,városok!$A$2:$C$346,2,0)-VLOOKUP(R$1,városok!$A$2:$C$346,2,0))^2+(VLOOKUP($A221,városok!$A$2:$C$346,3,0)-VLOOKUP(R$1,városok!$A$2:$C$346,3,0))^2)/1000,0)</f>
        <v>175</v>
      </c>
      <c r="S221">
        <f ca="1">ROUND(SQRT((VLOOKUP($A221,városok!$A$2:$C$346,2,0)-VLOOKUP(S$1,városok!$A$2:$C$346,2,0))^2+(VLOOKUP($A221,városok!$A$2:$C$346,3,0)-VLOOKUP(S$1,városok!$A$2:$C$346,3,0))^2)/1000,0)</f>
        <v>161</v>
      </c>
      <c r="T221">
        <f ca="1">ROUND(SQRT((VLOOKUP($A221,városok!$A$2:$C$346,2,0)-VLOOKUP(T$1,városok!$A$2:$C$346,2,0))^2+(VLOOKUP($A221,városok!$A$2:$C$346,3,0)-VLOOKUP(T$1,városok!$A$2:$C$346,3,0))^2)/1000,0)</f>
        <v>50</v>
      </c>
      <c r="U221">
        <f ca="1">ROUND(SQRT((VLOOKUP($A221,városok!$A$2:$C$346,2,0)-VLOOKUP(U$1,városok!$A$2:$C$346,2,0))^2+(VLOOKUP($A221,városok!$A$2:$C$346,3,0)-VLOOKUP(U$1,városok!$A$2:$C$346,3,0))^2)/1000,0)</f>
        <v>72</v>
      </c>
      <c r="V221">
        <f ca="1">ROUND(SQRT((VLOOKUP($A221,városok!$A$2:$C$346,2,0)-VLOOKUP(V$1,városok!$A$2:$C$346,2,0))^2+(VLOOKUP($A221,városok!$A$2:$C$346,3,0)-VLOOKUP(V$1,városok!$A$2:$C$346,3,0))^2)/1000,0)</f>
        <v>93</v>
      </c>
      <c r="W221">
        <f ca="1">ROUND(SQRT((VLOOKUP($A221,városok!$A$2:$C$346,2,0)-VLOOKUP(W$1,városok!$A$2:$C$346,2,0))^2+(VLOOKUP($A221,városok!$A$2:$C$346,3,0)-VLOOKUP(W$1,városok!$A$2:$C$346,3,0))^2)/1000,0)</f>
        <v>91</v>
      </c>
      <c r="X221">
        <f ca="1">ROUND(SQRT((VLOOKUP($A221,városok!$A$2:$C$346,2,0)-VLOOKUP(X$1,városok!$A$2:$C$346,2,0))^2+(VLOOKUP($A221,városok!$A$2:$C$346,3,0)-VLOOKUP(X$1,városok!$A$2:$C$346,3,0))^2)/1000,0)</f>
        <v>78</v>
      </c>
      <c r="Y221">
        <f ca="1">ROUND(SQRT((VLOOKUP($A221,városok!$A$2:$C$346,2,0)-VLOOKUP(Y$1,városok!$A$2:$C$346,2,0))^2+(VLOOKUP($A221,városok!$A$2:$C$346,3,0)-VLOOKUP(Y$1,városok!$A$2:$C$346,3,0))^2)/1000,0)</f>
        <v>125</v>
      </c>
      <c r="Z221">
        <f ca="1">ROUND(SQRT((VLOOKUP($A221,városok!$A$2:$C$346,2,0)-VLOOKUP(Z$1,városok!$A$2:$C$346,2,0))^2+(VLOOKUP($A221,városok!$A$2:$C$346,3,0)-VLOOKUP(Z$1,városok!$A$2:$C$346,3,0))^2)/1000,0)</f>
        <v>143</v>
      </c>
      <c r="AA221">
        <f ca="1">ROUND(SQRT((VLOOKUP($A221,városok!$A$2:$C$346,2,0)-VLOOKUP(AA$1,városok!$A$2:$C$346,2,0))^2+(VLOOKUP($A221,városok!$A$2:$C$346,3,0)-VLOOKUP(AA$1,városok!$A$2:$C$346,3,0))^2)/1000,0)</f>
        <v>203</v>
      </c>
      <c r="AB221">
        <f ca="1">ROUND(SQRT((VLOOKUP($A221,városok!$A$2:$C$346,2,0)-VLOOKUP(AB$1,városok!$A$2:$C$346,2,0))^2+(VLOOKUP($A221,városok!$A$2:$C$346,3,0)-VLOOKUP(AB$1,városok!$A$2:$C$346,3,0))^2)/1000,0)</f>
        <v>177</v>
      </c>
      <c r="AC221">
        <f ca="1">ROUND(SQRT((VLOOKUP($A221,városok!$A$2:$C$346,2,0)-VLOOKUP(AC$1,városok!$A$2:$C$346,2,0))^2+(VLOOKUP($A221,városok!$A$2:$C$346,3,0)-VLOOKUP(AC$1,városok!$A$2:$C$346,3,0))^2)/1000,0)</f>
        <v>160</v>
      </c>
      <c r="AD221">
        <f ca="1">ROUND(SQRT((VLOOKUP($A221,városok!$A$2:$C$346,2,0)-VLOOKUP(AD$1,városok!$A$2:$C$346,2,0))^2+(VLOOKUP($A221,városok!$A$2:$C$346,3,0)-VLOOKUP(AD$1,városok!$A$2:$C$346,3,0))^2)/1000,0)</f>
        <v>142</v>
      </c>
      <c r="AE221">
        <f ca="1">ROUND(SQRT((VLOOKUP($A221,városok!$A$2:$C$346,2,0)-VLOOKUP(AE$1,városok!$A$2:$C$346,2,0))^2+(VLOOKUP($A221,városok!$A$2:$C$346,3,0)-VLOOKUP(AE$1,városok!$A$2:$C$346,3,0))^2)/1000,0)</f>
        <v>146</v>
      </c>
      <c r="AF221">
        <f ca="1">ROUND(SQRT((VLOOKUP($A221,városok!$A$2:$C$346,2,0)-VLOOKUP(AF$1,városok!$A$2:$C$346,2,0))^2+(VLOOKUP($A221,városok!$A$2:$C$346,3,0)-VLOOKUP(AF$1,városok!$A$2:$C$346,3,0))^2)/1000,0)</f>
        <v>90</v>
      </c>
      <c r="AG221">
        <f ca="1">ROUND(SQRT((VLOOKUP($A221,városok!$A$2:$C$346,2,0)-VLOOKUP(AG$1,városok!$A$2:$C$346,2,0))^2+(VLOOKUP($A221,városok!$A$2:$C$346,3,0)-VLOOKUP(AG$1,városok!$A$2:$C$346,3,0))^2)/1000,0)</f>
        <v>54</v>
      </c>
      <c r="AH221">
        <f ca="1">ROUND(SQRT((VLOOKUP($A221,városok!$A$2:$C$346,2,0)-VLOOKUP(AH$1,városok!$A$2:$C$346,2,0))^2+(VLOOKUP($A221,városok!$A$2:$C$346,3,0)-VLOOKUP(AH$1,városok!$A$2:$C$346,3,0))^2)/1000,0)</f>
        <v>32</v>
      </c>
      <c r="AI221">
        <f ca="1">ROUND(SQRT((VLOOKUP($A221,városok!$A$2:$C$346,2,0)-VLOOKUP(AI$1,városok!$A$2:$C$346,2,0))^2+(VLOOKUP($A221,városok!$A$2:$C$346,3,0)-VLOOKUP(AI$1,városok!$A$2:$C$346,3,0))^2)/1000,0)</f>
        <v>79</v>
      </c>
      <c r="AJ221">
        <f ca="1">ROUND(SQRT((VLOOKUP($A221,városok!$A$2:$C$346,2,0)-VLOOKUP(AJ$1,városok!$A$2:$C$346,2,0))^2+(VLOOKUP($A221,városok!$A$2:$C$346,3,0)-VLOOKUP(AJ$1,városok!$A$2:$C$346,3,0))^2)/1000,0)</f>
        <v>53</v>
      </c>
      <c r="AK221">
        <f ca="1">ROUND(SQRT((VLOOKUP($A221,városok!$A$2:$C$346,2,0)-VLOOKUP(AK$1,városok!$A$2:$C$346,2,0))^2+(VLOOKUP($A221,városok!$A$2:$C$346,3,0)-VLOOKUP(AK$1,városok!$A$2:$C$346,3,0))^2)/1000,0)</f>
        <v>131</v>
      </c>
      <c r="AL221">
        <f ca="1">ROUND(SQRT((VLOOKUP($A221,városok!$A$2:$C$346,2,0)-VLOOKUP(AL$1,városok!$A$2:$C$346,2,0))^2+(VLOOKUP($A221,városok!$A$2:$C$346,3,0)-VLOOKUP(AL$1,városok!$A$2:$C$346,3,0))^2)/1000,0)</f>
        <v>104</v>
      </c>
      <c r="AM221">
        <f ca="1">ROUND(SQRT((VLOOKUP($A221,városok!$A$2:$C$346,2,0)-VLOOKUP(AM$1,városok!$A$2:$C$346,2,0))^2+(VLOOKUP($A221,városok!$A$2:$C$346,3,0)-VLOOKUP(AM$1,városok!$A$2:$C$346,3,0))^2)/1000,0)</f>
        <v>81</v>
      </c>
      <c r="AN221">
        <f ca="1">ROUND(SQRT((VLOOKUP($A221,városok!$A$2:$C$346,2,0)-VLOOKUP(AN$1,városok!$A$2:$C$346,2,0))^2+(VLOOKUP($A221,városok!$A$2:$C$346,3,0)-VLOOKUP(AN$1,városok!$A$2:$C$346,3,0))^2)/1000,0)</f>
        <v>48</v>
      </c>
      <c r="AO221">
        <f ca="1">ROUND(SQRT((VLOOKUP($A221,városok!$A$2:$C$346,2,0)-VLOOKUP(AO$1,városok!$A$2:$C$346,2,0))^2+(VLOOKUP($A221,városok!$A$2:$C$346,3,0)-VLOOKUP(AO$1,városok!$A$2:$C$346,3,0))^2)/1000,0)</f>
        <v>89</v>
      </c>
      <c r="AP221">
        <f ca="1">ROUND(SQRT((VLOOKUP($A221,városok!$A$2:$C$346,2,0)-VLOOKUP(AP$1,városok!$A$2:$C$346,2,0))^2+(VLOOKUP($A221,városok!$A$2:$C$346,3,0)-VLOOKUP(AP$1,városok!$A$2:$C$346,3,0))^2)/1000,0)</f>
        <v>72</v>
      </c>
      <c r="AQ221">
        <f ca="1">ROUND(SQRT((VLOOKUP($A221,városok!$A$2:$C$346,2,0)-VLOOKUP(AQ$1,városok!$A$2:$C$346,2,0))^2+(VLOOKUP($A221,városok!$A$2:$C$346,3,0)-VLOOKUP(AQ$1,városok!$A$2:$C$346,3,0))^2)/1000,0)</f>
        <v>66</v>
      </c>
      <c r="AR221">
        <f ca="1">ROUND(SQRT((VLOOKUP($A221,városok!$A$2:$C$346,2,0)-VLOOKUP(AR$1,városok!$A$2:$C$346,2,0))^2+(VLOOKUP($A221,városok!$A$2:$C$346,3,0)-VLOOKUP(AR$1,városok!$A$2:$C$346,3,0))^2)/1000,0)</f>
        <v>50</v>
      </c>
      <c r="AS221">
        <f ca="1">ROUND(SQRT((VLOOKUP($A221,városok!$A$2:$C$346,2,0)-VLOOKUP(AS$1,városok!$A$2:$C$346,2,0))^2+(VLOOKUP($A221,városok!$A$2:$C$346,3,0)-VLOOKUP(AS$1,városok!$A$2:$C$346,3,0))^2)/1000,0)</f>
        <v>73</v>
      </c>
      <c r="AT221">
        <f ca="1">ROUND(SQRT((VLOOKUP($A221,városok!$A$2:$C$346,2,0)-VLOOKUP(AT$1,városok!$A$2:$C$346,2,0))^2+(VLOOKUP($A221,városok!$A$2:$C$346,3,0)-VLOOKUP(AT$1,városok!$A$2:$C$346,3,0))^2)/1000,0)</f>
        <v>36</v>
      </c>
      <c r="AU221">
        <f ca="1">ROUND(SQRT((VLOOKUP($A221,városok!$A$2:$C$346,2,0)-VLOOKUP(AU$1,városok!$A$2:$C$346,2,0))^2+(VLOOKUP($A221,városok!$A$2:$C$346,3,0)-VLOOKUP(AU$1,városok!$A$2:$C$346,3,0))^2)/1000,0)</f>
        <v>27</v>
      </c>
      <c r="AV221">
        <f ca="1">ROUND(SQRT((VLOOKUP($A221,városok!$A$2:$C$346,2,0)-VLOOKUP(AV$1,városok!$A$2:$C$346,2,0))^2+(VLOOKUP($A221,városok!$A$2:$C$346,3,0)-VLOOKUP(AV$1,városok!$A$2:$C$346,3,0))^2)/1000,0)</f>
        <v>30</v>
      </c>
      <c r="AW221">
        <f ca="1">ROUND(SQRT((VLOOKUP($A221,városok!$A$2:$C$346,2,0)-VLOOKUP(AW$1,városok!$A$2:$C$346,2,0))^2+(VLOOKUP($A221,városok!$A$2:$C$346,3,0)-VLOOKUP(AW$1,városok!$A$2:$C$346,3,0))^2)/1000,0)</f>
        <v>34</v>
      </c>
      <c r="AX221">
        <f ca="1">ROUND(SQRT((VLOOKUP($A221,városok!$A$2:$C$346,2,0)-VLOOKUP(AX$1,városok!$A$2:$C$346,2,0))^2+(VLOOKUP($A221,városok!$A$2:$C$346,3,0)-VLOOKUP(AX$1,városok!$A$2:$C$346,3,0))^2)/1000,0)</f>
        <v>70</v>
      </c>
      <c r="AY221">
        <f ca="1">ROUND(SQRT((VLOOKUP($A221,városok!$A$2:$C$346,2,0)-VLOOKUP(AY$1,városok!$A$2:$C$346,2,0))^2+(VLOOKUP($A221,városok!$A$2:$C$346,3,0)-VLOOKUP(AY$1,városok!$A$2:$C$346,3,0))^2)/1000,0)</f>
        <v>21</v>
      </c>
      <c r="AZ221">
        <f ca="1">ROUND(SQRT((VLOOKUP($A221,városok!$A$2:$C$346,2,0)-VLOOKUP(AZ$1,városok!$A$2:$C$346,2,0))^2+(VLOOKUP($A221,városok!$A$2:$C$346,3,0)-VLOOKUP(AZ$1,városok!$A$2:$C$346,3,0))^2)/1000,0)</f>
        <v>34</v>
      </c>
      <c r="BA221">
        <f ca="1">ROUND(SQRT((VLOOKUP($A221,városok!$A$2:$C$346,2,0)-VLOOKUP(BA$1,városok!$A$2:$C$346,2,0))^2+(VLOOKUP($A221,városok!$A$2:$C$346,3,0)-VLOOKUP(BA$1,városok!$A$2:$C$346,3,0))^2)/1000,0)</f>
        <v>148</v>
      </c>
      <c r="BB221">
        <f ca="1">ROUND(SQRT((VLOOKUP($A221,városok!$A$2:$C$346,2,0)-VLOOKUP(BB$1,városok!$A$2:$C$346,2,0))^2+(VLOOKUP($A221,városok!$A$2:$C$346,3,0)-VLOOKUP(BB$1,városok!$A$2:$C$346,3,0))^2)/1000,0)</f>
        <v>153</v>
      </c>
      <c r="BC221">
        <f ca="1">ROUND(SQRT((VLOOKUP($A221,városok!$A$2:$C$346,2,0)-VLOOKUP(BC$1,városok!$A$2:$C$346,2,0))^2+(VLOOKUP($A221,városok!$A$2:$C$346,3,0)-VLOOKUP(BC$1,városok!$A$2:$C$346,3,0))^2)/1000,0)</f>
        <v>176</v>
      </c>
      <c r="BD221">
        <f ca="1">ROUND(SQRT((VLOOKUP($A221,városok!$A$2:$C$346,2,0)-VLOOKUP(BD$1,városok!$A$2:$C$346,2,0))^2+(VLOOKUP($A221,városok!$A$2:$C$346,3,0)-VLOOKUP(BD$1,városok!$A$2:$C$346,3,0))^2)/1000,0)</f>
        <v>118</v>
      </c>
      <c r="BE221">
        <f ca="1">ROUND(SQRT((VLOOKUP($A221,városok!$A$2:$C$346,2,0)-VLOOKUP(BE$1,városok!$A$2:$C$346,2,0))^2+(VLOOKUP($A221,városok!$A$2:$C$346,3,0)-VLOOKUP(BE$1,városok!$A$2:$C$346,3,0))^2)/1000,0)</f>
        <v>256</v>
      </c>
      <c r="BF221">
        <f ca="1">ROUND(SQRT((VLOOKUP($A221,városok!$A$2:$C$346,2,0)-VLOOKUP(BF$1,városok!$A$2:$C$346,2,0))^2+(VLOOKUP($A221,városok!$A$2:$C$346,3,0)-VLOOKUP(BF$1,városok!$A$2:$C$346,3,0))^2)/1000,0)</f>
        <v>221</v>
      </c>
      <c r="BG221">
        <f ca="1">ROUND(SQRT((VLOOKUP($A221,városok!$A$2:$C$346,2,0)-VLOOKUP(BG$1,városok!$A$2:$C$346,2,0))^2+(VLOOKUP($A221,városok!$A$2:$C$346,3,0)-VLOOKUP(BG$1,városok!$A$2:$C$346,3,0))^2)/1000,0)</f>
        <v>175</v>
      </c>
      <c r="BH221">
        <f ca="1">ROUND(SQRT((VLOOKUP($A221,városok!$A$2:$C$346,2,0)-VLOOKUP(BH$1,városok!$A$2:$C$346,2,0))^2+(VLOOKUP($A221,városok!$A$2:$C$346,3,0)-VLOOKUP(BH$1,városok!$A$2:$C$346,3,0))^2)/1000,0)</f>
        <v>175</v>
      </c>
      <c r="BI221">
        <f ca="1">ROUND(SQRT((VLOOKUP($A221,városok!$A$2:$C$346,2,0)-VLOOKUP(BI$1,városok!$A$2:$C$346,2,0))^2+(VLOOKUP($A221,városok!$A$2:$C$346,3,0)-VLOOKUP(BI$1,városok!$A$2:$C$346,3,0))^2)/1000,0)</f>
        <v>139</v>
      </c>
      <c r="BJ221">
        <f ca="1">ROUND(SQRT((VLOOKUP($A221,városok!$A$2:$C$346,2,0)-VLOOKUP(BJ$1,városok!$A$2:$C$346,2,0))^2+(VLOOKUP($A221,városok!$A$2:$C$346,3,0)-VLOOKUP(BJ$1,városok!$A$2:$C$346,3,0))^2)/1000,0)</f>
        <v>156</v>
      </c>
      <c r="BK221">
        <f ca="1">ROUND(SQRT((VLOOKUP($A221,városok!$A$2:$C$346,2,0)-VLOOKUP(BK$1,városok!$A$2:$C$346,2,0))^2+(VLOOKUP($A221,városok!$A$2:$C$346,3,0)-VLOOKUP(BK$1,városok!$A$2:$C$346,3,0))^2)/1000,0)</f>
        <v>142</v>
      </c>
      <c r="BL221">
        <f ca="1">ROUND(SQRT((VLOOKUP($A221,városok!$A$2:$C$346,2,0)-VLOOKUP(BL$1,városok!$A$2:$C$346,2,0))^2+(VLOOKUP($A221,városok!$A$2:$C$346,3,0)-VLOOKUP(BL$1,városok!$A$2:$C$346,3,0))^2)/1000,0)</f>
        <v>212</v>
      </c>
      <c r="BM221">
        <f ca="1">ROUND(SQRT((VLOOKUP($A221,városok!$A$2:$C$346,2,0)-VLOOKUP(BM$1,városok!$A$2:$C$346,2,0))^2+(VLOOKUP($A221,városok!$A$2:$C$346,3,0)-VLOOKUP(BM$1,városok!$A$2:$C$346,3,0))^2)/1000,0)</f>
        <v>181</v>
      </c>
      <c r="BN221">
        <f ca="1">ROUND(SQRT((VLOOKUP($A221,városok!$A$2:$C$346,2,0)-VLOOKUP(BN$1,városok!$A$2:$C$346,2,0))^2+(VLOOKUP($A221,városok!$A$2:$C$346,3,0)-VLOOKUP(BN$1,városok!$A$2:$C$346,3,0))^2)/1000,0)</f>
        <v>204</v>
      </c>
      <c r="BO221">
        <f ca="1">ROUND(SQRT((VLOOKUP($A221,városok!$A$2:$C$346,2,0)-VLOOKUP(BO$1,városok!$A$2:$C$346,2,0))^2+(VLOOKUP($A221,városok!$A$2:$C$346,3,0)-VLOOKUP(BO$1,városok!$A$2:$C$346,3,0))^2)/1000,0)</f>
        <v>113</v>
      </c>
      <c r="BP221">
        <f ca="1">ROUND(SQRT((VLOOKUP($A221,városok!$A$2:$C$346,2,0)-VLOOKUP(BP$1,városok!$A$2:$C$346,2,0))^2+(VLOOKUP($A221,városok!$A$2:$C$346,3,0)-VLOOKUP(BP$1,városok!$A$2:$C$346,3,0))^2)/1000,0)</f>
        <v>106</v>
      </c>
      <c r="BQ221">
        <f ca="1">ROUND(SQRT((VLOOKUP($A221,városok!$A$2:$C$346,2,0)-VLOOKUP(BQ$1,városok!$A$2:$C$346,2,0))^2+(VLOOKUP($A221,városok!$A$2:$C$346,3,0)-VLOOKUP(BQ$1,városok!$A$2:$C$346,3,0))^2)/1000,0)</f>
        <v>116</v>
      </c>
      <c r="BR221">
        <f ca="1">ROUND(SQRT((VLOOKUP($A221,városok!$A$2:$C$346,2,0)-VLOOKUP(BR$1,városok!$A$2:$C$346,2,0))^2+(VLOOKUP($A221,városok!$A$2:$C$346,3,0)-VLOOKUP(BR$1,városok!$A$2:$C$346,3,0))^2)/1000,0)</f>
        <v>177</v>
      </c>
      <c r="BS221">
        <f ca="1">ROUND(SQRT((VLOOKUP($A221,városok!$A$2:$C$346,2,0)-VLOOKUP(BS$1,városok!$A$2:$C$346,2,0))^2+(VLOOKUP($A221,városok!$A$2:$C$346,3,0)-VLOOKUP(BS$1,városok!$A$2:$C$346,3,0))^2)/1000,0)</f>
        <v>214</v>
      </c>
      <c r="BT221">
        <f ca="1">ROUND(SQRT((VLOOKUP($A221,városok!$A$2:$C$346,2,0)-VLOOKUP(BT$1,városok!$A$2:$C$346,2,0))^2+(VLOOKUP($A221,városok!$A$2:$C$346,3,0)-VLOOKUP(BT$1,városok!$A$2:$C$346,3,0))^2)/1000,0)</f>
        <v>202</v>
      </c>
    </row>
    <row r="222" spans="1:72" x14ac:dyDescent="0.2">
      <c r="A222" t="str">
        <f>városok!A222</f>
        <v>Kistarcsa</v>
      </c>
      <c r="B222">
        <f ca="1">ROUND(SQRT((VLOOKUP($A222,városok!$A$2:$C$346,2,0)-VLOOKUP(B$1,városok!$A$2:$C$346,2,0))^2+(VLOOKUP($A222,városok!$A$2:$C$346,3,0)-VLOOKUP(B$1,városok!$A$2:$C$346,3,0))^2)/1000,0)</f>
        <v>153</v>
      </c>
      <c r="C222">
        <f ca="1">ROUND(SQRT((VLOOKUP($A222,városok!$A$2:$C$346,2,0)-VLOOKUP(C$1,városok!$A$2:$C$346,2,0))^2+(VLOOKUP($A222,városok!$A$2:$C$346,3,0)-VLOOKUP(C$1,városok!$A$2:$C$346,3,0))^2)/1000,0)</f>
        <v>115</v>
      </c>
      <c r="D222">
        <f ca="1">ROUND(SQRT((VLOOKUP($A222,városok!$A$2:$C$346,2,0)-VLOOKUP(D$1,városok!$A$2:$C$346,2,0))^2+(VLOOKUP($A222,városok!$A$2:$C$346,3,0)-VLOOKUP(D$1,városok!$A$2:$C$346,3,0))^2)/1000,0)</f>
        <v>78</v>
      </c>
      <c r="E222">
        <f ca="1">ROUND(SQRT((VLOOKUP($A222,városok!$A$2:$C$346,2,0)-VLOOKUP(E$1,városok!$A$2:$C$346,2,0))^2+(VLOOKUP($A222,városok!$A$2:$C$346,3,0)-VLOOKUP(E$1,városok!$A$2:$C$346,3,0))^2)/1000,0)</f>
        <v>169</v>
      </c>
      <c r="F222">
        <f ca="1">ROUND(SQRT((VLOOKUP($A222,városok!$A$2:$C$346,2,0)-VLOOKUP(F$1,városok!$A$2:$C$346,2,0))^2+(VLOOKUP($A222,városok!$A$2:$C$346,3,0)-VLOOKUP(F$1,városok!$A$2:$C$346,3,0))^2)/1000,0)</f>
        <v>179</v>
      </c>
      <c r="G222">
        <f ca="1">ROUND(SQRT((VLOOKUP($A222,városok!$A$2:$C$346,2,0)-VLOOKUP(G$1,városok!$A$2:$C$346,2,0))^2+(VLOOKUP($A222,városok!$A$2:$C$346,3,0)-VLOOKUP(G$1,városok!$A$2:$C$346,3,0))^2)/1000,0)</f>
        <v>181</v>
      </c>
      <c r="H222">
        <f ca="1">ROUND(SQRT((VLOOKUP($A222,városok!$A$2:$C$346,2,0)-VLOOKUP(H$1,városok!$A$2:$C$346,2,0))^2+(VLOOKUP($A222,városok!$A$2:$C$346,3,0)-VLOOKUP(H$1,városok!$A$2:$C$346,3,0))^2)/1000,0)</f>
        <v>201</v>
      </c>
      <c r="I222">
        <f ca="1">ROUND(SQRT((VLOOKUP($A222,városok!$A$2:$C$346,2,0)-VLOOKUP(I$1,városok!$A$2:$C$346,2,0))^2+(VLOOKUP($A222,városok!$A$2:$C$346,3,0)-VLOOKUP(I$1,városok!$A$2:$C$346,3,0))^2)/1000,0)</f>
        <v>169</v>
      </c>
      <c r="J222">
        <f ca="1">ROUND(SQRT((VLOOKUP($A222,városok!$A$2:$C$346,2,0)-VLOOKUP(J$1,városok!$A$2:$C$346,2,0))^2+(VLOOKUP($A222,városok!$A$2:$C$346,3,0)-VLOOKUP(J$1,városok!$A$2:$C$346,3,0))^2)/1000,0)</f>
        <v>183</v>
      </c>
      <c r="K222">
        <f ca="1">ROUND(SQRT((VLOOKUP($A222,városok!$A$2:$C$346,2,0)-VLOOKUP(K$1,városok!$A$2:$C$346,2,0))^2+(VLOOKUP($A222,városok!$A$2:$C$346,3,0)-VLOOKUP(K$1,városok!$A$2:$C$346,3,0))^2)/1000,0)</f>
        <v>153</v>
      </c>
      <c r="L222">
        <f ca="1">ROUND(SQRT((VLOOKUP($A222,városok!$A$2:$C$346,2,0)-VLOOKUP(L$1,városok!$A$2:$C$346,2,0))^2+(VLOOKUP($A222,városok!$A$2:$C$346,3,0)-VLOOKUP(L$1,városok!$A$2:$C$346,3,0))^2)/1000,0)</f>
        <v>129</v>
      </c>
      <c r="M222">
        <f ca="1">ROUND(SQRT((VLOOKUP($A222,városok!$A$2:$C$346,2,0)-VLOOKUP(M$1,városok!$A$2:$C$346,2,0))^2+(VLOOKUP($A222,városok!$A$2:$C$346,3,0)-VLOOKUP(M$1,városok!$A$2:$C$346,3,0))^2)/1000,0)</f>
        <v>130</v>
      </c>
      <c r="N222">
        <f ca="1">ROUND(SQRT((VLOOKUP($A222,városok!$A$2:$C$346,2,0)-VLOOKUP(N$1,városok!$A$2:$C$346,2,0))^2+(VLOOKUP($A222,városok!$A$2:$C$346,3,0)-VLOOKUP(N$1,városok!$A$2:$C$346,3,0))^2)/1000,0)</f>
        <v>108</v>
      </c>
      <c r="O222">
        <f ca="1">ROUND(SQRT((VLOOKUP($A222,városok!$A$2:$C$346,2,0)-VLOOKUP(O$1,városok!$A$2:$C$346,2,0))^2+(VLOOKUP($A222,városok!$A$2:$C$346,3,0)-VLOOKUP(O$1,városok!$A$2:$C$346,3,0))^2)/1000,0)</f>
        <v>202</v>
      </c>
      <c r="P222">
        <f ca="1">ROUND(SQRT((VLOOKUP($A222,városok!$A$2:$C$346,2,0)-VLOOKUP(P$1,városok!$A$2:$C$346,2,0))^2+(VLOOKUP($A222,városok!$A$2:$C$346,3,0)-VLOOKUP(P$1,városok!$A$2:$C$346,3,0))^2)/1000,0)</f>
        <v>202</v>
      </c>
      <c r="Q222">
        <f ca="1">ROUND(SQRT((VLOOKUP($A222,városok!$A$2:$C$346,2,0)-VLOOKUP(Q$1,városok!$A$2:$C$346,2,0))^2+(VLOOKUP($A222,városok!$A$2:$C$346,3,0)-VLOOKUP(Q$1,városok!$A$2:$C$346,3,0))^2)/1000,0)</f>
        <v>149</v>
      </c>
      <c r="R222">
        <f ca="1">ROUND(SQRT((VLOOKUP($A222,városok!$A$2:$C$346,2,0)-VLOOKUP(R$1,városok!$A$2:$C$346,2,0))^2+(VLOOKUP($A222,városok!$A$2:$C$346,3,0)-VLOOKUP(R$1,városok!$A$2:$C$346,3,0))^2)/1000,0)</f>
        <v>174</v>
      </c>
      <c r="S222">
        <f ca="1">ROUND(SQRT((VLOOKUP($A222,városok!$A$2:$C$346,2,0)-VLOOKUP(S$1,városok!$A$2:$C$346,2,0))^2+(VLOOKUP($A222,városok!$A$2:$C$346,3,0)-VLOOKUP(S$1,városok!$A$2:$C$346,3,0))^2)/1000,0)</f>
        <v>160</v>
      </c>
      <c r="T222">
        <f ca="1">ROUND(SQRT((VLOOKUP($A222,városok!$A$2:$C$346,2,0)-VLOOKUP(T$1,városok!$A$2:$C$346,2,0))^2+(VLOOKUP($A222,városok!$A$2:$C$346,3,0)-VLOOKUP(T$1,városok!$A$2:$C$346,3,0))^2)/1000,0)</f>
        <v>48</v>
      </c>
      <c r="U222">
        <f ca="1">ROUND(SQRT((VLOOKUP($A222,városok!$A$2:$C$346,2,0)-VLOOKUP(U$1,városok!$A$2:$C$346,2,0))^2+(VLOOKUP($A222,városok!$A$2:$C$346,3,0)-VLOOKUP(U$1,városok!$A$2:$C$346,3,0))^2)/1000,0)</f>
        <v>69</v>
      </c>
      <c r="V222">
        <f ca="1">ROUND(SQRT((VLOOKUP($A222,városok!$A$2:$C$346,2,0)-VLOOKUP(V$1,városok!$A$2:$C$346,2,0))^2+(VLOOKUP($A222,városok!$A$2:$C$346,3,0)-VLOOKUP(V$1,városok!$A$2:$C$346,3,0))^2)/1000,0)</f>
        <v>91</v>
      </c>
      <c r="W222">
        <f ca="1">ROUND(SQRT((VLOOKUP($A222,városok!$A$2:$C$346,2,0)-VLOOKUP(W$1,városok!$A$2:$C$346,2,0))^2+(VLOOKUP($A222,városok!$A$2:$C$346,3,0)-VLOOKUP(W$1,városok!$A$2:$C$346,3,0))^2)/1000,0)</f>
        <v>88</v>
      </c>
      <c r="X222">
        <f ca="1">ROUND(SQRT((VLOOKUP($A222,városok!$A$2:$C$346,2,0)-VLOOKUP(X$1,városok!$A$2:$C$346,2,0))^2+(VLOOKUP($A222,városok!$A$2:$C$346,3,0)-VLOOKUP(X$1,városok!$A$2:$C$346,3,0))^2)/1000,0)</f>
        <v>76</v>
      </c>
      <c r="Y222">
        <f ca="1">ROUND(SQRT((VLOOKUP($A222,városok!$A$2:$C$346,2,0)-VLOOKUP(Y$1,városok!$A$2:$C$346,2,0))^2+(VLOOKUP($A222,városok!$A$2:$C$346,3,0)-VLOOKUP(Y$1,városok!$A$2:$C$346,3,0))^2)/1000,0)</f>
        <v>123</v>
      </c>
      <c r="Z222">
        <f ca="1">ROUND(SQRT((VLOOKUP($A222,városok!$A$2:$C$346,2,0)-VLOOKUP(Z$1,városok!$A$2:$C$346,2,0))^2+(VLOOKUP($A222,városok!$A$2:$C$346,3,0)-VLOOKUP(Z$1,városok!$A$2:$C$346,3,0))^2)/1000,0)</f>
        <v>142</v>
      </c>
      <c r="AA222">
        <f ca="1">ROUND(SQRT((VLOOKUP($A222,városok!$A$2:$C$346,2,0)-VLOOKUP(AA$1,városok!$A$2:$C$346,2,0))^2+(VLOOKUP($A222,városok!$A$2:$C$346,3,0)-VLOOKUP(AA$1,városok!$A$2:$C$346,3,0))^2)/1000,0)</f>
        <v>202</v>
      </c>
      <c r="AB222">
        <f ca="1">ROUND(SQRT((VLOOKUP($A222,városok!$A$2:$C$346,2,0)-VLOOKUP(AB$1,városok!$A$2:$C$346,2,0))^2+(VLOOKUP($A222,városok!$A$2:$C$346,3,0)-VLOOKUP(AB$1,városok!$A$2:$C$346,3,0))^2)/1000,0)</f>
        <v>178</v>
      </c>
      <c r="AC222">
        <f ca="1">ROUND(SQRT((VLOOKUP($A222,városok!$A$2:$C$346,2,0)-VLOOKUP(AC$1,városok!$A$2:$C$346,2,0))^2+(VLOOKUP($A222,városok!$A$2:$C$346,3,0)-VLOOKUP(AC$1,városok!$A$2:$C$346,3,0))^2)/1000,0)</f>
        <v>161</v>
      </c>
      <c r="AD222">
        <f ca="1">ROUND(SQRT((VLOOKUP($A222,városok!$A$2:$C$346,2,0)-VLOOKUP(AD$1,városok!$A$2:$C$346,2,0))^2+(VLOOKUP($A222,városok!$A$2:$C$346,3,0)-VLOOKUP(AD$1,városok!$A$2:$C$346,3,0))^2)/1000,0)</f>
        <v>144</v>
      </c>
      <c r="AE222">
        <f ca="1">ROUND(SQRT((VLOOKUP($A222,városok!$A$2:$C$346,2,0)-VLOOKUP(AE$1,városok!$A$2:$C$346,2,0))^2+(VLOOKUP($A222,városok!$A$2:$C$346,3,0)-VLOOKUP(AE$1,városok!$A$2:$C$346,3,0))^2)/1000,0)</f>
        <v>147</v>
      </c>
      <c r="AF222">
        <f ca="1">ROUND(SQRT((VLOOKUP($A222,városok!$A$2:$C$346,2,0)-VLOOKUP(AF$1,városok!$A$2:$C$346,2,0))^2+(VLOOKUP($A222,városok!$A$2:$C$346,3,0)-VLOOKUP(AF$1,városok!$A$2:$C$346,3,0))^2)/1000,0)</f>
        <v>92</v>
      </c>
      <c r="AG222">
        <f ca="1">ROUND(SQRT((VLOOKUP($A222,városok!$A$2:$C$346,2,0)-VLOOKUP(AG$1,városok!$A$2:$C$346,2,0))^2+(VLOOKUP($A222,városok!$A$2:$C$346,3,0)-VLOOKUP(AG$1,városok!$A$2:$C$346,3,0))^2)/1000,0)</f>
        <v>56</v>
      </c>
      <c r="AH222">
        <f ca="1">ROUND(SQRT((VLOOKUP($A222,városok!$A$2:$C$346,2,0)-VLOOKUP(AH$1,városok!$A$2:$C$346,2,0))^2+(VLOOKUP($A222,városok!$A$2:$C$346,3,0)-VLOOKUP(AH$1,városok!$A$2:$C$346,3,0))^2)/1000,0)</f>
        <v>34</v>
      </c>
      <c r="AI222">
        <f ca="1">ROUND(SQRT((VLOOKUP($A222,városok!$A$2:$C$346,2,0)-VLOOKUP(AI$1,városok!$A$2:$C$346,2,0))^2+(VLOOKUP($A222,városok!$A$2:$C$346,3,0)-VLOOKUP(AI$1,városok!$A$2:$C$346,3,0))^2)/1000,0)</f>
        <v>82</v>
      </c>
      <c r="AJ222">
        <f ca="1">ROUND(SQRT((VLOOKUP($A222,városok!$A$2:$C$346,2,0)-VLOOKUP(AJ$1,városok!$A$2:$C$346,2,0))^2+(VLOOKUP($A222,városok!$A$2:$C$346,3,0)-VLOOKUP(AJ$1,városok!$A$2:$C$346,3,0))^2)/1000,0)</f>
        <v>55</v>
      </c>
      <c r="AK222">
        <f ca="1">ROUND(SQRT((VLOOKUP($A222,városok!$A$2:$C$346,2,0)-VLOOKUP(AK$1,városok!$A$2:$C$346,2,0))^2+(VLOOKUP($A222,városok!$A$2:$C$346,3,0)-VLOOKUP(AK$1,városok!$A$2:$C$346,3,0))^2)/1000,0)</f>
        <v>132</v>
      </c>
      <c r="AL222">
        <f ca="1">ROUND(SQRT((VLOOKUP($A222,városok!$A$2:$C$346,2,0)-VLOOKUP(AL$1,városok!$A$2:$C$346,2,0))^2+(VLOOKUP($A222,városok!$A$2:$C$346,3,0)-VLOOKUP(AL$1,városok!$A$2:$C$346,3,0))^2)/1000,0)</f>
        <v>105</v>
      </c>
      <c r="AM222">
        <f ca="1">ROUND(SQRT((VLOOKUP($A222,városok!$A$2:$C$346,2,0)-VLOOKUP(AM$1,városok!$A$2:$C$346,2,0))^2+(VLOOKUP($A222,városok!$A$2:$C$346,3,0)-VLOOKUP(AM$1,városok!$A$2:$C$346,3,0))^2)/1000,0)</f>
        <v>81</v>
      </c>
      <c r="AN222">
        <f ca="1">ROUND(SQRT((VLOOKUP($A222,városok!$A$2:$C$346,2,0)-VLOOKUP(AN$1,városok!$A$2:$C$346,2,0))^2+(VLOOKUP($A222,városok!$A$2:$C$346,3,0)-VLOOKUP(AN$1,városok!$A$2:$C$346,3,0))^2)/1000,0)</f>
        <v>47</v>
      </c>
      <c r="AO222">
        <f ca="1">ROUND(SQRT((VLOOKUP($A222,városok!$A$2:$C$346,2,0)-VLOOKUP(AO$1,városok!$A$2:$C$346,2,0))^2+(VLOOKUP($A222,városok!$A$2:$C$346,3,0)-VLOOKUP(AO$1,városok!$A$2:$C$346,3,0))^2)/1000,0)</f>
        <v>88</v>
      </c>
      <c r="AP222">
        <f ca="1">ROUND(SQRT((VLOOKUP($A222,városok!$A$2:$C$346,2,0)-VLOOKUP(AP$1,városok!$A$2:$C$346,2,0))^2+(VLOOKUP($A222,városok!$A$2:$C$346,3,0)-VLOOKUP(AP$1,városok!$A$2:$C$346,3,0))^2)/1000,0)</f>
        <v>71</v>
      </c>
      <c r="AQ222">
        <f ca="1">ROUND(SQRT((VLOOKUP($A222,városok!$A$2:$C$346,2,0)-VLOOKUP(AQ$1,városok!$A$2:$C$346,2,0))^2+(VLOOKUP($A222,városok!$A$2:$C$346,3,0)-VLOOKUP(AQ$1,városok!$A$2:$C$346,3,0))^2)/1000,0)</f>
        <v>64</v>
      </c>
      <c r="AR222">
        <f ca="1">ROUND(SQRT((VLOOKUP($A222,városok!$A$2:$C$346,2,0)-VLOOKUP(AR$1,városok!$A$2:$C$346,2,0))^2+(VLOOKUP($A222,városok!$A$2:$C$346,3,0)-VLOOKUP(AR$1,városok!$A$2:$C$346,3,0))^2)/1000,0)</f>
        <v>53</v>
      </c>
      <c r="AS222">
        <f ca="1">ROUND(SQRT((VLOOKUP($A222,városok!$A$2:$C$346,2,0)-VLOOKUP(AS$1,városok!$A$2:$C$346,2,0))^2+(VLOOKUP($A222,városok!$A$2:$C$346,3,0)-VLOOKUP(AS$1,városok!$A$2:$C$346,3,0))^2)/1000,0)</f>
        <v>75</v>
      </c>
      <c r="AT222">
        <f ca="1">ROUND(SQRT((VLOOKUP($A222,városok!$A$2:$C$346,2,0)-VLOOKUP(AT$1,városok!$A$2:$C$346,2,0))^2+(VLOOKUP($A222,városok!$A$2:$C$346,3,0)-VLOOKUP(AT$1,városok!$A$2:$C$346,3,0))^2)/1000,0)</f>
        <v>35</v>
      </c>
      <c r="AU222">
        <f ca="1">ROUND(SQRT((VLOOKUP($A222,városok!$A$2:$C$346,2,0)-VLOOKUP(AU$1,városok!$A$2:$C$346,2,0))^2+(VLOOKUP($A222,városok!$A$2:$C$346,3,0)-VLOOKUP(AU$1,városok!$A$2:$C$346,3,0))^2)/1000,0)</f>
        <v>25</v>
      </c>
      <c r="AV222">
        <f ca="1">ROUND(SQRT((VLOOKUP($A222,városok!$A$2:$C$346,2,0)-VLOOKUP(AV$1,városok!$A$2:$C$346,2,0))^2+(VLOOKUP($A222,városok!$A$2:$C$346,3,0)-VLOOKUP(AV$1,városok!$A$2:$C$346,3,0))^2)/1000,0)</f>
        <v>28</v>
      </c>
      <c r="AW222">
        <f ca="1">ROUND(SQRT((VLOOKUP($A222,városok!$A$2:$C$346,2,0)-VLOOKUP(AW$1,városok!$A$2:$C$346,2,0))^2+(VLOOKUP($A222,városok!$A$2:$C$346,3,0)-VLOOKUP(AW$1,városok!$A$2:$C$346,3,0))^2)/1000,0)</f>
        <v>31</v>
      </c>
      <c r="AX222">
        <f ca="1">ROUND(SQRT((VLOOKUP($A222,városok!$A$2:$C$346,2,0)-VLOOKUP(AX$1,városok!$A$2:$C$346,2,0))^2+(VLOOKUP($A222,városok!$A$2:$C$346,3,0)-VLOOKUP(AX$1,városok!$A$2:$C$346,3,0))^2)/1000,0)</f>
        <v>69</v>
      </c>
      <c r="AY222">
        <f ca="1">ROUND(SQRT((VLOOKUP($A222,városok!$A$2:$C$346,2,0)-VLOOKUP(AY$1,városok!$A$2:$C$346,2,0))^2+(VLOOKUP($A222,városok!$A$2:$C$346,3,0)-VLOOKUP(AY$1,városok!$A$2:$C$346,3,0))^2)/1000,0)</f>
        <v>21</v>
      </c>
      <c r="AZ222">
        <f ca="1">ROUND(SQRT((VLOOKUP($A222,városok!$A$2:$C$346,2,0)-VLOOKUP(AZ$1,városok!$A$2:$C$346,2,0))^2+(VLOOKUP($A222,városok!$A$2:$C$346,3,0)-VLOOKUP(AZ$1,városok!$A$2:$C$346,3,0))^2)/1000,0)</f>
        <v>35</v>
      </c>
      <c r="BA222">
        <f ca="1">ROUND(SQRT((VLOOKUP($A222,városok!$A$2:$C$346,2,0)-VLOOKUP(BA$1,városok!$A$2:$C$346,2,0))^2+(VLOOKUP($A222,városok!$A$2:$C$346,3,0)-VLOOKUP(BA$1,városok!$A$2:$C$346,3,0))^2)/1000,0)</f>
        <v>146</v>
      </c>
      <c r="BB222">
        <f ca="1">ROUND(SQRT((VLOOKUP($A222,városok!$A$2:$C$346,2,0)-VLOOKUP(BB$1,városok!$A$2:$C$346,2,0))^2+(VLOOKUP($A222,városok!$A$2:$C$346,3,0)-VLOOKUP(BB$1,városok!$A$2:$C$346,3,0))^2)/1000,0)</f>
        <v>150</v>
      </c>
      <c r="BC222">
        <f ca="1">ROUND(SQRT((VLOOKUP($A222,városok!$A$2:$C$346,2,0)-VLOOKUP(BC$1,városok!$A$2:$C$346,2,0))^2+(VLOOKUP($A222,városok!$A$2:$C$346,3,0)-VLOOKUP(BC$1,városok!$A$2:$C$346,3,0))^2)/1000,0)</f>
        <v>173</v>
      </c>
      <c r="BD222">
        <f ca="1">ROUND(SQRT((VLOOKUP($A222,városok!$A$2:$C$346,2,0)-VLOOKUP(BD$1,városok!$A$2:$C$346,2,0))^2+(VLOOKUP($A222,városok!$A$2:$C$346,3,0)-VLOOKUP(BD$1,városok!$A$2:$C$346,3,0))^2)/1000,0)</f>
        <v>115</v>
      </c>
      <c r="BE222">
        <f ca="1">ROUND(SQRT((VLOOKUP($A222,városok!$A$2:$C$346,2,0)-VLOOKUP(BE$1,városok!$A$2:$C$346,2,0))^2+(VLOOKUP($A222,városok!$A$2:$C$346,3,0)-VLOOKUP(BE$1,városok!$A$2:$C$346,3,0))^2)/1000,0)</f>
        <v>258</v>
      </c>
      <c r="BF222">
        <f ca="1">ROUND(SQRT((VLOOKUP($A222,városok!$A$2:$C$346,2,0)-VLOOKUP(BF$1,városok!$A$2:$C$346,2,0))^2+(VLOOKUP($A222,városok!$A$2:$C$346,3,0)-VLOOKUP(BF$1,városok!$A$2:$C$346,3,0))^2)/1000,0)</f>
        <v>223</v>
      </c>
      <c r="BG222">
        <f ca="1">ROUND(SQRT((VLOOKUP($A222,városok!$A$2:$C$346,2,0)-VLOOKUP(BG$1,városok!$A$2:$C$346,2,0))^2+(VLOOKUP($A222,városok!$A$2:$C$346,3,0)-VLOOKUP(BG$1,városok!$A$2:$C$346,3,0))^2)/1000,0)</f>
        <v>177</v>
      </c>
      <c r="BH222">
        <f ca="1">ROUND(SQRT((VLOOKUP($A222,városok!$A$2:$C$346,2,0)-VLOOKUP(BH$1,városok!$A$2:$C$346,2,0))^2+(VLOOKUP($A222,városok!$A$2:$C$346,3,0)-VLOOKUP(BH$1,városok!$A$2:$C$346,3,0))^2)/1000,0)</f>
        <v>177</v>
      </c>
      <c r="BI222">
        <f ca="1">ROUND(SQRT((VLOOKUP($A222,városok!$A$2:$C$346,2,0)-VLOOKUP(BI$1,városok!$A$2:$C$346,2,0))^2+(VLOOKUP($A222,városok!$A$2:$C$346,3,0)-VLOOKUP(BI$1,városok!$A$2:$C$346,3,0))^2)/1000,0)</f>
        <v>137</v>
      </c>
      <c r="BJ222">
        <f ca="1">ROUND(SQRT((VLOOKUP($A222,városok!$A$2:$C$346,2,0)-VLOOKUP(BJ$1,városok!$A$2:$C$346,2,0))^2+(VLOOKUP($A222,városok!$A$2:$C$346,3,0)-VLOOKUP(BJ$1,városok!$A$2:$C$346,3,0))^2)/1000,0)</f>
        <v>153</v>
      </c>
      <c r="BK222">
        <f ca="1">ROUND(SQRT((VLOOKUP($A222,városok!$A$2:$C$346,2,0)-VLOOKUP(BK$1,városok!$A$2:$C$346,2,0))^2+(VLOOKUP($A222,városok!$A$2:$C$346,3,0)-VLOOKUP(BK$1,városok!$A$2:$C$346,3,0))^2)/1000,0)</f>
        <v>140</v>
      </c>
      <c r="BL222">
        <f ca="1">ROUND(SQRT((VLOOKUP($A222,városok!$A$2:$C$346,2,0)-VLOOKUP(BL$1,városok!$A$2:$C$346,2,0))^2+(VLOOKUP($A222,városok!$A$2:$C$346,3,0)-VLOOKUP(BL$1,városok!$A$2:$C$346,3,0))^2)/1000,0)</f>
        <v>210</v>
      </c>
      <c r="BM222">
        <f ca="1">ROUND(SQRT((VLOOKUP($A222,városok!$A$2:$C$346,2,0)-VLOOKUP(BM$1,városok!$A$2:$C$346,2,0))^2+(VLOOKUP($A222,városok!$A$2:$C$346,3,0)-VLOOKUP(BM$1,városok!$A$2:$C$346,3,0))^2)/1000,0)</f>
        <v>179</v>
      </c>
      <c r="BN222">
        <f ca="1">ROUND(SQRT((VLOOKUP($A222,városok!$A$2:$C$346,2,0)-VLOOKUP(BN$1,városok!$A$2:$C$346,2,0))^2+(VLOOKUP($A222,városok!$A$2:$C$346,3,0)-VLOOKUP(BN$1,városok!$A$2:$C$346,3,0))^2)/1000,0)</f>
        <v>202</v>
      </c>
      <c r="BO222">
        <f ca="1">ROUND(SQRT((VLOOKUP($A222,városok!$A$2:$C$346,2,0)-VLOOKUP(BO$1,városok!$A$2:$C$346,2,0))^2+(VLOOKUP($A222,városok!$A$2:$C$346,3,0)-VLOOKUP(BO$1,városok!$A$2:$C$346,3,0))^2)/1000,0)</f>
        <v>111</v>
      </c>
      <c r="BP222">
        <f ca="1">ROUND(SQRT((VLOOKUP($A222,városok!$A$2:$C$346,2,0)-VLOOKUP(BP$1,városok!$A$2:$C$346,2,0))^2+(VLOOKUP($A222,városok!$A$2:$C$346,3,0)-VLOOKUP(BP$1,városok!$A$2:$C$346,3,0))^2)/1000,0)</f>
        <v>104</v>
      </c>
      <c r="BQ222">
        <f ca="1">ROUND(SQRT((VLOOKUP($A222,városok!$A$2:$C$346,2,0)-VLOOKUP(BQ$1,városok!$A$2:$C$346,2,0))^2+(VLOOKUP($A222,városok!$A$2:$C$346,3,0)-VLOOKUP(BQ$1,városok!$A$2:$C$346,3,0))^2)/1000,0)</f>
        <v>114</v>
      </c>
      <c r="BR222">
        <f ca="1">ROUND(SQRT((VLOOKUP($A222,városok!$A$2:$C$346,2,0)-VLOOKUP(BR$1,városok!$A$2:$C$346,2,0))^2+(VLOOKUP($A222,városok!$A$2:$C$346,3,0)-VLOOKUP(BR$1,városok!$A$2:$C$346,3,0))^2)/1000,0)</f>
        <v>175</v>
      </c>
      <c r="BS222">
        <f ca="1">ROUND(SQRT((VLOOKUP($A222,városok!$A$2:$C$346,2,0)-VLOOKUP(BS$1,városok!$A$2:$C$346,2,0))^2+(VLOOKUP($A222,városok!$A$2:$C$346,3,0)-VLOOKUP(BS$1,városok!$A$2:$C$346,3,0))^2)/1000,0)</f>
        <v>211</v>
      </c>
      <c r="BT222">
        <f ca="1">ROUND(SQRT((VLOOKUP($A222,városok!$A$2:$C$346,2,0)-VLOOKUP(BT$1,városok!$A$2:$C$346,2,0))^2+(VLOOKUP($A222,városok!$A$2:$C$346,3,0)-VLOOKUP(BT$1,városok!$A$2:$C$346,3,0))^2)/1000,0)</f>
        <v>200</v>
      </c>
    </row>
    <row r="223" spans="1:72" x14ac:dyDescent="0.2">
      <c r="A223" t="str">
        <f>városok!A223</f>
        <v>Maglód</v>
      </c>
      <c r="B223">
        <f ca="1">ROUND(SQRT((VLOOKUP($A223,városok!$A$2:$C$346,2,0)-VLOOKUP(B$1,városok!$A$2:$C$346,2,0))^2+(VLOOKUP($A223,városok!$A$2:$C$346,3,0)-VLOOKUP(B$1,városok!$A$2:$C$346,3,0))^2)/1000,0)</f>
        <v>143</v>
      </c>
      <c r="C223">
        <f ca="1">ROUND(SQRT((VLOOKUP($A223,városok!$A$2:$C$346,2,0)-VLOOKUP(C$1,városok!$A$2:$C$346,2,0))^2+(VLOOKUP($A223,városok!$A$2:$C$346,3,0)-VLOOKUP(C$1,városok!$A$2:$C$346,3,0))^2)/1000,0)</f>
        <v>106</v>
      </c>
      <c r="D223">
        <f ca="1">ROUND(SQRT((VLOOKUP($A223,városok!$A$2:$C$346,2,0)-VLOOKUP(D$1,városok!$A$2:$C$346,2,0))^2+(VLOOKUP($A223,városok!$A$2:$C$346,3,0)-VLOOKUP(D$1,városok!$A$2:$C$346,3,0))^2)/1000,0)</f>
        <v>65</v>
      </c>
      <c r="E223">
        <f ca="1">ROUND(SQRT((VLOOKUP($A223,városok!$A$2:$C$346,2,0)-VLOOKUP(E$1,városok!$A$2:$C$346,2,0))^2+(VLOOKUP($A223,városok!$A$2:$C$346,3,0)-VLOOKUP(E$1,városok!$A$2:$C$346,3,0))^2)/1000,0)</f>
        <v>162</v>
      </c>
      <c r="F223">
        <f ca="1">ROUND(SQRT((VLOOKUP($A223,városok!$A$2:$C$346,2,0)-VLOOKUP(F$1,városok!$A$2:$C$346,2,0))^2+(VLOOKUP($A223,városok!$A$2:$C$346,3,0)-VLOOKUP(F$1,városok!$A$2:$C$346,3,0))^2)/1000,0)</f>
        <v>169</v>
      </c>
      <c r="G223">
        <f ca="1">ROUND(SQRT((VLOOKUP($A223,városok!$A$2:$C$346,2,0)-VLOOKUP(G$1,városok!$A$2:$C$346,2,0))^2+(VLOOKUP($A223,városok!$A$2:$C$346,3,0)-VLOOKUP(G$1,városok!$A$2:$C$346,3,0))^2)/1000,0)</f>
        <v>174</v>
      </c>
      <c r="H223">
        <f ca="1">ROUND(SQRT((VLOOKUP($A223,városok!$A$2:$C$346,2,0)-VLOOKUP(H$1,városok!$A$2:$C$346,2,0))^2+(VLOOKUP($A223,városok!$A$2:$C$346,3,0)-VLOOKUP(H$1,városok!$A$2:$C$346,3,0))^2)/1000,0)</f>
        <v>195</v>
      </c>
      <c r="I223">
        <f ca="1">ROUND(SQRT((VLOOKUP($A223,városok!$A$2:$C$346,2,0)-VLOOKUP(I$1,városok!$A$2:$C$346,2,0))^2+(VLOOKUP($A223,városok!$A$2:$C$346,3,0)-VLOOKUP(I$1,városok!$A$2:$C$346,3,0))^2)/1000,0)</f>
        <v>157</v>
      </c>
      <c r="J223">
        <f ca="1">ROUND(SQRT((VLOOKUP($A223,városok!$A$2:$C$346,2,0)-VLOOKUP(J$1,városok!$A$2:$C$346,2,0))^2+(VLOOKUP($A223,városok!$A$2:$C$346,3,0)-VLOOKUP(J$1,városok!$A$2:$C$346,3,0))^2)/1000,0)</f>
        <v>171</v>
      </c>
      <c r="K223">
        <f ca="1">ROUND(SQRT((VLOOKUP($A223,városok!$A$2:$C$346,2,0)-VLOOKUP(K$1,városok!$A$2:$C$346,2,0))^2+(VLOOKUP($A223,városok!$A$2:$C$346,3,0)-VLOOKUP(K$1,városok!$A$2:$C$346,3,0))^2)/1000,0)</f>
        <v>140</v>
      </c>
      <c r="L223">
        <f ca="1">ROUND(SQRT((VLOOKUP($A223,városok!$A$2:$C$346,2,0)-VLOOKUP(L$1,városok!$A$2:$C$346,2,0))^2+(VLOOKUP($A223,városok!$A$2:$C$346,3,0)-VLOOKUP(L$1,városok!$A$2:$C$346,3,0))^2)/1000,0)</f>
        <v>132</v>
      </c>
      <c r="M223">
        <f ca="1">ROUND(SQRT((VLOOKUP($A223,városok!$A$2:$C$346,2,0)-VLOOKUP(M$1,városok!$A$2:$C$346,2,0))^2+(VLOOKUP($A223,városok!$A$2:$C$346,3,0)-VLOOKUP(M$1,városok!$A$2:$C$346,3,0))^2)/1000,0)</f>
        <v>131</v>
      </c>
      <c r="N223">
        <f ca="1">ROUND(SQRT((VLOOKUP($A223,városok!$A$2:$C$346,2,0)-VLOOKUP(N$1,városok!$A$2:$C$346,2,0))^2+(VLOOKUP($A223,városok!$A$2:$C$346,3,0)-VLOOKUP(N$1,városok!$A$2:$C$346,3,0))^2)/1000,0)</f>
        <v>112</v>
      </c>
      <c r="O223">
        <f ca="1">ROUND(SQRT((VLOOKUP($A223,városok!$A$2:$C$346,2,0)-VLOOKUP(O$1,városok!$A$2:$C$346,2,0))^2+(VLOOKUP($A223,városok!$A$2:$C$346,3,0)-VLOOKUP(O$1,városok!$A$2:$C$346,3,0))^2)/1000,0)</f>
        <v>202</v>
      </c>
      <c r="P223">
        <f ca="1">ROUND(SQRT((VLOOKUP($A223,városok!$A$2:$C$346,2,0)-VLOOKUP(P$1,városok!$A$2:$C$346,2,0))^2+(VLOOKUP($A223,városok!$A$2:$C$346,3,0)-VLOOKUP(P$1,városok!$A$2:$C$346,3,0))^2)/1000,0)</f>
        <v>202</v>
      </c>
      <c r="Q223">
        <f ca="1">ROUND(SQRT((VLOOKUP($A223,városok!$A$2:$C$346,2,0)-VLOOKUP(Q$1,városok!$A$2:$C$346,2,0))^2+(VLOOKUP($A223,városok!$A$2:$C$346,3,0)-VLOOKUP(Q$1,városok!$A$2:$C$346,3,0))^2)/1000,0)</f>
        <v>136</v>
      </c>
      <c r="R223">
        <f ca="1">ROUND(SQRT((VLOOKUP($A223,városok!$A$2:$C$346,2,0)-VLOOKUP(R$1,városok!$A$2:$C$346,2,0))^2+(VLOOKUP($A223,városok!$A$2:$C$346,3,0)-VLOOKUP(R$1,városok!$A$2:$C$346,3,0))^2)/1000,0)</f>
        <v>161</v>
      </c>
      <c r="S223">
        <f ca="1">ROUND(SQRT((VLOOKUP($A223,városok!$A$2:$C$346,2,0)-VLOOKUP(S$1,városok!$A$2:$C$346,2,0))^2+(VLOOKUP($A223,városok!$A$2:$C$346,3,0)-VLOOKUP(S$1,városok!$A$2:$C$346,3,0))^2)/1000,0)</f>
        <v>147</v>
      </c>
      <c r="T223">
        <f ca="1">ROUND(SQRT((VLOOKUP($A223,városok!$A$2:$C$346,2,0)-VLOOKUP(T$1,városok!$A$2:$C$346,2,0))^2+(VLOOKUP($A223,városok!$A$2:$C$346,3,0)-VLOOKUP(T$1,városok!$A$2:$C$346,3,0))^2)/1000,0)</f>
        <v>54</v>
      </c>
      <c r="U223">
        <f ca="1">ROUND(SQRT((VLOOKUP($A223,városok!$A$2:$C$346,2,0)-VLOOKUP(U$1,városok!$A$2:$C$346,2,0))^2+(VLOOKUP($A223,városok!$A$2:$C$346,3,0)-VLOOKUP(U$1,városok!$A$2:$C$346,3,0))^2)/1000,0)</f>
        <v>62</v>
      </c>
      <c r="V223">
        <f ca="1">ROUND(SQRT((VLOOKUP($A223,városok!$A$2:$C$346,2,0)-VLOOKUP(V$1,városok!$A$2:$C$346,2,0))^2+(VLOOKUP($A223,városok!$A$2:$C$346,3,0)-VLOOKUP(V$1,városok!$A$2:$C$346,3,0))^2)/1000,0)</f>
        <v>90</v>
      </c>
      <c r="W223">
        <f ca="1">ROUND(SQRT((VLOOKUP($A223,városok!$A$2:$C$346,2,0)-VLOOKUP(W$1,városok!$A$2:$C$346,2,0))^2+(VLOOKUP($A223,városok!$A$2:$C$346,3,0)-VLOOKUP(W$1,városok!$A$2:$C$346,3,0))^2)/1000,0)</f>
        <v>83</v>
      </c>
      <c r="X223">
        <f ca="1">ROUND(SQRT((VLOOKUP($A223,városok!$A$2:$C$346,2,0)-VLOOKUP(X$1,városok!$A$2:$C$346,2,0))^2+(VLOOKUP($A223,városok!$A$2:$C$346,3,0)-VLOOKUP(X$1,városok!$A$2:$C$346,3,0))^2)/1000,0)</f>
        <v>79</v>
      </c>
      <c r="Y223">
        <f ca="1">ROUND(SQRT((VLOOKUP($A223,városok!$A$2:$C$346,2,0)-VLOOKUP(Y$1,városok!$A$2:$C$346,2,0))^2+(VLOOKUP($A223,városok!$A$2:$C$346,3,0)-VLOOKUP(Y$1,városok!$A$2:$C$346,3,0))^2)/1000,0)</f>
        <v>132</v>
      </c>
      <c r="Z223">
        <f ca="1">ROUND(SQRT((VLOOKUP($A223,városok!$A$2:$C$346,2,0)-VLOOKUP(Z$1,városok!$A$2:$C$346,2,0))^2+(VLOOKUP($A223,városok!$A$2:$C$346,3,0)-VLOOKUP(Z$1,városok!$A$2:$C$346,3,0))^2)/1000,0)</f>
        <v>151</v>
      </c>
      <c r="AA223">
        <f ca="1">ROUND(SQRT((VLOOKUP($A223,városok!$A$2:$C$346,2,0)-VLOOKUP(AA$1,városok!$A$2:$C$346,2,0))^2+(VLOOKUP($A223,városok!$A$2:$C$346,3,0)-VLOOKUP(AA$1,városok!$A$2:$C$346,3,0))^2)/1000,0)</f>
        <v>210</v>
      </c>
      <c r="AB223">
        <f ca="1">ROUND(SQRT((VLOOKUP($A223,városok!$A$2:$C$346,2,0)-VLOOKUP(AB$1,városok!$A$2:$C$346,2,0))^2+(VLOOKUP($A223,városok!$A$2:$C$346,3,0)-VLOOKUP(AB$1,városok!$A$2:$C$346,3,0))^2)/1000,0)</f>
        <v>172</v>
      </c>
      <c r="AC223">
        <f ca="1">ROUND(SQRT((VLOOKUP($A223,városok!$A$2:$C$346,2,0)-VLOOKUP(AC$1,városok!$A$2:$C$346,2,0))^2+(VLOOKUP($A223,városok!$A$2:$C$346,3,0)-VLOOKUP(AC$1,városok!$A$2:$C$346,3,0))^2)/1000,0)</f>
        <v>154</v>
      </c>
      <c r="AD223">
        <f ca="1">ROUND(SQRT((VLOOKUP($A223,városok!$A$2:$C$346,2,0)-VLOOKUP(AD$1,városok!$A$2:$C$346,2,0))^2+(VLOOKUP($A223,városok!$A$2:$C$346,3,0)-VLOOKUP(AD$1,városok!$A$2:$C$346,3,0))^2)/1000,0)</f>
        <v>136</v>
      </c>
      <c r="AE223">
        <f ca="1">ROUND(SQRT((VLOOKUP($A223,városok!$A$2:$C$346,2,0)-VLOOKUP(AE$1,városok!$A$2:$C$346,2,0))^2+(VLOOKUP($A223,városok!$A$2:$C$346,3,0)-VLOOKUP(AE$1,városok!$A$2:$C$346,3,0))^2)/1000,0)</f>
        <v>138</v>
      </c>
      <c r="AF223">
        <f ca="1">ROUND(SQRT((VLOOKUP($A223,városok!$A$2:$C$346,2,0)-VLOOKUP(AF$1,városok!$A$2:$C$346,2,0))^2+(VLOOKUP($A223,városok!$A$2:$C$346,3,0)-VLOOKUP(AF$1,városok!$A$2:$C$346,3,0))^2)/1000,0)</f>
        <v>92</v>
      </c>
      <c r="AG223">
        <f ca="1">ROUND(SQRT((VLOOKUP($A223,városok!$A$2:$C$346,2,0)-VLOOKUP(AG$1,városok!$A$2:$C$346,2,0))^2+(VLOOKUP($A223,városok!$A$2:$C$346,3,0)-VLOOKUP(AG$1,városok!$A$2:$C$346,3,0))^2)/1000,0)</f>
        <v>57</v>
      </c>
      <c r="AH223">
        <f ca="1">ROUND(SQRT((VLOOKUP($A223,városok!$A$2:$C$346,2,0)-VLOOKUP(AH$1,városok!$A$2:$C$346,2,0))^2+(VLOOKUP($A223,városok!$A$2:$C$346,3,0)-VLOOKUP(AH$1,városok!$A$2:$C$346,3,0))^2)/1000,0)</f>
        <v>35</v>
      </c>
      <c r="AI223">
        <f ca="1">ROUND(SQRT((VLOOKUP($A223,városok!$A$2:$C$346,2,0)-VLOOKUP(AI$1,városok!$A$2:$C$346,2,0))^2+(VLOOKUP($A223,városok!$A$2:$C$346,3,0)-VLOOKUP(AI$1,városok!$A$2:$C$346,3,0))^2)/1000,0)</f>
        <v>85</v>
      </c>
      <c r="AJ223">
        <f ca="1">ROUND(SQRT((VLOOKUP($A223,városok!$A$2:$C$346,2,0)-VLOOKUP(AJ$1,városok!$A$2:$C$346,2,0))^2+(VLOOKUP($A223,városok!$A$2:$C$346,3,0)-VLOOKUP(AJ$1,városok!$A$2:$C$346,3,0))^2)/1000,0)</f>
        <v>52</v>
      </c>
      <c r="AK223">
        <f ca="1">ROUND(SQRT((VLOOKUP($A223,városok!$A$2:$C$346,2,0)-VLOOKUP(AK$1,városok!$A$2:$C$346,2,0))^2+(VLOOKUP($A223,városok!$A$2:$C$346,3,0)-VLOOKUP(AK$1,városok!$A$2:$C$346,3,0))^2)/1000,0)</f>
        <v>124</v>
      </c>
      <c r="AL223">
        <f ca="1">ROUND(SQRT((VLOOKUP($A223,városok!$A$2:$C$346,2,0)-VLOOKUP(AL$1,városok!$A$2:$C$346,2,0))^2+(VLOOKUP($A223,városok!$A$2:$C$346,3,0)-VLOOKUP(AL$1,városok!$A$2:$C$346,3,0))^2)/1000,0)</f>
        <v>97</v>
      </c>
      <c r="AM223">
        <f ca="1">ROUND(SQRT((VLOOKUP($A223,városok!$A$2:$C$346,2,0)-VLOOKUP(AM$1,városok!$A$2:$C$346,2,0))^2+(VLOOKUP($A223,városok!$A$2:$C$346,3,0)-VLOOKUP(AM$1,városok!$A$2:$C$346,3,0))^2)/1000,0)</f>
        <v>70</v>
      </c>
      <c r="AN223">
        <f ca="1">ROUND(SQRT((VLOOKUP($A223,városok!$A$2:$C$346,2,0)-VLOOKUP(AN$1,városok!$A$2:$C$346,2,0))^2+(VLOOKUP($A223,városok!$A$2:$C$346,3,0)-VLOOKUP(AN$1,városok!$A$2:$C$346,3,0))^2)/1000,0)</f>
        <v>60</v>
      </c>
      <c r="AO223">
        <f ca="1">ROUND(SQRT((VLOOKUP($A223,városok!$A$2:$C$346,2,0)-VLOOKUP(AO$1,városok!$A$2:$C$346,2,0))^2+(VLOOKUP($A223,városok!$A$2:$C$346,3,0)-VLOOKUP(AO$1,városok!$A$2:$C$346,3,0))^2)/1000,0)</f>
        <v>98</v>
      </c>
      <c r="AP223">
        <f ca="1">ROUND(SQRT((VLOOKUP($A223,városok!$A$2:$C$346,2,0)-VLOOKUP(AP$1,városok!$A$2:$C$346,2,0))^2+(VLOOKUP($A223,városok!$A$2:$C$346,3,0)-VLOOKUP(AP$1,városok!$A$2:$C$346,3,0))^2)/1000,0)</f>
        <v>80</v>
      </c>
      <c r="AQ223">
        <f ca="1">ROUND(SQRT((VLOOKUP($A223,városok!$A$2:$C$346,2,0)-VLOOKUP(AQ$1,városok!$A$2:$C$346,2,0))^2+(VLOOKUP($A223,városok!$A$2:$C$346,3,0)-VLOOKUP(AQ$1,városok!$A$2:$C$346,3,0))^2)/1000,0)</f>
        <v>72</v>
      </c>
      <c r="AR223">
        <f ca="1">ROUND(SQRT((VLOOKUP($A223,városok!$A$2:$C$346,2,0)-VLOOKUP(AR$1,városok!$A$2:$C$346,2,0))^2+(VLOOKUP($A223,városok!$A$2:$C$346,3,0)-VLOOKUP(AR$1,városok!$A$2:$C$346,3,0))^2)/1000,0)</f>
        <v>59</v>
      </c>
      <c r="AS223">
        <f ca="1">ROUND(SQRT((VLOOKUP($A223,városok!$A$2:$C$346,2,0)-VLOOKUP(AS$1,városok!$A$2:$C$346,2,0))^2+(VLOOKUP($A223,városok!$A$2:$C$346,3,0)-VLOOKUP(AS$1,városok!$A$2:$C$346,3,0))^2)/1000,0)</f>
        <v>82</v>
      </c>
      <c r="AT223">
        <f ca="1">ROUND(SQRT((VLOOKUP($A223,városok!$A$2:$C$346,2,0)-VLOOKUP(AT$1,városok!$A$2:$C$346,2,0))^2+(VLOOKUP($A223,városok!$A$2:$C$346,3,0)-VLOOKUP(AT$1,városok!$A$2:$C$346,3,0))^2)/1000,0)</f>
        <v>40</v>
      </c>
      <c r="AU223">
        <f ca="1">ROUND(SQRT((VLOOKUP($A223,városok!$A$2:$C$346,2,0)-VLOOKUP(AU$1,városok!$A$2:$C$346,2,0))^2+(VLOOKUP($A223,városok!$A$2:$C$346,3,0)-VLOOKUP(AU$1,városok!$A$2:$C$346,3,0))^2)/1000,0)</f>
        <v>29</v>
      </c>
      <c r="AV223">
        <f ca="1">ROUND(SQRT((VLOOKUP($A223,városok!$A$2:$C$346,2,0)-VLOOKUP(AV$1,városok!$A$2:$C$346,2,0))^2+(VLOOKUP($A223,városok!$A$2:$C$346,3,0)-VLOOKUP(AV$1,városok!$A$2:$C$346,3,0))^2)/1000,0)</f>
        <v>30</v>
      </c>
      <c r="AW223">
        <f ca="1">ROUND(SQRT((VLOOKUP($A223,városok!$A$2:$C$346,2,0)-VLOOKUP(AW$1,városok!$A$2:$C$346,2,0))^2+(VLOOKUP($A223,városok!$A$2:$C$346,3,0)-VLOOKUP(AW$1,városok!$A$2:$C$346,3,0))^2)/1000,0)</f>
        <v>34</v>
      </c>
      <c r="AX223">
        <f ca="1">ROUND(SQRT((VLOOKUP($A223,városok!$A$2:$C$346,2,0)-VLOOKUP(AX$1,városok!$A$2:$C$346,2,0))^2+(VLOOKUP($A223,városok!$A$2:$C$346,3,0)-VLOOKUP(AX$1,városok!$A$2:$C$346,3,0))^2)/1000,0)</f>
        <v>56</v>
      </c>
      <c r="AY223">
        <f ca="1">ROUND(SQRT((VLOOKUP($A223,városok!$A$2:$C$346,2,0)-VLOOKUP(AY$1,városok!$A$2:$C$346,2,0))^2+(VLOOKUP($A223,városok!$A$2:$C$346,3,0)-VLOOKUP(AY$1,városok!$A$2:$C$346,3,0))^2)/1000,0)</f>
        <v>34</v>
      </c>
      <c r="AZ223">
        <f ca="1">ROUND(SQRT((VLOOKUP($A223,városok!$A$2:$C$346,2,0)-VLOOKUP(AZ$1,városok!$A$2:$C$346,2,0))^2+(VLOOKUP($A223,városok!$A$2:$C$346,3,0)-VLOOKUP(AZ$1,városok!$A$2:$C$346,3,0))^2)/1000,0)</f>
        <v>48</v>
      </c>
      <c r="BA223">
        <f ca="1">ROUND(SQRT((VLOOKUP($A223,városok!$A$2:$C$346,2,0)-VLOOKUP(BA$1,városok!$A$2:$C$346,2,0))^2+(VLOOKUP($A223,városok!$A$2:$C$346,3,0)-VLOOKUP(BA$1,városok!$A$2:$C$346,3,0))^2)/1000,0)</f>
        <v>145</v>
      </c>
      <c r="BB223">
        <f ca="1">ROUND(SQRT((VLOOKUP($A223,városok!$A$2:$C$346,2,0)-VLOOKUP(BB$1,városok!$A$2:$C$346,2,0))^2+(VLOOKUP($A223,városok!$A$2:$C$346,3,0)-VLOOKUP(BB$1,városok!$A$2:$C$346,3,0))^2)/1000,0)</f>
        <v>147</v>
      </c>
      <c r="BC223">
        <f ca="1">ROUND(SQRT((VLOOKUP($A223,városok!$A$2:$C$346,2,0)-VLOOKUP(BC$1,városok!$A$2:$C$346,2,0))^2+(VLOOKUP($A223,városok!$A$2:$C$346,3,0)-VLOOKUP(BC$1,városok!$A$2:$C$346,3,0))^2)/1000,0)</f>
        <v>169</v>
      </c>
      <c r="BD223">
        <f ca="1">ROUND(SQRT((VLOOKUP($A223,városok!$A$2:$C$346,2,0)-VLOOKUP(BD$1,városok!$A$2:$C$346,2,0))^2+(VLOOKUP($A223,városok!$A$2:$C$346,3,0)-VLOOKUP(BD$1,városok!$A$2:$C$346,3,0))^2)/1000,0)</f>
        <v>114</v>
      </c>
      <c r="BE223">
        <f ca="1">ROUND(SQRT((VLOOKUP($A223,városok!$A$2:$C$346,2,0)-VLOOKUP(BE$1,városok!$A$2:$C$346,2,0))^2+(VLOOKUP($A223,városok!$A$2:$C$346,3,0)-VLOOKUP(BE$1,városok!$A$2:$C$346,3,0))^2)/1000,0)</f>
        <v>253</v>
      </c>
      <c r="BF223">
        <f ca="1">ROUND(SQRT((VLOOKUP($A223,városok!$A$2:$C$346,2,0)-VLOOKUP(BF$1,városok!$A$2:$C$346,2,0))^2+(VLOOKUP($A223,városok!$A$2:$C$346,3,0)-VLOOKUP(BF$1,városok!$A$2:$C$346,3,0))^2)/1000,0)</f>
        <v>222</v>
      </c>
      <c r="BG223">
        <f ca="1">ROUND(SQRT((VLOOKUP($A223,városok!$A$2:$C$346,2,0)-VLOOKUP(BG$1,városok!$A$2:$C$346,2,0))^2+(VLOOKUP($A223,városok!$A$2:$C$346,3,0)-VLOOKUP(BG$1,városok!$A$2:$C$346,3,0))^2)/1000,0)</f>
        <v>176</v>
      </c>
      <c r="BH223">
        <f ca="1">ROUND(SQRT((VLOOKUP($A223,városok!$A$2:$C$346,2,0)-VLOOKUP(BH$1,városok!$A$2:$C$346,2,0))^2+(VLOOKUP($A223,városok!$A$2:$C$346,3,0)-VLOOKUP(BH$1,városok!$A$2:$C$346,3,0))^2)/1000,0)</f>
        <v>175</v>
      </c>
      <c r="BI223">
        <f ca="1">ROUND(SQRT((VLOOKUP($A223,városok!$A$2:$C$346,2,0)-VLOOKUP(BI$1,városok!$A$2:$C$346,2,0))^2+(VLOOKUP($A223,városok!$A$2:$C$346,3,0)-VLOOKUP(BI$1,városok!$A$2:$C$346,3,0))^2)/1000,0)</f>
        <v>129</v>
      </c>
      <c r="BJ223">
        <f ca="1">ROUND(SQRT((VLOOKUP($A223,városok!$A$2:$C$346,2,0)-VLOOKUP(BJ$1,városok!$A$2:$C$346,2,0))^2+(VLOOKUP($A223,városok!$A$2:$C$346,3,0)-VLOOKUP(BJ$1,városok!$A$2:$C$346,3,0))^2)/1000,0)</f>
        <v>146</v>
      </c>
      <c r="BK223">
        <f ca="1">ROUND(SQRT((VLOOKUP($A223,városok!$A$2:$C$346,2,0)-VLOOKUP(BK$1,városok!$A$2:$C$346,2,0))^2+(VLOOKUP($A223,városok!$A$2:$C$346,3,0)-VLOOKUP(BK$1,városok!$A$2:$C$346,3,0))^2)/1000,0)</f>
        <v>131</v>
      </c>
      <c r="BL223">
        <f ca="1">ROUND(SQRT((VLOOKUP($A223,városok!$A$2:$C$346,2,0)-VLOOKUP(BL$1,városok!$A$2:$C$346,2,0))^2+(VLOOKUP($A223,városok!$A$2:$C$346,3,0)-VLOOKUP(BL$1,városok!$A$2:$C$346,3,0))^2)/1000,0)</f>
        <v>213</v>
      </c>
      <c r="BM223">
        <f ca="1">ROUND(SQRT((VLOOKUP($A223,városok!$A$2:$C$346,2,0)-VLOOKUP(BM$1,városok!$A$2:$C$346,2,0))^2+(VLOOKUP($A223,városok!$A$2:$C$346,3,0)-VLOOKUP(BM$1,városok!$A$2:$C$346,3,0))^2)/1000,0)</f>
        <v>184</v>
      </c>
      <c r="BN223">
        <f ca="1">ROUND(SQRT((VLOOKUP($A223,városok!$A$2:$C$346,2,0)-VLOOKUP(BN$1,városok!$A$2:$C$346,2,0))^2+(VLOOKUP($A223,városok!$A$2:$C$346,3,0)-VLOOKUP(BN$1,városok!$A$2:$C$346,3,0))^2)/1000,0)</f>
        <v>207</v>
      </c>
      <c r="BO223">
        <f ca="1">ROUND(SQRT((VLOOKUP($A223,városok!$A$2:$C$346,2,0)-VLOOKUP(BO$1,városok!$A$2:$C$346,2,0))^2+(VLOOKUP($A223,városok!$A$2:$C$346,3,0)-VLOOKUP(BO$1,városok!$A$2:$C$346,3,0))^2)/1000,0)</f>
        <v>111</v>
      </c>
      <c r="BP223">
        <f ca="1">ROUND(SQRT((VLOOKUP($A223,városok!$A$2:$C$346,2,0)-VLOOKUP(BP$1,városok!$A$2:$C$346,2,0))^2+(VLOOKUP($A223,városok!$A$2:$C$346,3,0)-VLOOKUP(BP$1,városok!$A$2:$C$346,3,0))^2)/1000,0)</f>
        <v>104</v>
      </c>
      <c r="BQ223">
        <f ca="1">ROUND(SQRT((VLOOKUP($A223,városok!$A$2:$C$346,2,0)-VLOOKUP(BQ$1,városok!$A$2:$C$346,2,0))^2+(VLOOKUP($A223,városok!$A$2:$C$346,3,0)-VLOOKUP(BQ$1,városok!$A$2:$C$346,3,0))^2)/1000,0)</f>
        <v>116</v>
      </c>
      <c r="BR223">
        <f ca="1">ROUND(SQRT((VLOOKUP($A223,városok!$A$2:$C$346,2,0)-VLOOKUP(BR$1,városok!$A$2:$C$346,2,0))^2+(VLOOKUP($A223,városok!$A$2:$C$346,3,0)-VLOOKUP(BR$1,városok!$A$2:$C$346,3,0))^2)/1000,0)</f>
        <v>176</v>
      </c>
      <c r="BS223">
        <f ca="1">ROUND(SQRT((VLOOKUP($A223,városok!$A$2:$C$346,2,0)-VLOOKUP(BS$1,városok!$A$2:$C$346,2,0))^2+(VLOOKUP($A223,városok!$A$2:$C$346,3,0)-VLOOKUP(BS$1,városok!$A$2:$C$346,3,0))^2)/1000,0)</f>
        <v>211</v>
      </c>
      <c r="BT223">
        <f ca="1">ROUND(SQRT((VLOOKUP($A223,városok!$A$2:$C$346,2,0)-VLOOKUP(BT$1,városok!$A$2:$C$346,2,0))^2+(VLOOKUP($A223,városok!$A$2:$C$346,3,0)-VLOOKUP(BT$1,városok!$A$2:$C$346,3,0))^2)/1000,0)</f>
        <v>202</v>
      </c>
    </row>
    <row r="224" spans="1:72" x14ac:dyDescent="0.2">
      <c r="A224" t="str">
        <f>városok!A224</f>
        <v>Monor</v>
      </c>
      <c r="B224">
        <f ca="1">ROUND(SQRT((VLOOKUP($A224,városok!$A$2:$C$346,2,0)-VLOOKUP(B$1,városok!$A$2:$C$346,2,0))^2+(VLOOKUP($A224,városok!$A$2:$C$346,3,0)-VLOOKUP(B$1,városok!$A$2:$C$346,3,0))^2)/1000,0)</f>
        <v>135</v>
      </c>
      <c r="C224">
        <f ca="1">ROUND(SQRT((VLOOKUP($A224,városok!$A$2:$C$346,2,0)-VLOOKUP(C$1,városok!$A$2:$C$346,2,0))^2+(VLOOKUP($A224,városok!$A$2:$C$346,3,0)-VLOOKUP(C$1,városok!$A$2:$C$346,3,0))^2)/1000,0)</f>
        <v>98</v>
      </c>
      <c r="D224">
        <f ca="1">ROUND(SQRT((VLOOKUP($A224,városok!$A$2:$C$346,2,0)-VLOOKUP(D$1,városok!$A$2:$C$346,2,0))^2+(VLOOKUP($A224,városok!$A$2:$C$346,3,0)-VLOOKUP(D$1,városok!$A$2:$C$346,3,0))^2)/1000,0)</f>
        <v>53</v>
      </c>
      <c r="E224">
        <f ca="1">ROUND(SQRT((VLOOKUP($A224,városok!$A$2:$C$346,2,0)-VLOOKUP(E$1,városok!$A$2:$C$346,2,0))^2+(VLOOKUP($A224,városok!$A$2:$C$346,3,0)-VLOOKUP(E$1,városok!$A$2:$C$346,3,0))^2)/1000,0)</f>
        <v>158</v>
      </c>
      <c r="F224">
        <f ca="1">ROUND(SQRT((VLOOKUP($A224,városok!$A$2:$C$346,2,0)-VLOOKUP(F$1,városok!$A$2:$C$346,2,0))^2+(VLOOKUP($A224,városok!$A$2:$C$346,3,0)-VLOOKUP(F$1,városok!$A$2:$C$346,3,0))^2)/1000,0)</f>
        <v>162</v>
      </c>
      <c r="G224">
        <f ca="1">ROUND(SQRT((VLOOKUP($A224,városok!$A$2:$C$346,2,0)-VLOOKUP(G$1,városok!$A$2:$C$346,2,0))^2+(VLOOKUP($A224,városok!$A$2:$C$346,3,0)-VLOOKUP(G$1,városok!$A$2:$C$346,3,0))^2)/1000,0)</f>
        <v>168</v>
      </c>
      <c r="H224">
        <f ca="1">ROUND(SQRT((VLOOKUP($A224,városok!$A$2:$C$346,2,0)-VLOOKUP(H$1,városok!$A$2:$C$346,2,0))^2+(VLOOKUP($A224,városok!$A$2:$C$346,3,0)-VLOOKUP(H$1,városok!$A$2:$C$346,3,0))^2)/1000,0)</f>
        <v>192</v>
      </c>
      <c r="I224">
        <f ca="1">ROUND(SQRT((VLOOKUP($A224,városok!$A$2:$C$346,2,0)-VLOOKUP(I$1,városok!$A$2:$C$346,2,0))^2+(VLOOKUP($A224,városok!$A$2:$C$346,3,0)-VLOOKUP(I$1,városok!$A$2:$C$346,3,0))^2)/1000,0)</f>
        <v>145</v>
      </c>
      <c r="J224">
        <f ca="1">ROUND(SQRT((VLOOKUP($A224,városok!$A$2:$C$346,2,0)-VLOOKUP(J$1,városok!$A$2:$C$346,2,0))^2+(VLOOKUP($A224,városok!$A$2:$C$346,3,0)-VLOOKUP(J$1,városok!$A$2:$C$346,3,0))^2)/1000,0)</f>
        <v>160</v>
      </c>
      <c r="K224">
        <f ca="1">ROUND(SQRT((VLOOKUP($A224,városok!$A$2:$C$346,2,0)-VLOOKUP(K$1,városok!$A$2:$C$346,2,0))^2+(VLOOKUP($A224,városok!$A$2:$C$346,3,0)-VLOOKUP(K$1,városok!$A$2:$C$346,3,0))^2)/1000,0)</f>
        <v>128</v>
      </c>
      <c r="L224">
        <f ca="1">ROUND(SQRT((VLOOKUP($A224,városok!$A$2:$C$346,2,0)-VLOOKUP(L$1,városok!$A$2:$C$346,2,0))^2+(VLOOKUP($A224,városok!$A$2:$C$346,3,0)-VLOOKUP(L$1,városok!$A$2:$C$346,3,0))^2)/1000,0)</f>
        <v>134</v>
      </c>
      <c r="M224">
        <f ca="1">ROUND(SQRT((VLOOKUP($A224,városok!$A$2:$C$346,2,0)-VLOOKUP(M$1,városok!$A$2:$C$346,2,0))^2+(VLOOKUP($A224,városok!$A$2:$C$346,3,0)-VLOOKUP(M$1,városok!$A$2:$C$346,3,0))^2)/1000,0)</f>
        <v>131</v>
      </c>
      <c r="N224">
        <f ca="1">ROUND(SQRT((VLOOKUP($A224,városok!$A$2:$C$346,2,0)-VLOOKUP(N$1,városok!$A$2:$C$346,2,0))^2+(VLOOKUP($A224,városok!$A$2:$C$346,3,0)-VLOOKUP(N$1,városok!$A$2:$C$346,3,0))^2)/1000,0)</f>
        <v>116</v>
      </c>
      <c r="O224">
        <f ca="1">ROUND(SQRT((VLOOKUP($A224,városok!$A$2:$C$346,2,0)-VLOOKUP(O$1,városok!$A$2:$C$346,2,0))^2+(VLOOKUP($A224,városok!$A$2:$C$346,3,0)-VLOOKUP(O$1,városok!$A$2:$C$346,3,0))^2)/1000,0)</f>
        <v>202</v>
      </c>
      <c r="P224">
        <f ca="1">ROUND(SQRT((VLOOKUP($A224,városok!$A$2:$C$346,2,0)-VLOOKUP(P$1,városok!$A$2:$C$346,2,0))^2+(VLOOKUP($A224,városok!$A$2:$C$346,3,0)-VLOOKUP(P$1,városok!$A$2:$C$346,3,0))^2)/1000,0)</f>
        <v>202</v>
      </c>
      <c r="Q224">
        <f ca="1">ROUND(SQRT((VLOOKUP($A224,városok!$A$2:$C$346,2,0)-VLOOKUP(Q$1,városok!$A$2:$C$346,2,0))^2+(VLOOKUP($A224,városok!$A$2:$C$346,3,0)-VLOOKUP(Q$1,városok!$A$2:$C$346,3,0))^2)/1000,0)</f>
        <v>123</v>
      </c>
      <c r="R224">
        <f ca="1">ROUND(SQRT((VLOOKUP($A224,városok!$A$2:$C$346,2,0)-VLOOKUP(R$1,városok!$A$2:$C$346,2,0))^2+(VLOOKUP($A224,városok!$A$2:$C$346,3,0)-VLOOKUP(R$1,városok!$A$2:$C$346,3,0))^2)/1000,0)</f>
        <v>148</v>
      </c>
      <c r="S224">
        <f ca="1">ROUND(SQRT((VLOOKUP($A224,városok!$A$2:$C$346,2,0)-VLOOKUP(S$1,városok!$A$2:$C$346,2,0))^2+(VLOOKUP($A224,városok!$A$2:$C$346,3,0)-VLOOKUP(S$1,városok!$A$2:$C$346,3,0))^2)/1000,0)</f>
        <v>134</v>
      </c>
      <c r="T224">
        <f ca="1">ROUND(SQRT((VLOOKUP($A224,városok!$A$2:$C$346,2,0)-VLOOKUP(T$1,városok!$A$2:$C$346,2,0))^2+(VLOOKUP($A224,városok!$A$2:$C$346,3,0)-VLOOKUP(T$1,városok!$A$2:$C$346,3,0))^2)/1000,0)</f>
        <v>63</v>
      </c>
      <c r="U224">
        <f ca="1">ROUND(SQRT((VLOOKUP($A224,városok!$A$2:$C$346,2,0)-VLOOKUP(U$1,városok!$A$2:$C$346,2,0))^2+(VLOOKUP($A224,városok!$A$2:$C$346,3,0)-VLOOKUP(U$1,városok!$A$2:$C$346,3,0))^2)/1000,0)</f>
        <v>58</v>
      </c>
      <c r="V224">
        <f ca="1">ROUND(SQRT((VLOOKUP($A224,városok!$A$2:$C$346,2,0)-VLOOKUP(V$1,városok!$A$2:$C$346,2,0))^2+(VLOOKUP($A224,városok!$A$2:$C$346,3,0)-VLOOKUP(V$1,városok!$A$2:$C$346,3,0))^2)/1000,0)</f>
        <v>92</v>
      </c>
      <c r="W224">
        <f ca="1">ROUND(SQRT((VLOOKUP($A224,városok!$A$2:$C$346,2,0)-VLOOKUP(W$1,városok!$A$2:$C$346,2,0))^2+(VLOOKUP($A224,városok!$A$2:$C$346,3,0)-VLOOKUP(W$1,városok!$A$2:$C$346,3,0))^2)/1000,0)</f>
        <v>81</v>
      </c>
      <c r="X224">
        <f ca="1">ROUND(SQRT((VLOOKUP($A224,városok!$A$2:$C$346,2,0)-VLOOKUP(X$1,városok!$A$2:$C$346,2,0))^2+(VLOOKUP($A224,városok!$A$2:$C$346,3,0)-VLOOKUP(X$1,városok!$A$2:$C$346,3,0))^2)/1000,0)</f>
        <v>85</v>
      </c>
      <c r="Y224">
        <f ca="1">ROUND(SQRT((VLOOKUP($A224,városok!$A$2:$C$346,2,0)-VLOOKUP(Y$1,városok!$A$2:$C$346,2,0))^2+(VLOOKUP($A224,városok!$A$2:$C$346,3,0)-VLOOKUP(Y$1,városok!$A$2:$C$346,3,0))^2)/1000,0)</f>
        <v>142</v>
      </c>
      <c r="Z224">
        <f ca="1">ROUND(SQRT((VLOOKUP($A224,városok!$A$2:$C$346,2,0)-VLOOKUP(Z$1,városok!$A$2:$C$346,2,0))^2+(VLOOKUP($A224,városok!$A$2:$C$346,3,0)-VLOOKUP(Z$1,városok!$A$2:$C$346,3,0))^2)/1000,0)</f>
        <v>161</v>
      </c>
      <c r="AA224">
        <f ca="1">ROUND(SQRT((VLOOKUP($A224,városok!$A$2:$C$346,2,0)-VLOOKUP(AA$1,városok!$A$2:$C$346,2,0))^2+(VLOOKUP($A224,városok!$A$2:$C$346,3,0)-VLOOKUP(AA$1,városok!$A$2:$C$346,3,0))^2)/1000,0)</f>
        <v>219</v>
      </c>
      <c r="AB224">
        <f ca="1">ROUND(SQRT((VLOOKUP($A224,városok!$A$2:$C$346,2,0)-VLOOKUP(AB$1,városok!$A$2:$C$346,2,0))^2+(VLOOKUP($A224,városok!$A$2:$C$346,3,0)-VLOOKUP(AB$1,városok!$A$2:$C$346,3,0))^2)/1000,0)</f>
        <v>166</v>
      </c>
      <c r="AC224">
        <f ca="1">ROUND(SQRT((VLOOKUP($A224,városok!$A$2:$C$346,2,0)-VLOOKUP(AC$1,városok!$A$2:$C$346,2,0))^2+(VLOOKUP($A224,városok!$A$2:$C$346,3,0)-VLOOKUP(AC$1,városok!$A$2:$C$346,3,0))^2)/1000,0)</f>
        <v>148</v>
      </c>
      <c r="AD224">
        <f ca="1">ROUND(SQRT((VLOOKUP($A224,városok!$A$2:$C$346,2,0)-VLOOKUP(AD$1,városok!$A$2:$C$346,2,0))^2+(VLOOKUP($A224,városok!$A$2:$C$346,3,0)-VLOOKUP(AD$1,városok!$A$2:$C$346,3,0))^2)/1000,0)</f>
        <v>130</v>
      </c>
      <c r="AE224">
        <f ca="1">ROUND(SQRT((VLOOKUP($A224,városok!$A$2:$C$346,2,0)-VLOOKUP(AE$1,városok!$A$2:$C$346,2,0))^2+(VLOOKUP($A224,városok!$A$2:$C$346,3,0)-VLOOKUP(AE$1,városok!$A$2:$C$346,3,0))^2)/1000,0)</f>
        <v>130</v>
      </c>
      <c r="AF224">
        <f ca="1">ROUND(SQRT((VLOOKUP($A224,városok!$A$2:$C$346,2,0)-VLOOKUP(AF$1,városok!$A$2:$C$346,2,0))^2+(VLOOKUP($A224,városok!$A$2:$C$346,3,0)-VLOOKUP(AF$1,városok!$A$2:$C$346,3,0))^2)/1000,0)</f>
        <v>93</v>
      </c>
      <c r="AG224">
        <f ca="1">ROUND(SQRT((VLOOKUP($A224,városok!$A$2:$C$346,2,0)-VLOOKUP(AG$1,városok!$A$2:$C$346,2,0))^2+(VLOOKUP($A224,városok!$A$2:$C$346,3,0)-VLOOKUP(AG$1,városok!$A$2:$C$346,3,0))^2)/1000,0)</f>
        <v>60</v>
      </c>
      <c r="AH224">
        <f ca="1">ROUND(SQRT((VLOOKUP($A224,városok!$A$2:$C$346,2,0)-VLOOKUP(AH$1,városok!$A$2:$C$346,2,0))^2+(VLOOKUP($A224,városok!$A$2:$C$346,3,0)-VLOOKUP(AH$1,városok!$A$2:$C$346,3,0))^2)/1000,0)</f>
        <v>39</v>
      </c>
      <c r="AI224">
        <f ca="1">ROUND(SQRT((VLOOKUP($A224,városok!$A$2:$C$346,2,0)-VLOOKUP(AI$1,városok!$A$2:$C$346,2,0))^2+(VLOOKUP($A224,városok!$A$2:$C$346,3,0)-VLOOKUP(AI$1,városok!$A$2:$C$346,3,0))^2)/1000,0)</f>
        <v>89</v>
      </c>
      <c r="AJ224">
        <f ca="1">ROUND(SQRT((VLOOKUP($A224,városok!$A$2:$C$346,2,0)-VLOOKUP(AJ$1,városok!$A$2:$C$346,2,0))^2+(VLOOKUP($A224,városok!$A$2:$C$346,3,0)-VLOOKUP(AJ$1,városok!$A$2:$C$346,3,0))^2)/1000,0)</f>
        <v>52</v>
      </c>
      <c r="AK224">
        <f ca="1">ROUND(SQRT((VLOOKUP($A224,városok!$A$2:$C$346,2,0)-VLOOKUP(AK$1,városok!$A$2:$C$346,2,0))^2+(VLOOKUP($A224,városok!$A$2:$C$346,3,0)-VLOOKUP(AK$1,városok!$A$2:$C$346,3,0))^2)/1000,0)</f>
        <v>116</v>
      </c>
      <c r="AL224">
        <f ca="1">ROUND(SQRT((VLOOKUP($A224,városok!$A$2:$C$346,2,0)-VLOOKUP(AL$1,városok!$A$2:$C$346,2,0))^2+(VLOOKUP($A224,városok!$A$2:$C$346,3,0)-VLOOKUP(AL$1,városok!$A$2:$C$346,3,0))^2)/1000,0)</f>
        <v>89</v>
      </c>
      <c r="AM224">
        <f ca="1">ROUND(SQRT((VLOOKUP($A224,városok!$A$2:$C$346,2,0)-VLOOKUP(AM$1,városok!$A$2:$C$346,2,0))^2+(VLOOKUP($A224,városok!$A$2:$C$346,3,0)-VLOOKUP(AM$1,városok!$A$2:$C$346,3,0))^2)/1000,0)</f>
        <v>59</v>
      </c>
      <c r="AN224">
        <f ca="1">ROUND(SQRT((VLOOKUP($A224,városok!$A$2:$C$346,2,0)-VLOOKUP(AN$1,városok!$A$2:$C$346,2,0))^2+(VLOOKUP($A224,városok!$A$2:$C$346,3,0)-VLOOKUP(AN$1,városok!$A$2:$C$346,3,0))^2)/1000,0)</f>
        <v>72</v>
      </c>
      <c r="AO224">
        <f ca="1">ROUND(SQRT((VLOOKUP($A224,városok!$A$2:$C$346,2,0)-VLOOKUP(AO$1,városok!$A$2:$C$346,2,0))^2+(VLOOKUP($A224,városok!$A$2:$C$346,3,0)-VLOOKUP(AO$1,városok!$A$2:$C$346,3,0))^2)/1000,0)</f>
        <v>109</v>
      </c>
      <c r="AP224">
        <f ca="1">ROUND(SQRT((VLOOKUP($A224,városok!$A$2:$C$346,2,0)-VLOOKUP(AP$1,városok!$A$2:$C$346,2,0))^2+(VLOOKUP($A224,városok!$A$2:$C$346,3,0)-VLOOKUP(AP$1,városok!$A$2:$C$346,3,0))^2)/1000,0)</f>
        <v>90</v>
      </c>
      <c r="AQ224">
        <f ca="1">ROUND(SQRT((VLOOKUP($A224,városok!$A$2:$C$346,2,0)-VLOOKUP(AQ$1,városok!$A$2:$C$346,2,0))^2+(VLOOKUP($A224,városok!$A$2:$C$346,3,0)-VLOOKUP(AQ$1,városok!$A$2:$C$346,3,0))^2)/1000,0)</f>
        <v>82</v>
      </c>
      <c r="AR224">
        <f ca="1">ROUND(SQRT((VLOOKUP($A224,városok!$A$2:$C$346,2,0)-VLOOKUP(AR$1,városok!$A$2:$C$346,2,0))^2+(VLOOKUP($A224,városok!$A$2:$C$346,3,0)-VLOOKUP(AR$1,városok!$A$2:$C$346,3,0))^2)/1000,0)</f>
        <v>66</v>
      </c>
      <c r="AS224">
        <f ca="1">ROUND(SQRT((VLOOKUP($A224,városok!$A$2:$C$346,2,0)-VLOOKUP(AS$1,városok!$A$2:$C$346,2,0))^2+(VLOOKUP($A224,városok!$A$2:$C$346,3,0)-VLOOKUP(AS$1,városok!$A$2:$C$346,3,0))^2)/1000,0)</f>
        <v>89</v>
      </c>
      <c r="AT224">
        <f ca="1">ROUND(SQRT((VLOOKUP($A224,városok!$A$2:$C$346,2,0)-VLOOKUP(AT$1,városok!$A$2:$C$346,2,0))^2+(VLOOKUP($A224,városok!$A$2:$C$346,3,0)-VLOOKUP(AT$1,városok!$A$2:$C$346,3,0))^2)/1000,0)</f>
        <v>49</v>
      </c>
      <c r="AU224">
        <f ca="1">ROUND(SQRT((VLOOKUP($A224,városok!$A$2:$C$346,2,0)-VLOOKUP(AU$1,városok!$A$2:$C$346,2,0))^2+(VLOOKUP($A224,városok!$A$2:$C$346,3,0)-VLOOKUP(AU$1,városok!$A$2:$C$346,3,0))^2)/1000,0)</f>
        <v>39</v>
      </c>
      <c r="AV224">
        <f ca="1">ROUND(SQRT((VLOOKUP($A224,városok!$A$2:$C$346,2,0)-VLOOKUP(AV$1,városok!$A$2:$C$346,2,0))^2+(VLOOKUP($A224,városok!$A$2:$C$346,3,0)-VLOOKUP(AV$1,városok!$A$2:$C$346,3,0))^2)/1000,0)</f>
        <v>38</v>
      </c>
      <c r="AW224">
        <f ca="1">ROUND(SQRT((VLOOKUP($A224,városok!$A$2:$C$346,2,0)-VLOOKUP(AW$1,városok!$A$2:$C$346,2,0))^2+(VLOOKUP($A224,városok!$A$2:$C$346,3,0)-VLOOKUP(AW$1,városok!$A$2:$C$346,3,0))^2)/1000,0)</f>
        <v>41</v>
      </c>
      <c r="AX224">
        <f ca="1">ROUND(SQRT((VLOOKUP($A224,városok!$A$2:$C$346,2,0)-VLOOKUP(AX$1,városok!$A$2:$C$346,2,0))^2+(VLOOKUP($A224,városok!$A$2:$C$346,3,0)-VLOOKUP(AX$1,városok!$A$2:$C$346,3,0))^2)/1000,0)</f>
        <v>44</v>
      </c>
      <c r="AY224">
        <f ca="1">ROUND(SQRT((VLOOKUP($A224,városok!$A$2:$C$346,2,0)-VLOOKUP(AY$1,városok!$A$2:$C$346,2,0))^2+(VLOOKUP($A224,városok!$A$2:$C$346,3,0)-VLOOKUP(AY$1,városok!$A$2:$C$346,3,0))^2)/1000,0)</f>
        <v>47</v>
      </c>
      <c r="AZ224">
        <f ca="1">ROUND(SQRT((VLOOKUP($A224,városok!$A$2:$C$346,2,0)-VLOOKUP(AZ$1,városok!$A$2:$C$346,2,0))^2+(VLOOKUP($A224,városok!$A$2:$C$346,3,0)-VLOOKUP(AZ$1,városok!$A$2:$C$346,3,0))^2)/1000,0)</f>
        <v>60</v>
      </c>
      <c r="BA224">
        <f ca="1">ROUND(SQRT((VLOOKUP($A224,városok!$A$2:$C$346,2,0)-VLOOKUP(BA$1,városok!$A$2:$C$346,2,0))^2+(VLOOKUP($A224,városok!$A$2:$C$346,3,0)-VLOOKUP(BA$1,városok!$A$2:$C$346,3,0))^2)/1000,0)</f>
        <v>147</v>
      </c>
      <c r="BB224">
        <f ca="1">ROUND(SQRT((VLOOKUP($A224,városok!$A$2:$C$346,2,0)-VLOOKUP(BB$1,városok!$A$2:$C$346,2,0))^2+(VLOOKUP($A224,városok!$A$2:$C$346,3,0)-VLOOKUP(BB$1,városok!$A$2:$C$346,3,0))^2)/1000,0)</f>
        <v>146</v>
      </c>
      <c r="BC224">
        <f ca="1">ROUND(SQRT((VLOOKUP($A224,városok!$A$2:$C$346,2,0)-VLOOKUP(BC$1,városok!$A$2:$C$346,2,0))^2+(VLOOKUP($A224,városok!$A$2:$C$346,3,0)-VLOOKUP(BC$1,városok!$A$2:$C$346,3,0))^2)/1000,0)</f>
        <v>167</v>
      </c>
      <c r="BD224">
        <f ca="1">ROUND(SQRT((VLOOKUP($A224,városok!$A$2:$C$346,2,0)-VLOOKUP(BD$1,városok!$A$2:$C$346,2,0))^2+(VLOOKUP($A224,városok!$A$2:$C$346,3,0)-VLOOKUP(BD$1,városok!$A$2:$C$346,3,0))^2)/1000,0)</f>
        <v>116</v>
      </c>
      <c r="BE224">
        <f ca="1">ROUND(SQRT((VLOOKUP($A224,városok!$A$2:$C$346,2,0)-VLOOKUP(BE$1,városok!$A$2:$C$346,2,0))^2+(VLOOKUP($A224,városok!$A$2:$C$346,3,0)-VLOOKUP(BE$1,városok!$A$2:$C$346,3,0))^2)/1000,0)</f>
        <v>248</v>
      </c>
      <c r="BF224">
        <f ca="1">ROUND(SQRT((VLOOKUP($A224,városok!$A$2:$C$346,2,0)-VLOOKUP(BF$1,városok!$A$2:$C$346,2,0))^2+(VLOOKUP($A224,városok!$A$2:$C$346,3,0)-VLOOKUP(BF$1,városok!$A$2:$C$346,3,0))^2)/1000,0)</f>
        <v>220</v>
      </c>
      <c r="BG224">
        <f ca="1">ROUND(SQRT((VLOOKUP($A224,városok!$A$2:$C$346,2,0)-VLOOKUP(BG$1,városok!$A$2:$C$346,2,0))^2+(VLOOKUP($A224,városok!$A$2:$C$346,3,0)-VLOOKUP(BG$1,városok!$A$2:$C$346,3,0))^2)/1000,0)</f>
        <v>174</v>
      </c>
      <c r="BH224">
        <f ca="1">ROUND(SQRT((VLOOKUP($A224,városok!$A$2:$C$346,2,0)-VLOOKUP(BH$1,városok!$A$2:$C$346,2,0))^2+(VLOOKUP($A224,városok!$A$2:$C$346,3,0)-VLOOKUP(BH$1,városok!$A$2:$C$346,3,0))^2)/1000,0)</f>
        <v>174</v>
      </c>
      <c r="BI224">
        <f ca="1">ROUND(SQRT((VLOOKUP($A224,városok!$A$2:$C$346,2,0)-VLOOKUP(BI$1,városok!$A$2:$C$346,2,0))^2+(VLOOKUP($A224,városok!$A$2:$C$346,3,0)-VLOOKUP(BI$1,városok!$A$2:$C$346,3,0))^2)/1000,0)</f>
        <v>123</v>
      </c>
      <c r="BJ224">
        <f ca="1">ROUND(SQRT((VLOOKUP($A224,városok!$A$2:$C$346,2,0)-VLOOKUP(BJ$1,városok!$A$2:$C$346,2,0))^2+(VLOOKUP($A224,városok!$A$2:$C$346,3,0)-VLOOKUP(BJ$1,városok!$A$2:$C$346,3,0))^2)/1000,0)</f>
        <v>140</v>
      </c>
      <c r="BK224">
        <f ca="1">ROUND(SQRT((VLOOKUP($A224,városok!$A$2:$C$346,2,0)-VLOOKUP(BK$1,városok!$A$2:$C$346,2,0))^2+(VLOOKUP($A224,városok!$A$2:$C$346,3,0)-VLOOKUP(BK$1,városok!$A$2:$C$346,3,0))^2)/1000,0)</f>
        <v>125</v>
      </c>
      <c r="BL224">
        <f ca="1">ROUND(SQRT((VLOOKUP($A224,városok!$A$2:$C$346,2,0)-VLOOKUP(BL$1,városok!$A$2:$C$346,2,0))^2+(VLOOKUP($A224,városok!$A$2:$C$346,3,0)-VLOOKUP(BL$1,városok!$A$2:$C$346,3,0))^2)/1000,0)</f>
        <v>219</v>
      </c>
      <c r="BM224">
        <f ca="1">ROUND(SQRT((VLOOKUP($A224,városok!$A$2:$C$346,2,0)-VLOOKUP(BM$1,városok!$A$2:$C$346,2,0))^2+(VLOOKUP($A224,városok!$A$2:$C$346,3,0)-VLOOKUP(BM$1,városok!$A$2:$C$346,3,0))^2)/1000,0)</f>
        <v>190</v>
      </c>
      <c r="BN224">
        <f ca="1">ROUND(SQRT((VLOOKUP($A224,városok!$A$2:$C$346,2,0)-VLOOKUP(BN$1,városok!$A$2:$C$346,2,0))^2+(VLOOKUP($A224,városok!$A$2:$C$346,3,0)-VLOOKUP(BN$1,városok!$A$2:$C$346,3,0))^2)/1000,0)</f>
        <v>214</v>
      </c>
      <c r="BO224">
        <f ca="1">ROUND(SQRT((VLOOKUP($A224,városok!$A$2:$C$346,2,0)-VLOOKUP(BO$1,városok!$A$2:$C$346,2,0))^2+(VLOOKUP($A224,városok!$A$2:$C$346,3,0)-VLOOKUP(BO$1,városok!$A$2:$C$346,3,0))^2)/1000,0)</f>
        <v>114</v>
      </c>
      <c r="BP224">
        <f ca="1">ROUND(SQRT((VLOOKUP($A224,városok!$A$2:$C$346,2,0)-VLOOKUP(BP$1,városok!$A$2:$C$346,2,0))^2+(VLOOKUP($A224,városok!$A$2:$C$346,3,0)-VLOOKUP(BP$1,városok!$A$2:$C$346,3,0))^2)/1000,0)</f>
        <v>107</v>
      </c>
      <c r="BQ224">
        <f ca="1">ROUND(SQRT((VLOOKUP($A224,városok!$A$2:$C$346,2,0)-VLOOKUP(BQ$1,városok!$A$2:$C$346,2,0))^2+(VLOOKUP($A224,városok!$A$2:$C$346,3,0)-VLOOKUP(BQ$1,városok!$A$2:$C$346,3,0))^2)/1000,0)</f>
        <v>120</v>
      </c>
      <c r="BR224">
        <f ca="1">ROUND(SQRT((VLOOKUP($A224,városok!$A$2:$C$346,2,0)-VLOOKUP(BR$1,városok!$A$2:$C$346,2,0))^2+(VLOOKUP($A224,városok!$A$2:$C$346,3,0)-VLOOKUP(BR$1,városok!$A$2:$C$346,3,0))^2)/1000,0)</f>
        <v>178</v>
      </c>
      <c r="BS224">
        <f ca="1">ROUND(SQRT((VLOOKUP($A224,városok!$A$2:$C$346,2,0)-VLOOKUP(BS$1,városok!$A$2:$C$346,2,0))^2+(VLOOKUP($A224,városok!$A$2:$C$346,3,0)-VLOOKUP(BS$1,városok!$A$2:$C$346,3,0))^2)/1000,0)</f>
        <v>212</v>
      </c>
      <c r="BT224">
        <f ca="1">ROUND(SQRT((VLOOKUP($A224,városok!$A$2:$C$346,2,0)-VLOOKUP(BT$1,városok!$A$2:$C$346,2,0))^2+(VLOOKUP($A224,városok!$A$2:$C$346,3,0)-VLOOKUP(BT$1,városok!$A$2:$C$346,3,0))^2)/1000,0)</f>
        <v>206</v>
      </c>
    </row>
    <row r="225" spans="1:72" x14ac:dyDescent="0.2">
      <c r="A225" t="str">
        <f>városok!A225</f>
        <v>Nagykáta</v>
      </c>
      <c r="B225">
        <f ca="1">ROUND(SQRT((VLOOKUP($A225,városok!$A$2:$C$346,2,0)-VLOOKUP(B$1,városok!$A$2:$C$346,2,0))^2+(VLOOKUP($A225,városok!$A$2:$C$346,3,0)-VLOOKUP(B$1,városok!$A$2:$C$346,3,0))^2)/1000,0)</f>
        <v>149</v>
      </c>
      <c r="C225">
        <f ca="1">ROUND(SQRT((VLOOKUP($A225,városok!$A$2:$C$346,2,0)-VLOOKUP(C$1,városok!$A$2:$C$346,2,0))^2+(VLOOKUP($A225,városok!$A$2:$C$346,3,0)-VLOOKUP(C$1,városok!$A$2:$C$346,3,0))^2)/1000,0)</f>
        <v>114</v>
      </c>
      <c r="D225">
        <f ca="1">ROUND(SQRT((VLOOKUP($A225,városok!$A$2:$C$346,2,0)-VLOOKUP(D$1,városok!$A$2:$C$346,2,0))^2+(VLOOKUP($A225,városok!$A$2:$C$346,3,0)-VLOOKUP(D$1,városok!$A$2:$C$346,3,0))^2)/1000,0)</f>
        <v>56</v>
      </c>
      <c r="E225">
        <f ca="1">ROUND(SQRT((VLOOKUP($A225,városok!$A$2:$C$346,2,0)-VLOOKUP(E$1,városok!$A$2:$C$346,2,0))^2+(VLOOKUP($A225,városok!$A$2:$C$346,3,0)-VLOOKUP(E$1,városok!$A$2:$C$346,3,0))^2)/1000,0)</f>
        <v>177</v>
      </c>
      <c r="F225">
        <f ca="1">ROUND(SQRT((VLOOKUP($A225,városok!$A$2:$C$346,2,0)-VLOOKUP(F$1,városok!$A$2:$C$346,2,0))^2+(VLOOKUP($A225,városok!$A$2:$C$346,3,0)-VLOOKUP(F$1,városok!$A$2:$C$346,3,0))^2)/1000,0)</f>
        <v>177</v>
      </c>
      <c r="G225">
        <f ca="1">ROUND(SQRT((VLOOKUP($A225,városok!$A$2:$C$346,2,0)-VLOOKUP(G$1,városok!$A$2:$C$346,2,0))^2+(VLOOKUP($A225,városok!$A$2:$C$346,3,0)-VLOOKUP(G$1,városok!$A$2:$C$346,3,0))^2)/1000,0)</f>
        <v>187</v>
      </c>
      <c r="H225">
        <f ca="1">ROUND(SQRT((VLOOKUP($A225,városok!$A$2:$C$346,2,0)-VLOOKUP(H$1,városok!$A$2:$C$346,2,0))^2+(VLOOKUP($A225,városok!$A$2:$C$346,3,0)-VLOOKUP(H$1,városok!$A$2:$C$346,3,0))^2)/1000,0)</f>
        <v>212</v>
      </c>
      <c r="I225">
        <f ca="1">ROUND(SQRT((VLOOKUP($A225,városok!$A$2:$C$346,2,0)-VLOOKUP(I$1,városok!$A$2:$C$346,2,0))^2+(VLOOKUP($A225,városok!$A$2:$C$346,3,0)-VLOOKUP(I$1,városok!$A$2:$C$346,3,0))^2)/1000,0)</f>
        <v>131</v>
      </c>
      <c r="J225">
        <f ca="1">ROUND(SQRT((VLOOKUP($A225,városok!$A$2:$C$346,2,0)-VLOOKUP(J$1,városok!$A$2:$C$346,2,0))^2+(VLOOKUP($A225,városok!$A$2:$C$346,3,0)-VLOOKUP(J$1,városok!$A$2:$C$346,3,0))^2)/1000,0)</f>
        <v>145</v>
      </c>
      <c r="K225">
        <f ca="1">ROUND(SQRT((VLOOKUP($A225,városok!$A$2:$C$346,2,0)-VLOOKUP(K$1,városok!$A$2:$C$346,2,0))^2+(VLOOKUP($A225,városok!$A$2:$C$346,3,0)-VLOOKUP(K$1,városok!$A$2:$C$346,3,0))^2)/1000,0)</f>
        <v>118</v>
      </c>
      <c r="L225">
        <f ca="1">ROUND(SQRT((VLOOKUP($A225,városok!$A$2:$C$346,2,0)-VLOOKUP(L$1,városok!$A$2:$C$346,2,0))^2+(VLOOKUP($A225,városok!$A$2:$C$346,3,0)-VLOOKUP(L$1,városok!$A$2:$C$346,3,0))^2)/1000,0)</f>
        <v>115</v>
      </c>
      <c r="M225">
        <f ca="1">ROUND(SQRT((VLOOKUP($A225,városok!$A$2:$C$346,2,0)-VLOOKUP(M$1,városok!$A$2:$C$346,2,0))^2+(VLOOKUP($A225,városok!$A$2:$C$346,3,0)-VLOOKUP(M$1,városok!$A$2:$C$346,3,0))^2)/1000,0)</f>
        <v>110</v>
      </c>
      <c r="N225">
        <f ca="1">ROUND(SQRT((VLOOKUP($A225,városok!$A$2:$C$346,2,0)-VLOOKUP(N$1,városok!$A$2:$C$346,2,0))^2+(VLOOKUP($A225,városok!$A$2:$C$346,3,0)-VLOOKUP(N$1,városok!$A$2:$C$346,3,0))^2)/1000,0)</f>
        <v>99</v>
      </c>
      <c r="O225">
        <f ca="1">ROUND(SQRT((VLOOKUP($A225,városok!$A$2:$C$346,2,0)-VLOOKUP(O$1,városok!$A$2:$C$346,2,0))^2+(VLOOKUP($A225,városok!$A$2:$C$346,3,0)-VLOOKUP(O$1,városok!$A$2:$C$346,3,0))^2)/1000,0)</f>
        <v>180</v>
      </c>
      <c r="P225">
        <f ca="1">ROUND(SQRT((VLOOKUP($A225,városok!$A$2:$C$346,2,0)-VLOOKUP(P$1,városok!$A$2:$C$346,2,0))^2+(VLOOKUP($A225,városok!$A$2:$C$346,3,0)-VLOOKUP(P$1,városok!$A$2:$C$346,3,0))^2)/1000,0)</f>
        <v>180</v>
      </c>
      <c r="Q225">
        <f ca="1">ROUND(SQRT((VLOOKUP($A225,városok!$A$2:$C$346,2,0)-VLOOKUP(Q$1,városok!$A$2:$C$346,2,0))^2+(VLOOKUP($A225,városok!$A$2:$C$346,3,0)-VLOOKUP(Q$1,városok!$A$2:$C$346,3,0))^2)/1000,0)</f>
        <v>119</v>
      </c>
      <c r="R225">
        <f ca="1">ROUND(SQRT((VLOOKUP($A225,városok!$A$2:$C$346,2,0)-VLOOKUP(R$1,városok!$A$2:$C$346,2,0))^2+(VLOOKUP($A225,városok!$A$2:$C$346,3,0)-VLOOKUP(R$1,városok!$A$2:$C$346,3,0))^2)/1000,0)</f>
        <v>144</v>
      </c>
      <c r="S225">
        <f ca="1">ROUND(SQRT((VLOOKUP($A225,városok!$A$2:$C$346,2,0)-VLOOKUP(S$1,városok!$A$2:$C$346,2,0))^2+(VLOOKUP($A225,városok!$A$2:$C$346,3,0)-VLOOKUP(S$1,városok!$A$2:$C$346,3,0))^2)/1000,0)</f>
        <v>133</v>
      </c>
      <c r="T225">
        <f ca="1">ROUND(SQRT((VLOOKUP($A225,városok!$A$2:$C$346,2,0)-VLOOKUP(T$1,városok!$A$2:$C$346,2,0))^2+(VLOOKUP($A225,városok!$A$2:$C$346,3,0)-VLOOKUP(T$1,városok!$A$2:$C$346,3,0))^2)/1000,0)</f>
        <v>84</v>
      </c>
      <c r="U225">
        <f ca="1">ROUND(SQRT((VLOOKUP($A225,városok!$A$2:$C$346,2,0)-VLOOKUP(U$1,városok!$A$2:$C$346,2,0))^2+(VLOOKUP($A225,városok!$A$2:$C$346,3,0)-VLOOKUP(U$1,városok!$A$2:$C$346,3,0))^2)/1000,0)</f>
        <v>79</v>
      </c>
      <c r="V225">
        <f ca="1">ROUND(SQRT((VLOOKUP($A225,városok!$A$2:$C$346,2,0)-VLOOKUP(V$1,városok!$A$2:$C$346,2,0))^2+(VLOOKUP($A225,városok!$A$2:$C$346,3,0)-VLOOKUP(V$1,városok!$A$2:$C$346,3,0))^2)/1000,0)</f>
        <v>116</v>
      </c>
      <c r="W225">
        <f ca="1">ROUND(SQRT((VLOOKUP($A225,városok!$A$2:$C$346,2,0)-VLOOKUP(W$1,városok!$A$2:$C$346,2,0))^2+(VLOOKUP($A225,városok!$A$2:$C$346,3,0)-VLOOKUP(W$1,városok!$A$2:$C$346,3,0))^2)/1000,0)</f>
        <v>103</v>
      </c>
      <c r="X225">
        <f ca="1">ROUND(SQRT((VLOOKUP($A225,városok!$A$2:$C$346,2,0)-VLOOKUP(X$1,városok!$A$2:$C$346,2,0))^2+(VLOOKUP($A225,városok!$A$2:$C$346,3,0)-VLOOKUP(X$1,városok!$A$2:$C$346,3,0))^2)/1000,0)</f>
        <v>108</v>
      </c>
      <c r="Y225">
        <f ca="1">ROUND(SQRT((VLOOKUP($A225,városok!$A$2:$C$346,2,0)-VLOOKUP(Y$1,városok!$A$2:$C$346,2,0))^2+(VLOOKUP($A225,városok!$A$2:$C$346,3,0)-VLOOKUP(Y$1,városok!$A$2:$C$346,3,0))^2)/1000,0)</f>
        <v>161</v>
      </c>
      <c r="Z225">
        <f ca="1">ROUND(SQRT((VLOOKUP($A225,városok!$A$2:$C$346,2,0)-VLOOKUP(Z$1,városok!$A$2:$C$346,2,0))^2+(VLOOKUP($A225,városok!$A$2:$C$346,3,0)-VLOOKUP(Z$1,városok!$A$2:$C$346,3,0))^2)/1000,0)</f>
        <v>180</v>
      </c>
      <c r="AA225">
        <f ca="1">ROUND(SQRT((VLOOKUP($A225,városok!$A$2:$C$346,2,0)-VLOOKUP(AA$1,városok!$A$2:$C$346,2,0))^2+(VLOOKUP($A225,városok!$A$2:$C$346,3,0)-VLOOKUP(AA$1,városok!$A$2:$C$346,3,0))^2)/1000,0)</f>
        <v>240</v>
      </c>
      <c r="AB225">
        <f ca="1">ROUND(SQRT((VLOOKUP($A225,városok!$A$2:$C$346,2,0)-VLOOKUP(AB$1,városok!$A$2:$C$346,2,0))^2+(VLOOKUP($A225,városok!$A$2:$C$346,3,0)-VLOOKUP(AB$1,városok!$A$2:$C$346,3,0))^2)/1000,0)</f>
        <v>143</v>
      </c>
      <c r="AC225">
        <f ca="1">ROUND(SQRT((VLOOKUP($A225,városok!$A$2:$C$346,2,0)-VLOOKUP(AC$1,városok!$A$2:$C$346,2,0))^2+(VLOOKUP($A225,városok!$A$2:$C$346,3,0)-VLOOKUP(AC$1,városok!$A$2:$C$346,3,0))^2)/1000,0)</f>
        <v>125</v>
      </c>
      <c r="AD225">
        <f ca="1">ROUND(SQRT((VLOOKUP($A225,városok!$A$2:$C$346,2,0)-VLOOKUP(AD$1,városok!$A$2:$C$346,2,0))^2+(VLOOKUP($A225,városok!$A$2:$C$346,3,0)-VLOOKUP(AD$1,városok!$A$2:$C$346,3,0))^2)/1000,0)</f>
        <v>107</v>
      </c>
      <c r="AE225">
        <f ca="1">ROUND(SQRT((VLOOKUP($A225,városok!$A$2:$C$346,2,0)-VLOOKUP(AE$1,városok!$A$2:$C$346,2,0))^2+(VLOOKUP($A225,városok!$A$2:$C$346,3,0)-VLOOKUP(AE$1,városok!$A$2:$C$346,3,0))^2)/1000,0)</f>
        <v>109</v>
      </c>
      <c r="AF225">
        <f ca="1">ROUND(SQRT((VLOOKUP($A225,városok!$A$2:$C$346,2,0)-VLOOKUP(AF$1,városok!$A$2:$C$346,2,0))^2+(VLOOKUP($A225,városok!$A$2:$C$346,3,0)-VLOOKUP(AF$1,városok!$A$2:$C$346,3,0))^2)/1000,0)</f>
        <v>72</v>
      </c>
      <c r="AG225">
        <f ca="1">ROUND(SQRT((VLOOKUP($A225,városok!$A$2:$C$346,2,0)-VLOOKUP(AG$1,városok!$A$2:$C$346,2,0))^2+(VLOOKUP($A225,városok!$A$2:$C$346,3,0)-VLOOKUP(AG$1,városok!$A$2:$C$346,3,0))^2)/1000,0)</f>
        <v>43</v>
      </c>
      <c r="AH225">
        <f ca="1">ROUND(SQRT((VLOOKUP($A225,városok!$A$2:$C$346,2,0)-VLOOKUP(AH$1,városok!$A$2:$C$346,2,0))^2+(VLOOKUP($A225,városok!$A$2:$C$346,3,0)-VLOOKUP(AH$1,városok!$A$2:$C$346,3,0))^2)/1000,0)</f>
        <v>29</v>
      </c>
      <c r="AI225">
        <f ca="1">ROUND(SQRT((VLOOKUP($A225,városok!$A$2:$C$346,2,0)-VLOOKUP(AI$1,városok!$A$2:$C$346,2,0))^2+(VLOOKUP($A225,városok!$A$2:$C$346,3,0)-VLOOKUP(AI$1,városok!$A$2:$C$346,3,0))^2)/1000,0)</f>
        <v>73</v>
      </c>
      <c r="AJ225">
        <f ca="1">ROUND(SQRT((VLOOKUP($A225,városok!$A$2:$C$346,2,0)-VLOOKUP(AJ$1,városok!$A$2:$C$346,2,0))^2+(VLOOKUP($A225,városok!$A$2:$C$346,3,0)-VLOOKUP(AJ$1,városok!$A$2:$C$346,3,0))^2)/1000,0)</f>
        <v>31</v>
      </c>
      <c r="AK225">
        <f ca="1">ROUND(SQRT((VLOOKUP($A225,városok!$A$2:$C$346,2,0)-VLOOKUP(AK$1,városok!$A$2:$C$346,2,0))^2+(VLOOKUP($A225,városok!$A$2:$C$346,3,0)-VLOOKUP(AK$1,városok!$A$2:$C$346,3,0))^2)/1000,0)</f>
        <v>94</v>
      </c>
      <c r="AL225">
        <f ca="1">ROUND(SQRT((VLOOKUP($A225,városok!$A$2:$C$346,2,0)-VLOOKUP(AL$1,városok!$A$2:$C$346,2,0))^2+(VLOOKUP($A225,városok!$A$2:$C$346,3,0)-VLOOKUP(AL$1,városok!$A$2:$C$346,3,0))^2)/1000,0)</f>
        <v>67</v>
      </c>
      <c r="AM225">
        <f ca="1">ROUND(SQRT((VLOOKUP($A225,városok!$A$2:$C$346,2,0)-VLOOKUP(AM$1,városok!$A$2:$C$346,2,0))^2+(VLOOKUP($A225,városok!$A$2:$C$346,3,0)-VLOOKUP(AM$1,városok!$A$2:$C$346,3,0))^2)/1000,0)</f>
        <v>43</v>
      </c>
      <c r="AN225">
        <f ca="1">ROUND(SQRT((VLOOKUP($A225,városok!$A$2:$C$346,2,0)-VLOOKUP(AN$1,városok!$A$2:$C$346,2,0))^2+(VLOOKUP($A225,városok!$A$2:$C$346,3,0)-VLOOKUP(AN$1,városok!$A$2:$C$346,3,0))^2)/1000,0)</f>
        <v>86</v>
      </c>
      <c r="AO225">
        <f ca="1">ROUND(SQRT((VLOOKUP($A225,városok!$A$2:$C$346,2,0)-VLOOKUP(AO$1,városok!$A$2:$C$346,2,0))^2+(VLOOKUP($A225,városok!$A$2:$C$346,3,0)-VLOOKUP(AO$1,városok!$A$2:$C$346,3,0))^2)/1000,0)</f>
        <v>127</v>
      </c>
      <c r="AP225">
        <f ca="1">ROUND(SQRT((VLOOKUP($A225,városok!$A$2:$C$346,2,0)-VLOOKUP(AP$1,városok!$A$2:$C$346,2,0))^2+(VLOOKUP($A225,városok!$A$2:$C$346,3,0)-VLOOKUP(AP$1,városok!$A$2:$C$346,3,0))^2)/1000,0)</f>
        <v>109</v>
      </c>
      <c r="AQ225">
        <f ca="1">ROUND(SQRT((VLOOKUP($A225,városok!$A$2:$C$346,2,0)-VLOOKUP(AQ$1,városok!$A$2:$C$346,2,0))^2+(VLOOKUP($A225,városok!$A$2:$C$346,3,0)-VLOOKUP(AQ$1,városok!$A$2:$C$346,3,0))^2)/1000,0)</f>
        <v>102</v>
      </c>
      <c r="AR225">
        <f ca="1">ROUND(SQRT((VLOOKUP($A225,városok!$A$2:$C$346,2,0)-VLOOKUP(AR$1,városok!$A$2:$C$346,2,0))^2+(VLOOKUP($A225,városok!$A$2:$C$346,3,0)-VLOOKUP(AR$1,városok!$A$2:$C$346,3,0))^2)/1000,0)</f>
        <v>57</v>
      </c>
      <c r="AS225">
        <f ca="1">ROUND(SQRT((VLOOKUP($A225,városok!$A$2:$C$346,2,0)-VLOOKUP(AS$1,városok!$A$2:$C$346,2,0))^2+(VLOOKUP($A225,városok!$A$2:$C$346,3,0)-VLOOKUP(AS$1,városok!$A$2:$C$346,3,0))^2)/1000,0)</f>
        <v>78</v>
      </c>
      <c r="AT225">
        <f ca="1">ROUND(SQRT((VLOOKUP($A225,városok!$A$2:$C$346,2,0)-VLOOKUP(AT$1,városok!$A$2:$C$346,2,0))^2+(VLOOKUP($A225,városok!$A$2:$C$346,3,0)-VLOOKUP(AT$1,városok!$A$2:$C$346,3,0))^2)/1000,0)</f>
        <v>70</v>
      </c>
      <c r="AU225">
        <f ca="1">ROUND(SQRT((VLOOKUP($A225,városok!$A$2:$C$346,2,0)-VLOOKUP(AU$1,városok!$A$2:$C$346,2,0))^2+(VLOOKUP($A225,városok!$A$2:$C$346,3,0)-VLOOKUP(AU$1,városok!$A$2:$C$346,3,0))^2)/1000,0)</f>
        <v>59</v>
      </c>
      <c r="AV225">
        <f ca="1">ROUND(SQRT((VLOOKUP($A225,városok!$A$2:$C$346,2,0)-VLOOKUP(AV$1,városok!$A$2:$C$346,2,0))^2+(VLOOKUP($A225,városok!$A$2:$C$346,3,0)-VLOOKUP(AV$1,városok!$A$2:$C$346,3,0))^2)/1000,0)</f>
        <v>60</v>
      </c>
      <c r="AW225">
        <f ca="1">ROUND(SQRT((VLOOKUP($A225,városok!$A$2:$C$346,2,0)-VLOOKUP(AW$1,városok!$A$2:$C$346,2,0))^2+(VLOOKUP($A225,városok!$A$2:$C$346,3,0)-VLOOKUP(AW$1,városok!$A$2:$C$346,3,0))^2)/1000,0)</f>
        <v>63</v>
      </c>
      <c r="AX225">
        <f ca="1">ROUND(SQRT((VLOOKUP($A225,városok!$A$2:$C$346,2,0)-VLOOKUP(AX$1,városok!$A$2:$C$346,2,0))^2+(VLOOKUP($A225,városok!$A$2:$C$346,3,0)-VLOOKUP(AX$1,városok!$A$2:$C$346,3,0))^2)/1000,0)</f>
        <v>43</v>
      </c>
      <c r="AY225">
        <f ca="1">ROUND(SQRT((VLOOKUP($A225,városok!$A$2:$C$346,2,0)-VLOOKUP(AY$1,városok!$A$2:$C$346,2,0))^2+(VLOOKUP($A225,városok!$A$2:$C$346,3,0)-VLOOKUP(AY$1,városok!$A$2:$C$346,3,0))^2)/1000,0)</f>
        <v>59</v>
      </c>
      <c r="AZ225">
        <f ca="1">ROUND(SQRT((VLOOKUP($A225,városok!$A$2:$C$346,2,0)-VLOOKUP(AZ$1,városok!$A$2:$C$346,2,0))^2+(VLOOKUP($A225,városok!$A$2:$C$346,3,0)-VLOOKUP(AZ$1,városok!$A$2:$C$346,3,0))^2)/1000,0)</f>
        <v>71</v>
      </c>
      <c r="BA225">
        <f ca="1">ROUND(SQRT((VLOOKUP($A225,városok!$A$2:$C$346,2,0)-VLOOKUP(BA$1,városok!$A$2:$C$346,2,0))^2+(VLOOKUP($A225,városok!$A$2:$C$346,3,0)-VLOOKUP(BA$1,városok!$A$2:$C$346,3,0))^2)/1000,0)</f>
        <v>170</v>
      </c>
      <c r="BB225">
        <f ca="1">ROUND(SQRT((VLOOKUP($A225,városok!$A$2:$C$346,2,0)-VLOOKUP(BB$1,városok!$A$2:$C$346,2,0))^2+(VLOOKUP($A225,városok!$A$2:$C$346,3,0)-VLOOKUP(BB$1,városok!$A$2:$C$346,3,0))^2)/1000,0)</f>
        <v>168</v>
      </c>
      <c r="BC225">
        <f ca="1">ROUND(SQRT((VLOOKUP($A225,városok!$A$2:$C$346,2,0)-VLOOKUP(BC$1,városok!$A$2:$C$346,2,0))^2+(VLOOKUP($A225,városok!$A$2:$C$346,3,0)-VLOOKUP(BC$1,városok!$A$2:$C$346,3,0))^2)/1000,0)</f>
        <v>189</v>
      </c>
      <c r="BD225">
        <f ca="1">ROUND(SQRT((VLOOKUP($A225,városok!$A$2:$C$346,2,0)-VLOOKUP(BD$1,városok!$A$2:$C$346,2,0))^2+(VLOOKUP($A225,városok!$A$2:$C$346,3,0)-VLOOKUP(BD$1,városok!$A$2:$C$346,3,0))^2)/1000,0)</f>
        <v>139</v>
      </c>
      <c r="BE225">
        <f ca="1">ROUND(SQRT((VLOOKUP($A225,városok!$A$2:$C$346,2,0)-VLOOKUP(BE$1,városok!$A$2:$C$346,2,0))^2+(VLOOKUP($A225,városok!$A$2:$C$346,3,0)-VLOOKUP(BE$1,városok!$A$2:$C$346,3,0))^2)/1000,0)</f>
        <v>225</v>
      </c>
      <c r="BF225">
        <f ca="1">ROUND(SQRT((VLOOKUP($A225,városok!$A$2:$C$346,2,0)-VLOOKUP(BF$1,városok!$A$2:$C$346,2,0))^2+(VLOOKUP($A225,városok!$A$2:$C$346,3,0)-VLOOKUP(BF$1,városok!$A$2:$C$346,3,0))^2)/1000,0)</f>
        <v>197</v>
      </c>
      <c r="BG225">
        <f ca="1">ROUND(SQRT((VLOOKUP($A225,városok!$A$2:$C$346,2,0)-VLOOKUP(BG$1,városok!$A$2:$C$346,2,0))^2+(VLOOKUP($A225,városok!$A$2:$C$346,3,0)-VLOOKUP(BG$1,városok!$A$2:$C$346,3,0))^2)/1000,0)</f>
        <v>152</v>
      </c>
      <c r="BH225">
        <f ca="1">ROUND(SQRT((VLOOKUP($A225,városok!$A$2:$C$346,2,0)-VLOOKUP(BH$1,városok!$A$2:$C$346,2,0))^2+(VLOOKUP($A225,városok!$A$2:$C$346,3,0)-VLOOKUP(BH$1,városok!$A$2:$C$346,3,0))^2)/1000,0)</f>
        <v>151</v>
      </c>
      <c r="BI225">
        <f ca="1">ROUND(SQRT((VLOOKUP($A225,városok!$A$2:$C$346,2,0)-VLOOKUP(BI$1,városok!$A$2:$C$346,2,0))^2+(VLOOKUP($A225,városok!$A$2:$C$346,3,0)-VLOOKUP(BI$1,városok!$A$2:$C$346,3,0))^2)/1000,0)</f>
        <v>141</v>
      </c>
      <c r="BJ225">
        <f ca="1">ROUND(SQRT((VLOOKUP($A225,városok!$A$2:$C$346,2,0)-VLOOKUP(BJ$1,városok!$A$2:$C$346,2,0))^2+(VLOOKUP($A225,városok!$A$2:$C$346,3,0)-VLOOKUP(BJ$1,városok!$A$2:$C$346,3,0))^2)/1000,0)</f>
        <v>159</v>
      </c>
      <c r="BK225">
        <f ca="1">ROUND(SQRT((VLOOKUP($A225,városok!$A$2:$C$346,2,0)-VLOOKUP(BK$1,városok!$A$2:$C$346,2,0))^2+(VLOOKUP($A225,városok!$A$2:$C$346,3,0)-VLOOKUP(BK$1,városok!$A$2:$C$346,3,0))^2)/1000,0)</f>
        <v>142</v>
      </c>
      <c r="BL225">
        <f ca="1">ROUND(SQRT((VLOOKUP($A225,városok!$A$2:$C$346,2,0)-VLOOKUP(BL$1,városok!$A$2:$C$346,2,0))^2+(VLOOKUP($A225,városok!$A$2:$C$346,3,0)-VLOOKUP(BL$1,városok!$A$2:$C$346,3,0))^2)/1000,0)</f>
        <v>242</v>
      </c>
      <c r="BM225">
        <f ca="1">ROUND(SQRT((VLOOKUP($A225,városok!$A$2:$C$346,2,0)-VLOOKUP(BM$1,városok!$A$2:$C$346,2,0))^2+(VLOOKUP($A225,városok!$A$2:$C$346,3,0)-VLOOKUP(BM$1,városok!$A$2:$C$346,3,0))^2)/1000,0)</f>
        <v>213</v>
      </c>
      <c r="BN225">
        <f ca="1">ROUND(SQRT((VLOOKUP($A225,városok!$A$2:$C$346,2,0)-VLOOKUP(BN$1,városok!$A$2:$C$346,2,0))^2+(VLOOKUP($A225,városok!$A$2:$C$346,3,0)-VLOOKUP(BN$1,városok!$A$2:$C$346,3,0))^2)/1000,0)</f>
        <v>236</v>
      </c>
      <c r="BO225">
        <f ca="1">ROUND(SQRT((VLOOKUP($A225,városok!$A$2:$C$346,2,0)-VLOOKUP(BO$1,városok!$A$2:$C$346,2,0))^2+(VLOOKUP($A225,városok!$A$2:$C$346,3,0)-VLOOKUP(BO$1,városok!$A$2:$C$346,3,0))^2)/1000,0)</f>
        <v>138</v>
      </c>
      <c r="BP225">
        <f ca="1">ROUND(SQRT((VLOOKUP($A225,városok!$A$2:$C$346,2,0)-VLOOKUP(BP$1,városok!$A$2:$C$346,2,0))^2+(VLOOKUP($A225,városok!$A$2:$C$346,3,0)-VLOOKUP(BP$1,városok!$A$2:$C$346,3,0))^2)/1000,0)</f>
        <v>130</v>
      </c>
      <c r="BQ225">
        <f ca="1">ROUND(SQRT((VLOOKUP($A225,városok!$A$2:$C$346,2,0)-VLOOKUP(BQ$1,városok!$A$2:$C$346,2,0))^2+(VLOOKUP($A225,városok!$A$2:$C$346,3,0)-VLOOKUP(BQ$1,városok!$A$2:$C$346,3,0))^2)/1000,0)</f>
        <v>143</v>
      </c>
      <c r="BR225">
        <f ca="1">ROUND(SQRT((VLOOKUP($A225,városok!$A$2:$C$346,2,0)-VLOOKUP(BR$1,városok!$A$2:$C$346,2,0))^2+(VLOOKUP($A225,városok!$A$2:$C$346,3,0)-VLOOKUP(BR$1,városok!$A$2:$C$346,3,0))^2)/1000,0)</f>
        <v>202</v>
      </c>
      <c r="BS225">
        <f ca="1">ROUND(SQRT((VLOOKUP($A225,városok!$A$2:$C$346,2,0)-VLOOKUP(BS$1,városok!$A$2:$C$346,2,0))^2+(VLOOKUP($A225,városok!$A$2:$C$346,3,0)-VLOOKUP(BS$1,városok!$A$2:$C$346,3,0))^2)/1000,0)</f>
        <v>235</v>
      </c>
      <c r="BT225">
        <f ca="1">ROUND(SQRT((VLOOKUP($A225,városok!$A$2:$C$346,2,0)-VLOOKUP(BT$1,városok!$A$2:$C$346,2,0))^2+(VLOOKUP($A225,városok!$A$2:$C$346,3,0)-VLOOKUP(BT$1,városok!$A$2:$C$346,3,0))^2)/1000,0)</f>
        <v>229</v>
      </c>
    </row>
    <row r="226" spans="1:72" x14ac:dyDescent="0.2">
      <c r="A226" t="str">
        <f>városok!A226</f>
        <v>Nagykőrös</v>
      </c>
      <c r="B226">
        <f ca="1">ROUND(SQRT((VLOOKUP($A226,városok!$A$2:$C$346,2,0)-VLOOKUP(B$1,városok!$A$2:$C$346,2,0))^2+(VLOOKUP($A226,városok!$A$2:$C$346,3,0)-VLOOKUP(B$1,városok!$A$2:$C$346,3,0))^2)/1000,0)</f>
        <v>113</v>
      </c>
      <c r="C226">
        <f ca="1">ROUND(SQRT((VLOOKUP($A226,városok!$A$2:$C$346,2,0)-VLOOKUP(C$1,városok!$A$2:$C$346,2,0))^2+(VLOOKUP($A226,városok!$A$2:$C$346,3,0)-VLOOKUP(C$1,városok!$A$2:$C$346,3,0))^2)/1000,0)</f>
        <v>83</v>
      </c>
      <c r="D226">
        <f ca="1">ROUND(SQRT((VLOOKUP($A226,városok!$A$2:$C$346,2,0)-VLOOKUP(D$1,városok!$A$2:$C$346,2,0))^2+(VLOOKUP($A226,városok!$A$2:$C$346,3,0)-VLOOKUP(D$1,városok!$A$2:$C$346,3,0))^2)/1000,0)</f>
        <v>15</v>
      </c>
      <c r="E226">
        <f ca="1">ROUND(SQRT((VLOOKUP($A226,városok!$A$2:$C$346,2,0)-VLOOKUP(E$1,városok!$A$2:$C$346,2,0))^2+(VLOOKUP($A226,városok!$A$2:$C$346,3,0)-VLOOKUP(E$1,városok!$A$2:$C$346,3,0))^2)/1000,0)</f>
        <v>149</v>
      </c>
      <c r="F226">
        <f ca="1">ROUND(SQRT((VLOOKUP($A226,városok!$A$2:$C$346,2,0)-VLOOKUP(F$1,városok!$A$2:$C$346,2,0))^2+(VLOOKUP($A226,városok!$A$2:$C$346,3,0)-VLOOKUP(F$1,városok!$A$2:$C$346,3,0))^2)/1000,0)</f>
        <v>143</v>
      </c>
      <c r="G226">
        <f ca="1">ROUND(SQRT((VLOOKUP($A226,városok!$A$2:$C$346,2,0)-VLOOKUP(G$1,városok!$A$2:$C$346,2,0))^2+(VLOOKUP($A226,városok!$A$2:$C$346,3,0)-VLOOKUP(G$1,városok!$A$2:$C$346,3,0))^2)/1000,0)</f>
        <v>158</v>
      </c>
      <c r="H226">
        <f ca="1">ROUND(SQRT((VLOOKUP($A226,városok!$A$2:$C$346,2,0)-VLOOKUP(H$1,városok!$A$2:$C$346,2,0))^2+(VLOOKUP($A226,városok!$A$2:$C$346,3,0)-VLOOKUP(H$1,városok!$A$2:$C$346,3,0))^2)/1000,0)</f>
        <v>187</v>
      </c>
      <c r="I226">
        <f ca="1">ROUND(SQRT((VLOOKUP($A226,városok!$A$2:$C$346,2,0)-VLOOKUP(I$1,városok!$A$2:$C$346,2,0))^2+(VLOOKUP($A226,városok!$A$2:$C$346,3,0)-VLOOKUP(I$1,városok!$A$2:$C$346,3,0))^2)/1000,0)</f>
        <v>107</v>
      </c>
      <c r="J226">
        <f ca="1">ROUND(SQRT((VLOOKUP($A226,városok!$A$2:$C$346,2,0)-VLOOKUP(J$1,városok!$A$2:$C$346,2,0))^2+(VLOOKUP($A226,városok!$A$2:$C$346,3,0)-VLOOKUP(J$1,városok!$A$2:$C$346,3,0))^2)/1000,0)</f>
        <v>122</v>
      </c>
      <c r="K226">
        <f ca="1">ROUND(SQRT((VLOOKUP($A226,városok!$A$2:$C$346,2,0)-VLOOKUP(K$1,városok!$A$2:$C$346,2,0))^2+(VLOOKUP($A226,városok!$A$2:$C$346,3,0)-VLOOKUP(K$1,városok!$A$2:$C$346,3,0))^2)/1000,0)</f>
        <v>85</v>
      </c>
      <c r="L226">
        <f ca="1">ROUND(SQRT((VLOOKUP($A226,városok!$A$2:$C$346,2,0)-VLOOKUP(L$1,városok!$A$2:$C$346,2,0))^2+(VLOOKUP($A226,városok!$A$2:$C$346,3,0)-VLOOKUP(L$1,városok!$A$2:$C$346,3,0))^2)/1000,0)</f>
        <v>150</v>
      </c>
      <c r="M226">
        <f ca="1">ROUND(SQRT((VLOOKUP($A226,városok!$A$2:$C$346,2,0)-VLOOKUP(M$1,városok!$A$2:$C$346,2,0))^2+(VLOOKUP($A226,városok!$A$2:$C$346,3,0)-VLOOKUP(M$1,városok!$A$2:$C$346,3,0))^2)/1000,0)</f>
        <v>142</v>
      </c>
      <c r="N226">
        <f ca="1">ROUND(SQRT((VLOOKUP($A226,városok!$A$2:$C$346,2,0)-VLOOKUP(N$1,városok!$A$2:$C$346,2,0))^2+(VLOOKUP($A226,városok!$A$2:$C$346,3,0)-VLOOKUP(N$1,városok!$A$2:$C$346,3,0))^2)/1000,0)</f>
        <v>138</v>
      </c>
      <c r="O226">
        <f ca="1">ROUND(SQRT((VLOOKUP($A226,városok!$A$2:$C$346,2,0)-VLOOKUP(O$1,városok!$A$2:$C$346,2,0))^2+(VLOOKUP($A226,városok!$A$2:$C$346,3,0)-VLOOKUP(O$1,városok!$A$2:$C$346,3,0))^2)/1000,0)</f>
        <v>207</v>
      </c>
      <c r="P226">
        <f ca="1">ROUND(SQRT((VLOOKUP($A226,városok!$A$2:$C$346,2,0)-VLOOKUP(P$1,városok!$A$2:$C$346,2,0))^2+(VLOOKUP($A226,városok!$A$2:$C$346,3,0)-VLOOKUP(P$1,városok!$A$2:$C$346,3,0))^2)/1000,0)</f>
        <v>207</v>
      </c>
      <c r="Q226">
        <f ca="1">ROUND(SQRT((VLOOKUP($A226,városok!$A$2:$C$346,2,0)-VLOOKUP(Q$1,városok!$A$2:$C$346,2,0))^2+(VLOOKUP($A226,városok!$A$2:$C$346,3,0)-VLOOKUP(Q$1,városok!$A$2:$C$346,3,0))^2)/1000,0)</f>
        <v>80</v>
      </c>
      <c r="R226">
        <f ca="1">ROUND(SQRT((VLOOKUP($A226,városok!$A$2:$C$346,2,0)-VLOOKUP(R$1,városok!$A$2:$C$346,2,0))^2+(VLOOKUP($A226,városok!$A$2:$C$346,3,0)-VLOOKUP(R$1,városok!$A$2:$C$346,3,0))^2)/1000,0)</f>
        <v>105</v>
      </c>
      <c r="S226">
        <f ca="1">ROUND(SQRT((VLOOKUP($A226,városok!$A$2:$C$346,2,0)-VLOOKUP(S$1,városok!$A$2:$C$346,2,0))^2+(VLOOKUP($A226,városok!$A$2:$C$346,3,0)-VLOOKUP(S$1,városok!$A$2:$C$346,3,0))^2)/1000,0)</f>
        <v>92</v>
      </c>
      <c r="T226">
        <f ca="1">ROUND(SQRT((VLOOKUP($A226,városok!$A$2:$C$346,2,0)-VLOOKUP(T$1,városok!$A$2:$C$346,2,0))^2+(VLOOKUP($A226,városok!$A$2:$C$346,3,0)-VLOOKUP(T$1,városok!$A$2:$C$346,3,0))^2)/1000,0)</f>
        <v>101</v>
      </c>
      <c r="U226">
        <f ca="1">ROUND(SQRT((VLOOKUP($A226,városok!$A$2:$C$346,2,0)-VLOOKUP(U$1,városok!$A$2:$C$346,2,0))^2+(VLOOKUP($A226,városok!$A$2:$C$346,3,0)-VLOOKUP(U$1,városok!$A$2:$C$346,3,0))^2)/1000,0)</f>
        <v>65</v>
      </c>
      <c r="V226">
        <f ca="1">ROUND(SQRT((VLOOKUP($A226,városok!$A$2:$C$346,2,0)-VLOOKUP(V$1,városok!$A$2:$C$346,2,0))^2+(VLOOKUP($A226,városok!$A$2:$C$346,3,0)-VLOOKUP(V$1,városok!$A$2:$C$346,3,0))^2)/1000,0)</f>
        <v>112</v>
      </c>
      <c r="W226">
        <f ca="1">ROUND(SQRT((VLOOKUP($A226,városok!$A$2:$C$346,2,0)-VLOOKUP(W$1,városok!$A$2:$C$346,2,0))^2+(VLOOKUP($A226,városok!$A$2:$C$346,3,0)-VLOOKUP(W$1,városok!$A$2:$C$346,3,0))^2)/1000,0)</f>
        <v>90</v>
      </c>
      <c r="X226">
        <f ca="1">ROUND(SQRT((VLOOKUP($A226,városok!$A$2:$C$346,2,0)-VLOOKUP(X$1,városok!$A$2:$C$346,2,0))^2+(VLOOKUP($A226,városok!$A$2:$C$346,3,0)-VLOOKUP(X$1,városok!$A$2:$C$346,3,0))^2)/1000,0)</f>
        <v>114</v>
      </c>
      <c r="Y226">
        <f ca="1">ROUND(SQRT((VLOOKUP($A226,városok!$A$2:$C$346,2,0)-VLOOKUP(Y$1,városok!$A$2:$C$346,2,0))^2+(VLOOKUP($A226,városok!$A$2:$C$346,3,0)-VLOOKUP(Y$1,városok!$A$2:$C$346,3,0))^2)/1000,0)</f>
        <v>178</v>
      </c>
      <c r="Z226">
        <f ca="1">ROUND(SQRT((VLOOKUP($A226,városok!$A$2:$C$346,2,0)-VLOOKUP(Z$1,városok!$A$2:$C$346,2,0))^2+(VLOOKUP($A226,városok!$A$2:$C$346,3,0)-VLOOKUP(Z$1,városok!$A$2:$C$346,3,0))^2)/1000,0)</f>
        <v>197</v>
      </c>
      <c r="AA226">
        <f ca="1">ROUND(SQRT((VLOOKUP($A226,városok!$A$2:$C$346,2,0)-VLOOKUP(AA$1,városok!$A$2:$C$346,2,0))^2+(VLOOKUP($A226,városok!$A$2:$C$346,3,0)-VLOOKUP(AA$1,városok!$A$2:$C$346,3,0))^2)/1000,0)</f>
        <v>252</v>
      </c>
      <c r="AB226">
        <f ca="1">ROUND(SQRT((VLOOKUP($A226,városok!$A$2:$C$346,2,0)-VLOOKUP(AB$1,városok!$A$2:$C$346,2,0))^2+(VLOOKUP($A226,városok!$A$2:$C$346,3,0)-VLOOKUP(AB$1,városok!$A$2:$C$346,3,0))^2)/1000,0)</f>
        <v>151</v>
      </c>
      <c r="AC226">
        <f ca="1">ROUND(SQRT((VLOOKUP($A226,városok!$A$2:$C$346,2,0)-VLOOKUP(AC$1,városok!$A$2:$C$346,2,0))^2+(VLOOKUP($A226,városok!$A$2:$C$346,3,0)-VLOOKUP(AC$1,városok!$A$2:$C$346,3,0))^2)/1000,0)</f>
        <v>131</v>
      </c>
      <c r="AD226">
        <f ca="1">ROUND(SQRT((VLOOKUP($A226,városok!$A$2:$C$346,2,0)-VLOOKUP(AD$1,városok!$A$2:$C$346,2,0))^2+(VLOOKUP($A226,városok!$A$2:$C$346,3,0)-VLOOKUP(AD$1,városok!$A$2:$C$346,3,0))^2)/1000,0)</f>
        <v>113</v>
      </c>
      <c r="AE226">
        <f ca="1">ROUND(SQRT((VLOOKUP($A226,városok!$A$2:$C$346,2,0)-VLOOKUP(AE$1,városok!$A$2:$C$346,2,0))^2+(VLOOKUP($A226,városok!$A$2:$C$346,3,0)-VLOOKUP(AE$1,városok!$A$2:$C$346,3,0))^2)/1000,0)</f>
        <v>109</v>
      </c>
      <c r="AF226">
        <f ca="1">ROUND(SQRT((VLOOKUP($A226,városok!$A$2:$C$346,2,0)-VLOOKUP(AF$1,városok!$A$2:$C$346,2,0))^2+(VLOOKUP($A226,városok!$A$2:$C$346,3,0)-VLOOKUP(AF$1,városok!$A$2:$C$346,3,0))^2)/1000,0)</f>
        <v>107</v>
      </c>
      <c r="AG226">
        <f ca="1">ROUND(SQRT((VLOOKUP($A226,városok!$A$2:$C$346,2,0)-VLOOKUP(AG$1,városok!$A$2:$C$346,2,0))^2+(VLOOKUP($A226,városok!$A$2:$C$346,3,0)-VLOOKUP(AG$1,városok!$A$2:$C$346,3,0))^2)/1000,0)</f>
        <v>84</v>
      </c>
      <c r="AH226">
        <f ca="1">ROUND(SQRT((VLOOKUP($A226,városok!$A$2:$C$346,2,0)-VLOOKUP(AH$1,városok!$A$2:$C$346,2,0))^2+(VLOOKUP($A226,városok!$A$2:$C$346,3,0)-VLOOKUP(AH$1,városok!$A$2:$C$346,3,0))^2)/1000,0)</f>
        <v>71</v>
      </c>
      <c r="AI226">
        <f ca="1">ROUND(SQRT((VLOOKUP($A226,városok!$A$2:$C$346,2,0)-VLOOKUP(AI$1,városok!$A$2:$C$346,2,0))^2+(VLOOKUP($A226,városok!$A$2:$C$346,3,0)-VLOOKUP(AI$1,városok!$A$2:$C$346,3,0))^2)/1000,0)</f>
        <v>113</v>
      </c>
      <c r="AJ226">
        <f ca="1">ROUND(SQRT((VLOOKUP($A226,városok!$A$2:$C$346,2,0)-VLOOKUP(AJ$1,városok!$A$2:$C$346,2,0))^2+(VLOOKUP($A226,városok!$A$2:$C$346,3,0)-VLOOKUP(AJ$1,városok!$A$2:$C$346,3,0))^2)/1000,0)</f>
        <v>70</v>
      </c>
      <c r="AK226">
        <f ca="1">ROUND(SQRT((VLOOKUP($A226,városok!$A$2:$C$346,2,0)-VLOOKUP(AK$1,városok!$A$2:$C$346,2,0))^2+(VLOOKUP($A226,városok!$A$2:$C$346,3,0)-VLOOKUP(AK$1,városok!$A$2:$C$346,3,0))^2)/1000,0)</f>
        <v>95</v>
      </c>
      <c r="AL226">
        <f ca="1">ROUND(SQRT((VLOOKUP($A226,városok!$A$2:$C$346,2,0)-VLOOKUP(AL$1,városok!$A$2:$C$346,2,0))^2+(VLOOKUP($A226,városok!$A$2:$C$346,3,0)-VLOOKUP(AL$1,városok!$A$2:$C$346,3,0))^2)/1000,0)</f>
        <v>74</v>
      </c>
      <c r="AM226">
        <f ca="1">ROUND(SQRT((VLOOKUP($A226,városok!$A$2:$C$346,2,0)-VLOOKUP(AM$1,városok!$A$2:$C$346,2,0))^2+(VLOOKUP($A226,városok!$A$2:$C$346,3,0)-VLOOKUP(AM$1,városok!$A$2:$C$346,3,0))^2)/1000,0)</f>
        <v>35</v>
      </c>
      <c r="AN226">
        <f ca="1">ROUND(SQRT((VLOOKUP($A226,városok!$A$2:$C$346,2,0)-VLOOKUP(AN$1,városok!$A$2:$C$346,2,0))^2+(VLOOKUP($A226,városok!$A$2:$C$346,3,0)-VLOOKUP(AN$1,városok!$A$2:$C$346,3,0))^2)/1000,0)</f>
        <v>115</v>
      </c>
      <c r="AO226">
        <f ca="1">ROUND(SQRT((VLOOKUP($A226,városok!$A$2:$C$346,2,0)-VLOOKUP(AO$1,városok!$A$2:$C$346,2,0))^2+(VLOOKUP($A226,városok!$A$2:$C$346,3,0)-VLOOKUP(AO$1,városok!$A$2:$C$346,3,0))^2)/1000,0)</f>
        <v>148</v>
      </c>
      <c r="AP226">
        <f ca="1">ROUND(SQRT((VLOOKUP($A226,városok!$A$2:$C$346,2,0)-VLOOKUP(AP$1,városok!$A$2:$C$346,2,0))^2+(VLOOKUP($A226,városok!$A$2:$C$346,3,0)-VLOOKUP(AP$1,városok!$A$2:$C$346,3,0))^2)/1000,0)</f>
        <v>129</v>
      </c>
      <c r="AQ226">
        <f ca="1">ROUND(SQRT((VLOOKUP($A226,városok!$A$2:$C$346,2,0)-VLOOKUP(AQ$1,városok!$A$2:$C$346,2,0))^2+(VLOOKUP($A226,városok!$A$2:$C$346,3,0)-VLOOKUP(AQ$1,városok!$A$2:$C$346,3,0))^2)/1000,0)</f>
        <v>120</v>
      </c>
      <c r="AR226">
        <f ca="1">ROUND(SQRT((VLOOKUP($A226,városok!$A$2:$C$346,2,0)-VLOOKUP(AR$1,városok!$A$2:$C$346,2,0))^2+(VLOOKUP($A226,városok!$A$2:$C$346,3,0)-VLOOKUP(AR$1,városok!$A$2:$C$346,3,0))^2)/1000,0)</f>
        <v>99</v>
      </c>
      <c r="AS226">
        <f ca="1">ROUND(SQRT((VLOOKUP($A226,városok!$A$2:$C$346,2,0)-VLOOKUP(AS$1,városok!$A$2:$C$346,2,0))^2+(VLOOKUP($A226,városok!$A$2:$C$346,3,0)-VLOOKUP(AS$1,városok!$A$2:$C$346,3,0))^2)/1000,0)</f>
        <v>120</v>
      </c>
      <c r="AT226">
        <f ca="1">ROUND(SQRT((VLOOKUP($A226,városok!$A$2:$C$346,2,0)-VLOOKUP(AT$1,városok!$A$2:$C$346,2,0))^2+(VLOOKUP($A226,városok!$A$2:$C$346,3,0)-VLOOKUP(AT$1,városok!$A$2:$C$346,3,0))^2)/1000,0)</f>
        <v>88</v>
      </c>
      <c r="AU226">
        <f ca="1">ROUND(SQRT((VLOOKUP($A226,városok!$A$2:$C$346,2,0)-VLOOKUP(AU$1,városok!$A$2:$C$346,2,0))^2+(VLOOKUP($A226,városok!$A$2:$C$346,3,0)-VLOOKUP(AU$1,városok!$A$2:$C$346,3,0))^2)/1000,0)</f>
        <v>78</v>
      </c>
      <c r="AV226">
        <f ca="1">ROUND(SQRT((VLOOKUP($A226,városok!$A$2:$C$346,2,0)-VLOOKUP(AV$1,városok!$A$2:$C$346,2,0))^2+(VLOOKUP($A226,városok!$A$2:$C$346,3,0)-VLOOKUP(AV$1,városok!$A$2:$C$346,3,0))^2)/1000,0)</f>
        <v>76</v>
      </c>
      <c r="AW226">
        <f ca="1">ROUND(SQRT((VLOOKUP($A226,városok!$A$2:$C$346,2,0)-VLOOKUP(AW$1,városok!$A$2:$C$346,2,0))^2+(VLOOKUP($A226,városok!$A$2:$C$346,3,0)-VLOOKUP(AW$1,városok!$A$2:$C$346,3,0))^2)/1000,0)</f>
        <v>77</v>
      </c>
      <c r="AX226">
        <f ca="1">ROUND(SQRT((VLOOKUP($A226,városok!$A$2:$C$346,2,0)-VLOOKUP(AX$1,városok!$A$2:$C$346,2,0))^2+(VLOOKUP($A226,városok!$A$2:$C$346,3,0)-VLOOKUP(AX$1,városok!$A$2:$C$346,3,0))^2)/1000,0)</f>
        <v>0</v>
      </c>
      <c r="AY226">
        <f ca="1">ROUND(SQRT((VLOOKUP($A226,városok!$A$2:$C$346,2,0)-VLOOKUP(AY$1,városok!$A$2:$C$346,2,0))^2+(VLOOKUP($A226,városok!$A$2:$C$346,3,0)-VLOOKUP(AY$1,városok!$A$2:$C$346,3,0))^2)/1000,0)</f>
        <v>91</v>
      </c>
      <c r="AZ226">
        <f ca="1">ROUND(SQRT((VLOOKUP($A226,városok!$A$2:$C$346,2,0)-VLOOKUP(AZ$1,városok!$A$2:$C$346,2,0))^2+(VLOOKUP($A226,városok!$A$2:$C$346,3,0)-VLOOKUP(AZ$1,városok!$A$2:$C$346,3,0))^2)/1000,0)</f>
        <v>104</v>
      </c>
      <c r="BA226">
        <f ca="1">ROUND(SQRT((VLOOKUP($A226,városok!$A$2:$C$346,2,0)-VLOOKUP(BA$1,városok!$A$2:$C$346,2,0))^2+(VLOOKUP($A226,városok!$A$2:$C$346,3,0)-VLOOKUP(BA$1,városok!$A$2:$C$346,3,0))^2)/1000,0)</f>
        <v>161</v>
      </c>
      <c r="BB226">
        <f ca="1">ROUND(SQRT((VLOOKUP($A226,városok!$A$2:$C$346,2,0)-VLOOKUP(BB$1,városok!$A$2:$C$346,2,0))^2+(VLOOKUP($A226,városok!$A$2:$C$346,3,0)-VLOOKUP(BB$1,városok!$A$2:$C$346,3,0))^2)/1000,0)</f>
        <v>151</v>
      </c>
      <c r="BC226">
        <f ca="1">ROUND(SQRT((VLOOKUP($A226,városok!$A$2:$C$346,2,0)-VLOOKUP(BC$1,városok!$A$2:$C$346,2,0))^2+(VLOOKUP($A226,városok!$A$2:$C$346,3,0)-VLOOKUP(BC$1,városok!$A$2:$C$346,3,0))^2)/1000,0)</f>
        <v>169</v>
      </c>
      <c r="BD226">
        <f ca="1">ROUND(SQRT((VLOOKUP($A226,városok!$A$2:$C$346,2,0)-VLOOKUP(BD$1,városok!$A$2:$C$346,2,0))^2+(VLOOKUP($A226,városok!$A$2:$C$346,3,0)-VLOOKUP(BD$1,városok!$A$2:$C$346,3,0))^2)/1000,0)</f>
        <v>131</v>
      </c>
      <c r="BE226">
        <f ca="1">ROUND(SQRT((VLOOKUP($A226,városok!$A$2:$C$346,2,0)-VLOOKUP(BE$1,városok!$A$2:$C$346,2,0))^2+(VLOOKUP($A226,városok!$A$2:$C$346,3,0)-VLOOKUP(BE$1,városok!$A$2:$C$346,3,0))^2)/1000,0)</f>
        <v>236</v>
      </c>
      <c r="BF226">
        <f ca="1">ROUND(SQRT((VLOOKUP($A226,városok!$A$2:$C$346,2,0)-VLOOKUP(BF$1,városok!$A$2:$C$346,2,0))^2+(VLOOKUP($A226,városok!$A$2:$C$346,3,0)-VLOOKUP(BF$1,városok!$A$2:$C$346,3,0))^2)/1000,0)</f>
        <v>218</v>
      </c>
      <c r="BG226">
        <f ca="1">ROUND(SQRT((VLOOKUP($A226,városok!$A$2:$C$346,2,0)-VLOOKUP(BG$1,városok!$A$2:$C$346,2,0))^2+(VLOOKUP($A226,városok!$A$2:$C$346,3,0)-VLOOKUP(BG$1,városok!$A$2:$C$346,3,0))^2)/1000,0)</f>
        <v>176</v>
      </c>
      <c r="BH226">
        <f ca="1">ROUND(SQRT((VLOOKUP($A226,városok!$A$2:$C$346,2,0)-VLOOKUP(BH$1,városok!$A$2:$C$346,2,0))^2+(VLOOKUP($A226,városok!$A$2:$C$346,3,0)-VLOOKUP(BH$1,városok!$A$2:$C$346,3,0))^2)/1000,0)</f>
        <v>176</v>
      </c>
      <c r="BI226">
        <f ca="1">ROUND(SQRT((VLOOKUP($A226,városok!$A$2:$C$346,2,0)-VLOOKUP(BI$1,városok!$A$2:$C$346,2,0))^2+(VLOOKUP($A226,városok!$A$2:$C$346,3,0)-VLOOKUP(BI$1,városok!$A$2:$C$346,3,0))^2)/1000,0)</f>
        <v>113</v>
      </c>
      <c r="BJ226">
        <f ca="1">ROUND(SQRT((VLOOKUP($A226,városok!$A$2:$C$346,2,0)-VLOOKUP(BJ$1,városok!$A$2:$C$346,2,0))^2+(VLOOKUP($A226,városok!$A$2:$C$346,3,0)-VLOOKUP(BJ$1,városok!$A$2:$C$346,3,0))^2)/1000,0)</f>
        <v>131</v>
      </c>
      <c r="BK226">
        <f ca="1">ROUND(SQRT((VLOOKUP($A226,városok!$A$2:$C$346,2,0)-VLOOKUP(BK$1,városok!$A$2:$C$346,2,0))^2+(VLOOKUP($A226,városok!$A$2:$C$346,3,0)-VLOOKUP(BK$1,városok!$A$2:$C$346,3,0))^2)/1000,0)</f>
        <v>112</v>
      </c>
      <c r="BL226">
        <f ca="1">ROUND(SQRT((VLOOKUP($A226,városok!$A$2:$C$346,2,0)-VLOOKUP(BL$1,városok!$A$2:$C$346,2,0))^2+(VLOOKUP($A226,városok!$A$2:$C$346,3,0)-VLOOKUP(BL$1,városok!$A$2:$C$346,3,0))^2)/1000,0)</f>
        <v>241</v>
      </c>
      <c r="BM226">
        <f ca="1">ROUND(SQRT((VLOOKUP($A226,városok!$A$2:$C$346,2,0)-VLOOKUP(BM$1,városok!$A$2:$C$346,2,0))^2+(VLOOKUP($A226,városok!$A$2:$C$346,3,0)-VLOOKUP(BM$1,városok!$A$2:$C$346,3,0))^2)/1000,0)</f>
        <v>217</v>
      </c>
      <c r="BN226">
        <f ca="1">ROUND(SQRT((VLOOKUP($A226,városok!$A$2:$C$346,2,0)-VLOOKUP(BN$1,városok!$A$2:$C$346,2,0))^2+(VLOOKUP($A226,városok!$A$2:$C$346,3,0)-VLOOKUP(BN$1,városok!$A$2:$C$346,3,0))^2)/1000,0)</f>
        <v>241</v>
      </c>
      <c r="BO226">
        <f ca="1">ROUND(SQRT((VLOOKUP($A226,városok!$A$2:$C$346,2,0)-VLOOKUP(BO$1,városok!$A$2:$C$346,2,0))^2+(VLOOKUP($A226,városok!$A$2:$C$346,3,0)-VLOOKUP(BO$1,városok!$A$2:$C$346,3,0))^2)/1000,0)</f>
        <v>134</v>
      </c>
      <c r="BP226">
        <f ca="1">ROUND(SQRT((VLOOKUP($A226,városok!$A$2:$C$346,2,0)-VLOOKUP(BP$1,városok!$A$2:$C$346,2,0))^2+(VLOOKUP($A226,városok!$A$2:$C$346,3,0)-VLOOKUP(BP$1,városok!$A$2:$C$346,3,0))^2)/1000,0)</f>
        <v>127</v>
      </c>
      <c r="BQ226">
        <f ca="1">ROUND(SQRT((VLOOKUP($A226,városok!$A$2:$C$346,2,0)-VLOOKUP(BQ$1,városok!$A$2:$C$346,2,0))^2+(VLOOKUP($A226,városok!$A$2:$C$346,3,0)-VLOOKUP(BQ$1,városok!$A$2:$C$346,3,0))^2)/1000,0)</f>
        <v>142</v>
      </c>
      <c r="BR226">
        <f ca="1">ROUND(SQRT((VLOOKUP($A226,városok!$A$2:$C$346,2,0)-VLOOKUP(BR$1,városok!$A$2:$C$346,2,0))^2+(VLOOKUP($A226,városok!$A$2:$C$346,3,0)-VLOOKUP(BR$1,városok!$A$2:$C$346,3,0))^2)/1000,0)</f>
        <v>195</v>
      </c>
      <c r="BS226">
        <f ca="1">ROUND(SQRT((VLOOKUP($A226,városok!$A$2:$C$346,2,0)-VLOOKUP(BS$1,városok!$A$2:$C$346,2,0))^2+(VLOOKUP($A226,városok!$A$2:$C$346,3,0)-VLOOKUP(BS$1,városok!$A$2:$C$346,3,0))^2)/1000,0)</f>
        <v>223</v>
      </c>
      <c r="BT226">
        <f ca="1">ROUND(SQRT((VLOOKUP($A226,városok!$A$2:$C$346,2,0)-VLOOKUP(BT$1,városok!$A$2:$C$346,2,0))^2+(VLOOKUP($A226,városok!$A$2:$C$346,3,0)-VLOOKUP(BT$1,városok!$A$2:$C$346,3,0))^2)/1000,0)</f>
        <v>225</v>
      </c>
    </row>
    <row r="227" spans="1:72" x14ac:dyDescent="0.2">
      <c r="A227" t="str">
        <f>városok!A227</f>
        <v>Nagymaros</v>
      </c>
      <c r="B227">
        <f ca="1">ROUND(SQRT((VLOOKUP($A227,városok!$A$2:$C$346,2,0)-VLOOKUP(B$1,városok!$A$2:$C$346,2,0))^2+(VLOOKUP($A227,városok!$A$2:$C$346,3,0)-VLOOKUP(B$1,városok!$A$2:$C$346,3,0))^2)/1000,0)</f>
        <v>179</v>
      </c>
      <c r="C227">
        <f ca="1">ROUND(SQRT((VLOOKUP($A227,városok!$A$2:$C$346,2,0)-VLOOKUP(C$1,városok!$A$2:$C$346,2,0))^2+(VLOOKUP($A227,városok!$A$2:$C$346,3,0)-VLOOKUP(C$1,városok!$A$2:$C$346,3,0))^2)/1000,0)</f>
        <v>140</v>
      </c>
      <c r="D227">
        <f ca="1">ROUND(SQRT((VLOOKUP($A227,városok!$A$2:$C$346,2,0)-VLOOKUP(D$1,városok!$A$2:$C$346,2,0))^2+(VLOOKUP($A227,városok!$A$2:$C$346,3,0)-VLOOKUP(D$1,városok!$A$2:$C$346,3,0))^2)/1000,0)</f>
        <v>113</v>
      </c>
      <c r="E227">
        <f ca="1">ROUND(SQRT((VLOOKUP($A227,városok!$A$2:$C$346,2,0)-VLOOKUP(E$1,városok!$A$2:$C$346,2,0))^2+(VLOOKUP($A227,városok!$A$2:$C$346,3,0)-VLOOKUP(E$1,városok!$A$2:$C$346,3,0))^2)/1000,0)</f>
        <v>186</v>
      </c>
      <c r="F227">
        <f ca="1">ROUND(SQRT((VLOOKUP($A227,városok!$A$2:$C$346,2,0)-VLOOKUP(F$1,városok!$A$2:$C$346,2,0))^2+(VLOOKUP($A227,városok!$A$2:$C$346,3,0)-VLOOKUP(F$1,városok!$A$2:$C$346,3,0))^2)/1000,0)</f>
        <v>201</v>
      </c>
      <c r="G227">
        <f ca="1">ROUND(SQRT((VLOOKUP($A227,városok!$A$2:$C$346,2,0)-VLOOKUP(G$1,városok!$A$2:$C$346,2,0))^2+(VLOOKUP($A227,városok!$A$2:$C$346,3,0)-VLOOKUP(G$1,városok!$A$2:$C$346,3,0))^2)/1000,0)</f>
        <v>198</v>
      </c>
      <c r="H227">
        <f ca="1">ROUND(SQRT((VLOOKUP($A227,városok!$A$2:$C$346,2,0)-VLOOKUP(H$1,városok!$A$2:$C$346,2,0))^2+(VLOOKUP($A227,városok!$A$2:$C$346,3,0)-VLOOKUP(H$1,városok!$A$2:$C$346,3,0))^2)/1000,0)</f>
        <v>213</v>
      </c>
      <c r="I227">
        <f ca="1">ROUND(SQRT((VLOOKUP($A227,városok!$A$2:$C$346,2,0)-VLOOKUP(I$1,városok!$A$2:$C$346,2,0))^2+(VLOOKUP($A227,városok!$A$2:$C$346,3,0)-VLOOKUP(I$1,városok!$A$2:$C$346,3,0))^2)/1000,0)</f>
        <v>203</v>
      </c>
      <c r="J227">
        <f ca="1">ROUND(SQRT((VLOOKUP($A227,városok!$A$2:$C$346,2,0)-VLOOKUP(J$1,városok!$A$2:$C$346,2,0))^2+(VLOOKUP($A227,városok!$A$2:$C$346,3,0)-VLOOKUP(J$1,városok!$A$2:$C$346,3,0))^2)/1000,0)</f>
        <v>217</v>
      </c>
      <c r="K227">
        <f ca="1">ROUND(SQRT((VLOOKUP($A227,városok!$A$2:$C$346,2,0)-VLOOKUP(K$1,városok!$A$2:$C$346,2,0))^2+(VLOOKUP($A227,városok!$A$2:$C$346,3,0)-VLOOKUP(K$1,városok!$A$2:$C$346,3,0))^2)/1000,0)</f>
        <v>188</v>
      </c>
      <c r="L227">
        <f ca="1">ROUND(SQRT((VLOOKUP($A227,városok!$A$2:$C$346,2,0)-VLOOKUP(L$1,városok!$A$2:$C$346,2,0))^2+(VLOOKUP($A227,városok!$A$2:$C$346,3,0)-VLOOKUP(L$1,városok!$A$2:$C$346,3,0))^2)/1000,0)</f>
        <v>135</v>
      </c>
      <c r="M227">
        <f ca="1">ROUND(SQRT((VLOOKUP($A227,városok!$A$2:$C$346,2,0)-VLOOKUP(M$1,városok!$A$2:$C$346,2,0))^2+(VLOOKUP($A227,városok!$A$2:$C$346,3,0)-VLOOKUP(M$1,városok!$A$2:$C$346,3,0))^2)/1000,0)</f>
        <v>142</v>
      </c>
      <c r="N227">
        <f ca="1">ROUND(SQRT((VLOOKUP($A227,városok!$A$2:$C$346,2,0)-VLOOKUP(N$1,városok!$A$2:$C$346,2,0))^2+(VLOOKUP($A227,városok!$A$2:$C$346,3,0)-VLOOKUP(N$1,városok!$A$2:$C$346,3,0))^2)/1000,0)</f>
        <v>110</v>
      </c>
      <c r="O227">
        <f ca="1">ROUND(SQRT((VLOOKUP($A227,városok!$A$2:$C$346,2,0)-VLOOKUP(O$1,városok!$A$2:$C$346,2,0))^2+(VLOOKUP($A227,városok!$A$2:$C$346,3,0)-VLOOKUP(O$1,városok!$A$2:$C$346,3,0))^2)/1000,0)</f>
        <v>211</v>
      </c>
      <c r="P227">
        <f ca="1">ROUND(SQRT((VLOOKUP($A227,városok!$A$2:$C$346,2,0)-VLOOKUP(P$1,városok!$A$2:$C$346,2,0))^2+(VLOOKUP($A227,városok!$A$2:$C$346,3,0)-VLOOKUP(P$1,városok!$A$2:$C$346,3,0))^2)/1000,0)</f>
        <v>211</v>
      </c>
      <c r="Q227">
        <f ca="1">ROUND(SQRT((VLOOKUP($A227,városok!$A$2:$C$346,2,0)-VLOOKUP(Q$1,városok!$A$2:$C$346,2,0))^2+(VLOOKUP($A227,városok!$A$2:$C$346,3,0)-VLOOKUP(Q$1,városok!$A$2:$C$346,3,0))^2)/1000,0)</f>
        <v>184</v>
      </c>
      <c r="R227">
        <f ca="1">ROUND(SQRT((VLOOKUP($A227,városok!$A$2:$C$346,2,0)-VLOOKUP(R$1,városok!$A$2:$C$346,2,0))^2+(VLOOKUP($A227,városok!$A$2:$C$346,3,0)-VLOOKUP(R$1,városok!$A$2:$C$346,3,0))^2)/1000,0)</f>
        <v>209</v>
      </c>
      <c r="S227">
        <f ca="1">ROUND(SQRT((VLOOKUP($A227,városok!$A$2:$C$346,2,0)-VLOOKUP(S$1,városok!$A$2:$C$346,2,0))^2+(VLOOKUP($A227,városok!$A$2:$C$346,3,0)-VLOOKUP(S$1,városok!$A$2:$C$346,3,0))^2)/1000,0)</f>
        <v>194</v>
      </c>
      <c r="T227">
        <f ca="1">ROUND(SQRT((VLOOKUP($A227,városok!$A$2:$C$346,2,0)-VLOOKUP(T$1,városok!$A$2:$C$346,2,0))^2+(VLOOKUP($A227,városok!$A$2:$C$346,3,0)-VLOOKUP(T$1,városok!$A$2:$C$346,3,0))^2)/1000,0)</f>
        <v>42</v>
      </c>
      <c r="U227">
        <f ca="1">ROUND(SQRT((VLOOKUP($A227,városok!$A$2:$C$346,2,0)-VLOOKUP(U$1,városok!$A$2:$C$346,2,0))^2+(VLOOKUP($A227,városok!$A$2:$C$346,3,0)-VLOOKUP(U$1,városok!$A$2:$C$346,3,0))^2)/1000,0)</f>
        <v>92</v>
      </c>
      <c r="V227">
        <f ca="1">ROUND(SQRT((VLOOKUP($A227,városok!$A$2:$C$346,2,0)-VLOOKUP(V$1,városok!$A$2:$C$346,2,0))^2+(VLOOKUP($A227,városok!$A$2:$C$346,3,0)-VLOOKUP(V$1,városok!$A$2:$C$346,3,0))^2)/1000,0)</f>
        <v>95</v>
      </c>
      <c r="W227">
        <f ca="1">ROUND(SQRT((VLOOKUP($A227,városok!$A$2:$C$346,2,0)-VLOOKUP(W$1,városok!$A$2:$C$346,2,0))^2+(VLOOKUP($A227,városok!$A$2:$C$346,3,0)-VLOOKUP(W$1,városok!$A$2:$C$346,3,0))^2)/1000,0)</f>
        <v>104</v>
      </c>
      <c r="X227">
        <f ca="1">ROUND(SQRT((VLOOKUP($A227,városok!$A$2:$C$346,2,0)-VLOOKUP(X$1,városok!$A$2:$C$346,2,0))^2+(VLOOKUP($A227,városok!$A$2:$C$346,3,0)-VLOOKUP(X$1,városok!$A$2:$C$346,3,0))^2)/1000,0)</f>
        <v>73</v>
      </c>
      <c r="Y227">
        <f ca="1">ROUND(SQRT((VLOOKUP($A227,városok!$A$2:$C$346,2,0)-VLOOKUP(Y$1,városok!$A$2:$C$346,2,0))^2+(VLOOKUP($A227,városok!$A$2:$C$346,3,0)-VLOOKUP(Y$1,városok!$A$2:$C$346,3,0))^2)/1000,0)</f>
        <v>100</v>
      </c>
      <c r="Z227">
        <f ca="1">ROUND(SQRT((VLOOKUP($A227,városok!$A$2:$C$346,2,0)-VLOOKUP(Z$1,városok!$A$2:$C$346,2,0))^2+(VLOOKUP($A227,városok!$A$2:$C$346,3,0)-VLOOKUP(Z$1,városok!$A$2:$C$346,3,0))^2)/1000,0)</f>
        <v>118</v>
      </c>
      <c r="AA227">
        <f ca="1">ROUND(SQRT((VLOOKUP($A227,városok!$A$2:$C$346,2,0)-VLOOKUP(AA$1,városok!$A$2:$C$346,2,0))^2+(VLOOKUP($A227,városok!$A$2:$C$346,3,0)-VLOOKUP(AA$1,városok!$A$2:$C$346,3,0))^2)/1000,0)</f>
        <v>179</v>
      </c>
      <c r="AB227">
        <f ca="1">ROUND(SQRT((VLOOKUP($A227,városok!$A$2:$C$346,2,0)-VLOOKUP(AB$1,városok!$A$2:$C$346,2,0))^2+(VLOOKUP($A227,városok!$A$2:$C$346,3,0)-VLOOKUP(AB$1,városok!$A$2:$C$346,3,0))^2)/1000,0)</f>
        <v>203</v>
      </c>
      <c r="AC227">
        <f ca="1">ROUND(SQRT((VLOOKUP($A227,városok!$A$2:$C$346,2,0)-VLOOKUP(AC$1,városok!$A$2:$C$346,2,0))^2+(VLOOKUP($A227,városok!$A$2:$C$346,3,0)-VLOOKUP(AC$1,városok!$A$2:$C$346,3,0))^2)/1000,0)</f>
        <v>187</v>
      </c>
      <c r="AD227">
        <f ca="1">ROUND(SQRT((VLOOKUP($A227,városok!$A$2:$C$346,2,0)-VLOOKUP(AD$1,városok!$A$2:$C$346,2,0))^2+(VLOOKUP($A227,városok!$A$2:$C$346,3,0)-VLOOKUP(AD$1,városok!$A$2:$C$346,3,0))^2)/1000,0)</f>
        <v>170</v>
      </c>
      <c r="AE227">
        <f ca="1">ROUND(SQRT((VLOOKUP($A227,városok!$A$2:$C$346,2,0)-VLOOKUP(AE$1,városok!$A$2:$C$346,2,0))^2+(VLOOKUP($A227,városok!$A$2:$C$346,3,0)-VLOOKUP(AE$1,városok!$A$2:$C$346,3,0))^2)/1000,0)</f>
        <v>176</v>
      </c>
      <c r="AF227">
        <f ca="1">ROUND(SQRT((VLOOKUP($A227,városok!$A$2:$C$346,2,0)-VLOOKUP(AF$1,városok!$A$2:$C$346,2,0))^2+(VLOOKUP($A227,városok!$A$2:$C$346,3,0)-VLOOKUP(AF$1,városok!$A$2:$C$346,3,0))^2)/1000,0)</f>
        <v>107</v>
      </c>
      <c r="AG227">
        <f ca="1">ROUND(SQRT((VLOOKUP($A227,városok!$A$2:$C$346,2,0)-VLOOKUP(AG$1,városok!$A$2:$C$346,2,0))^2+(VLOOKUP($A227,városok!$A$2:$C$346,3,0)-VLOOKUP(AG$1,városok!$A$2:$C$346,3,0))^2)/1000,0)</f>
        <v>72</v>
      </c>
      <c r="AH227">
        <f ca="1">ROUND(SQRT((VLOOKUP($A227,városok!$A$2:$C$346,2,0)-VLOOKUP(AH$1,városok!$A$2:$C$346,2,0))^2+(VLOOKUP($A227,városok!$A$2:$C$346,3,0)-VLOOKUP(AH$1,városok!$A$2:$C$346,3,0))^2)/1000,0)</f>
        <v>56</v>
      </c>
      <c r="AI227">
        <f ca="1">ROUND(SQRT((VLOOKUP($A227,városok!$A$2:$C$346,2,0)-VLOOKUP(AI$1,városok!$A$2:$C$346,2,0))^2+(VLOOKUP($A227,városok!$A$2:$C$346,3,0)-VLOOKUP(AI$1,városok!$A$2:$C$346,3,0))^2)/1000,0)</f>
        <v>89</v>
      </c>
      <c r="AJ227">
        <f ca="1">ROUND(SQRT((VLOOKUP($A227,városok!$A$2:$C$346,2,0)-VLOOKUP(AJ$1,városok!$A$2:$C$346,2,0))^2+(VLOOKUP($A227,városok!$A$2:$C$346,3,0)-VLOOKUP(AJ$1,városok!$A$2:$C$346,3,0))^2)/1000,0)</f>
        <v>78</v>
      </c>
      <c r="AK227">
        <f ca="1">ROUND(SQRT((VLOOKUP($A227,városok!$A$2:$C$346,2,0)-VLOOKUP(AK$1,városok!$A$2:$C$346,2,0))^2+(VLOOKUP($A227,városok!$A$2:$C$346,3,0)-VLOOKUP(AK$1,városok!$A$2:$C$346,3,0))^2)/1000,0)</f>
        <v>162</v>
      </c>
      <c r="AL227">
        <f ca="1">ROUND(SQRT((VLOOKUP($A227,városok!$A$2:$C$346,2,0)-VLOOKUP(AL$1,városok!$A$2:$C$346,2,0))^2+(VLOOKUP($A227,városok!$A$2:$C$346,3,0)-VLOOKUP(AL$1,városok!$A$2:$C$346,3,0))^2)/1000,0)</f>
        <v>134</v>
      </c>
      <c r="AM227">
        <f ca="1">ROUND(SQRT((VLOOKUP($A227,városok!$A$2:$C$346,2,0)-VLOOKUP(AM$1,városok!$A$2:$C$346,2,0))^2+(VLOOKUP($A227,városok!$A$2:$C$346,3,0)-VLOOKUP(AM$1,városok!$A$2:$C$346,3,0))^2)/1000,0)</f>
        <v>115</v>
      </c>
      <c r="AN227">
        <f ca="1">ROUND(SQRT((VLOOKUP($A227,városok!$A$2:$C$346,2,0)-VLOOKUP(AN$1,városok!$A$2:$C$346,2,0))^2+(VLOOKUP($A227,városok!$A$2:$C$346,3,0)-VLOOKUP(AN$1,városok!$A$2:$C$346,3,0))^2)/1000,0)</f>
        <v>16</v>
      </c>
      <c r="AO227">
        <f ca="1">ROUND(SQRT((VLOOKUP($A227,városok!$A$2:$C$346,2,0)-VLOOKUP(AO$1,városok!$A$2:$C$346,2,0))^2+(VLOOKUP($A227,városok!$A$2:$C$346,3,0)-VLOOKUP(AO$1,városok!$A$2:$C$346,3,0))^2)/1000,0)</f>
        <v>63</v>
      </c>
      <c r="AP227">
        <f ca="1">ROUND(SQRT((VLOOKUP($A227,városok!$A$2:$C$346,2,0)-VLOOKUP(AP$1,városok!$A$2:$C$346,2,0))^2+(VLOOKUP($A227,városok!$A$2:$C$346,3,0)-VLOOKUP(AP$1,városok!$A$2:$C$346,3,0))^2)/1000,0)</f>
        <v>50</v>
      </c>
      <c r="AQ227">
        <f ca="1">ROUND(SQRT((VLOOKUP($A227,városok!$A$2:$C$346,2,0)-VLOOKUP(AQ$1,városok!$A$2:$C$346,2,0))^2+(VLOOKUP($A227,városok!$A$2:$C$346,3,0)-VLOOKUP(AQ$1,városok!$A$2:$C$346,3,0))^2)/1000,0)</f>
        <v>48</v>
      </c>
      <c r="AR227">
        <f ca="1">ROUND(SQRT((VLOOKUP($A227,városok!$A$2:$C$346,2,0)-VLOOKUP(AR$1,városok!$A$2:$C$346,2,0))^2+(VLOOKUP($A227,városok!$A$2:$C$346,3,0)-VLOOKUP(AR$1,városok!$A$2:$C$346,3,0))^2)/1000,0)</f>
        <v>57</v>
      </c>
      <c r="AS227">
        <f ca="1">ROUND(SQRT((VLOOKUP($A227,városok!$A$2:$C$346,2,0)-VLOOKUP(AS$1,városok!$A$2:$C$346,2,0))^2+(VLOOKUP($A227,városok!$A$2:$C$346,3,0)-VLOOKUP(AS$1,városok!$A$2:$C$346,3,0))^2)/1000,0)</f>
        <v>73</v>
      </c>
      <c r="AT227">
        <f ca="1">ROUND(SQRT((VLOOKUP($A227,városok!$A$2:$C$346,2,0)-VLOOKUP(AT$1,városok!$A$2:$C$346,2,0))^2+(VLOOKUP($A227,városok!$A$2:$C$346,3,0)-VLOOKUP(AT$1,városok!$A$2:$C$346,3,0))^2)/1000,0)</f>
        <v>37</v>
      </c>
      <c r="AU227">
        <f ca="1">ROUND(SQRT((VLOOKUP($A227,városok!$A$2:$C$346,2,0)-VLOOKUP(AU$1,városok!$A$2:$C$346,2,0))^2+(VLOOKUP($A227,városok!$A$2:$C$346,3,0)-VLOOKUP(AU$1,városok!$A$2:$C$346,3,0))^2)/1000,0)</f>
        <v>37</v>
      </c>
      <c r="AV227">
        <f ca="1">ROUND(SQRT((VLOOKUP($A227,városok!$A$2:$C$346,2,0)-VLOOKUP(AV$1,városok!$A$2:$C$346,2,0))^2+(VLOOKUP($A227,városok!$A$2:$C$346,3,0)-VLOOKUP(AV$1,városok!$A$2:$C$346,3,0))^2)/1000,0)</f>
        <v>42</v>
      </c>
      <c r="AW227">
        <f ca="1">ROUND(SQRT((VLOOKUP($A227,városok!$A$2:$C$346,2,0)-VLOOKUP(AW$1,városok!$A$2:$C$346,2,0))^2+(VLOOKUP($A227,városok!$A$2:$C$346,3,0)-VLOOKUP(AW$1,városok!$A$2:$C$346,3,0))^2)/1000,0)</f>
        <v>44</v>
      </c>
      <c r="AX227">
        <f ca="1">ROUND(SQRT((VLOOKUP($A227,városok!$A$2:$C$346,2,0)-VLOOKUP(AX$1,városok!$A$2:$C$346,2,0))^2+(VLOOKUP($A227,városok!$A$2:$C$346,3,0)-VLOOKUP(AX$1,városok!$A$2:$C$346,3,0))^2)/1000,0)</f>
        <v>105</v>
      </c>
      <c r="AY227">
        <f ca="1">ROUND(SQRT((VLOOKUP($A227,városok!$A$2:$C$346,2,0)-VLOOKUP(AY$1,városok!$A$2:$C$346,2,0))^2+(VLOOKUP($A227,városok!$A$2:$C$346,3,0)-VLOOKUP(AY$1,városok!$A$2:$C$346,3,0))^2)/1000,0)</f>
        <v>14</v>
      </c>
      <c r="AZ227">
        <f ca="1">ROUND(SQRT((VLOOKUP($A227,városok!$A$2:$C$346,2,0)-VLOOKUP(AZ$1,városok!$A$2:$C$346,2,0))^2+(VLOOKUP($A227,városok!$A$2:$C$346,3,0)-VLOOKUP(AZ$1,városok!$A$2:$C$346,3,0))^2)/1000,0)</f>
        <v>1</v>
      </c>
      <c r="BA227">
        <f ca="1">ROUND(SQRT((VLOOKUP($A227,városok!$A$2:$C$346,2,0)-VLOOKUP(BA$1,városok!$A$2:$C$346,2,0))^2+(VLOOKUP($A227,városok!$A$2:$C$346,3,0)-VLOOKUP(BA$1,városok!$A$2:$C$346,3,0))^2)/1000,0)</f>
        <v>147</v>
      </c>
      <c r="BB227">
        <f ca="1">ROUND(SQRT((VLOOKUP($A227,városok!$A$2:$C$346,2,0)-VLOOKUP(BB$1,városok!$A$2:$C$346,2,0))^2+(VLOOKUP($A227,városok!$A$2:$C$346,3,0)-VLOOKUP(BB$1,városok!$A$2:$C$346,3,0))^2)/1000,0)</f>
        <v>159</v>
      </c>
      <c r="BC227">
        <f ca="1">ROUND(SQRT((VLOOKUP($A227,városok!$A$2:$C$346,2,0)-VLOOKUP(BC$1,városok!$A$2:$C$346,2,0))^2+(VLOOKUP($A227,városok!$A$2:$C$346,3,0)-VLOOKUP(BC$1,városok!$A$2:$C$346,3,0))^2)/1000,0)</f>
        <v>182</v>
      </c>
      <c r="BD227">
        <f ca="1">ROUND(SQRT((VLOOKUP($A227,városok!$A$2:$C$346,2,0)-VLOOKUP(BD$1,városok!$A$2:$C$346,2,0))^2+(VLOOKUP($A227,városok!$A$2:$C$346,3,0)-VLOOKUP(BD$1,városok!$A$2:$C$346,3,0))^2)/1000,0)</f>
        <v>119</v>
      </c>
      <c r="BE227">
        <f ca="1">ROUND(SQRT((VLOOKUP($A227,városok!$A$2:$C$346,2,0)-VLOOKUP(BE$1,városok!$A$2:$C$346,2,0))^2+(VLOOKUP($A227,városok!$A$2:$C$346,3,0)-VLOOKUP(BE$1,városok!$A$2:$C$346,3,0))^2)/1000,0)</f>
        <v>278</v>
      </c>
      <c r="BF227">
        <f ca="1">ROUND(SQRT((VLOOKUP($A227,városok!$A$2:$C$346,2,0)-VLOOKUP(BF$1,városok!$A$2:$C$346,2,0))^2+(VLOOKUP($A227,városok!$A$2:$C$346,3,0)-VLOOKUP(BF$1,városok!$A$2:$C$346,3,0))^2)/1000,0)</f>
        <v>237</v>
      </c>
      <c r="BG227">
        <f ca="1">ROUND(SQRT((VLOOKUP($A227,városok!$A$2:$C$346,2,0)-VLOOKUP(BG$1,városok!$A$2:$C$346,2,0))^2+(VLOOKUP($A227,városok!$A$2:$C$346,3,0)-VLOOKUP(BG$1,városok!$A$2:$C$346,3,0))^2)/1000,0)</f>
        <v>191</v>
      </c>
      <c r="BH227">
        <f ca="1">ROUND(SQRT((VLOOKUP($A227,városok!$A$2:$C$346,2,0)-VLOOKUP(BH$1,városok!$A$2:$C$346,2,0))^2+(VLOOKUP($A227,városok!$A$2:$C$346,3,0)-VLOOKUP(BH$1,városok!$A$2:$C$346,3,0))^2)/1000,0)</f>
        <v>191</v>
      </c>
      <c r="BI227">
        <f ca="1">ROUND(SQRT((VLOOKUP($A227,városok!$A$2:$C$346,2,0)-VLOOKUP(BI$1,városok!$A$2:$C$346,2,0))^2+(VLOOKUP($A227,városok!$A$2:$C$346,3,0)-VLOOKUP(BI$1,városok!$A$2:$C$346,3,0))^2)/1000,0)</f>
        <v>157</v>
      </c>
      <c r="BJ227">
        <f ca="1">ROUND(SQRT((VLOOKUP($A227,városok!$A$2:$C$346,2,0)-VLOOKUP(BJ$1,városok!$A$2:$C$346,2,0))^2+(VLOOKUP($A227,városok!$A$2:$C$346,3,0)-VLOOKUP(BJ$1,városok!$A$2:$C$346,3,0))^2)/1000,0)</f>
        <v>172</v>
      </c>
      <c r="BK227">
        <f ca="1">ROUND(SQRT((VLOOKUP($A227,városok!$A$2:$C$346,2,0)-VLOOKUP(BK$1,városok!$A$2:$C$346,2,0))^2+(VLOOKUP($A227,városok!$A$2:$C$346,3,0)-VLOOKUP(BK$1,városok!$A$2:$C$346,3,0))^2)/1000,0)</f>
        <v>161</v>
      </c>
      <c r="BL227">
        <f ca="1">ROUND(SQRT((VLOOKUP($A227,városok!$A$2:$C$346,2,0)-VLOOKUP(BL$1,városok!$A$2:$C$346,2,0))^2+(VLOOKUP($A227,városok!$A$2:$C$346,3,0)-VLOOKUP(BL$1,városok!$A$2:$C$346,3,0))^2)/1000,0)</f>
        <v>198</v>
      </c>
      <c r="BM227">
        <f ca="1">ROUND(SQRT((VLOOKUP($A227,városok!$A$2:$C$346,2,0)-VLOOKUP(BM$1,városok!$A$2:$C$346,2,0))^2+(VLOOKUP($A227,városok!$A$2:$C$346,3,0)-VLOOKUP(BM$1,városok!$A$2:$C$346,3,0))^2)/1000,0)</f>
        <v>164</v>
      </c>
      <c r="BN227">
        <f ca="1">ROUND(SQRT((VLOOKUP($A227,városok!$A$2:$C$346,2,0)-VLOOKUP(BN$1,városok!$A$2:$C$346,2,0))^2+(VLOOKUP($A227,városok!$A$2:$C$346,3,0)-VLOOKUP(BN$1,városok!$A$2:$C$346,3,0))^2)/1000,0)</f>
        <v>187</v>
      </c>
      <c r="BO227">
        <f ca="1">ROUND(SQRT((VLOOKUP($A227,városok!$A$2:$C$346,2,0)-VLOOKUP(BO$1,városok!$A$2:$C$346,2,0))^2+(VLOOKUP($A227,városok!$A$2:$C$346,3,0)-VLOOKUP(BO$1,városok!$A$2:$C$346,3,0))^2)/1000,0)</f>
        <v>111</v>
      </c>
      <c r="BP227">
        <f ca="1">ROUND(SQRT((VLOOKUP($A227,városok!$A$2:$C$346,2,0)-VLOOKUP(BP$1,városok!$A$2:$C$346,2,0))^2+(VLOOKUP($A227,városok!$A$2:$C$346,3,0)-VLOOKUP(BP$1,városok!$A$2:$C$346,3,0))^2)/1000,0)</f>
        <v>106</v>
      </c>
      <c r="BQ227">
        <f ca="1">ROUND(SQRT((VLOOKUP($A227,városok!$A$2:$C$346,2,0)-VLOOKUP(BQ$1,városok!$A$2:$C$346,2,0))^2+(VLOOKUP($A227,városok!$A$2:$C$346,3,0)-VLOOKUP(BQ$1,városok!$A$2:$C$346,3,0))^2)/1000,0)</f>
        <v>111</v>
      </c>
      <c r="BR227">
        <f ca="1">ROUND(SQRT((VLOOKUP($A227,városok!$A$2:$C$346,2,0)-VLOOKUP(BR$1,városok!$A$2:$C$346,2,0))^2+(VLOOKUP($A227,városok!$A$2:$C$346,3,0)-VLOOKUP(BR$1,városok!$A$2:$C$346,3,0))^2)/1000,0)</f>
        <v>172</v>
      </c>
      <c r="BS227">
        <f ca="1">ROUND(SQRT((VLOOKUP($A227,városok!$A$2:$C$346,2,0)-VLOOKUP(BS$1,városok!$A$2:$C$346,2,0))^2+(VLOOKUP($A227,városok!$A$2:$C$346,3,0)-VLOOKUP(BS$1,városok!$A$2:$C$346,3,0))^2)/1000,0)</f>
        <v>211</v>
      </c>
      <c r="BT227">
        <f ca="1">ROUND(SQRT((VLOOKUP($A227,városok!$A$2:$C$346,2,0)-VLOOKUP(BT$1,városok!$A$2:$C$346,2,0))^2+(VLOOKUP($A227,városok!$A$2:$C$346,3,0)-VLOOKUP(BT$1,városok!$A$2:$C$346,3,0))^2)/1000,0)</f>
        <v>192</v>
      </c>
    </row>
    <row r="228" spans="1:72" x14ac:dyDescent="0.2">
      <c r="A228" t="str">
        <f>városok!A228</f>
        <v>Ócsa</v>
      </c>
      <c r="B228">
        <f ca="1">ROUND(SQRT((VLOOKUP($A228,városok!$A$2:$C$346,2,0)-VLOOKUP(B$1,városok!$A$2:$C$346,2,0))^2+(VLOOKUP($A228,városok!$A$2:$C$346,3,0)-VLOOKUP(B$1,városok!$A$2:$C$346,3,0))^2)/1000,0)</f>
        <v>125</v>
      </c>
      <c r="C228">
        <f ca="1">ROUND(SQRT((VLOOKUP($A228,városok!$A$2:$C$346,2,0)-VLOOKUP(C$1,városok!$A$2:$C$346,2,0))^2+(VLOOKUP($A228,városok!$A$2:$C$346,3,0)-VLOOKUP(C$1,városok!$A$2:$C$346,3,0))^2)/1000,0)</f>
        <v>88</v>
      </c>
      <c r="D228">
        <f ca="1">ROUND(SQRT((VLOOKUP($A228,városok!$A$2:$C$346,2,0)-VLOOKUP(D$1,városok!$A$2:$C$346,2,0))^2+(VLOOKUP($A228,városok!$A$2:$C$346,3,0)-VLOOKUP(D$1,városok!$A$2:$C$346,3,0))^2)/1000,0)</f>
        <v>56</v>
      </c>
      <c r="E228">
        <f ca="1">ROUND(SQRT((VLOOKUP($A228,városok!$A$2:$C$346,2,0)-VLOOKUP(E$1,városok!$A$2:$C$346,2,0))^2+(VLOOKUP($A228,városok!$A$2:$C$346,3,0)-VLOOKUP(E$1,városok!$A$2:$C$346,3,0))^2)/1000,0)</f>
        <v>144</v>
      </c>
      <c r="F228">
        <f ca="1">ROUND(SQRT((VLOOKUP($A228,városok!$A$2:$C$346,2,0)-VLOOKUP(F$1,városok!$A$2:$C$346,2,0))^2+(VLOOKUP($A228,városok!$A$2:$C$346,3,0)-VLOOKUP(F$1,városok!$A$2:$C$346,3,0))^2)/1000,0)</f>
        <v>151</v>
      </c>
      <c r="G228">
        <f ca="1">ROUND(SQRT((VLOOKUP($A228,városok!$A$2:$C$346,2,0)-VLOOKUP(G$1,városok!$A$2:$C$346,2,0))^2+(VLOOKUP($A228,városok!$A$2:$C$346,3,0)-VLOOKUP(G$1,városok!$A$2:$C$346,3,0))^2)/1000,0)</f>
        <v>155</v>
      </c>
      <c r="H228">
        <f ca="1">ROUND(SQRT((VLOOKUP($A228,városok!$A$2:$C$346,2,0)-VLOOKUP(H$1,városok!$A$2:$C$346,2,0))^2+(VLOOKUP($A228,városok!$A$2:$C$346,3,0)-VLOOKUP(H$1,városok!$A$2:$C$346,3,0))^2)/1000,0)</f>
        <v>177</v>
      </c>
      <c r="I228">
        <f ca="1">ROUND(SQRT((VLOOKUP($A228,városok!$A$2:$C$346,2,0)-VLOOKUP(I$1,városok!$A$2:$C$346,2,0))^2+(VLOOKUP($A228,városok!$A$2:$C$346,3,0)-VLOOKUP(I$1,városok!$A$2:$C$346,3,0))^2)/1000,0)</f>
        <v>157</v>
      </c>
      <c r="J228">
        <f ca="1">ROUND(SQRT((VLOOKUP($A228,városok!$A$2:$C$346,2,0)-VLOOKUP(J$1,városok!$A$2:$C$346,2,0))^2+(VLOOKUP($A228,városok!$A$2:$C$346,3,0)-VLOOKUP(J$1,városok!$A$2:$C$346,3,0))^2)/1000,0)</f>
        <v>172</v>
      </c>
      <c r="K228">
        <f ca="1">ROUND(SQRT((VLOOKUP($A228,városok!$A$2:$C$346,2,0)-VLOOKUP(K$1,városok!$A$2:$C$346,2,0))^2+(VLOOKUP($A228,városok!$A$2:$C$346,3,0)-VLOOKUP(K$1,városok!$A$2:$C$346,3,0))^2)/1000,0)</f>
        <v>137</v>
      </c>
      <c r="L228">
        <f ca="1">ROUND(SQRT((VLOOKUP($A228,városok!$A$2:$C$346,2,0)-VLOOKUP(L$1,városok!$A$2:$C$346,2,0))^2+(VLOOKUP($A228,városok!$A$2:$C$346,3,0)-VLOOKUP(L$1,városok!$A$2:$C$346,3,0))^2)/1000,0)</f>
        <v>150</v>
      </c>
      <c r="M228">
        <f ca="1">ROUND(SQRT((VLOOKUP($A228,városok!$A$2:$C$346,2,0)-VLOOKUP(M$1,városok!$A$2:$C$346,2,0))^2+(VLOOKUP($A228,városok!$A$2:$C$346,3,0)-VLOOKUP(M$1,városok!$A$2:$C$346,3,0))^2)/1000,0)</f>
        <v>148</v>
      </c>
      <c r="N228">
        <f ca="1">ROUND(SQRT((VLOOKUP($A228,városok!$A$2:$C$346,2,0)-VLOOKUP(N$1,városok!$A$2:$C$346,2,0))^2+(VLOOKUP($A228,városok!$A$2:$C$346,3,0)-VLOOKUP(N$1,városok!$A$2:$C$346,3,0))^2)/1000,0)</f>
        <v>130</v>
      </c>
      <c r="O228">
        <f ca="1">ROUND(SQRT((VLOOKUP($A228,városok!$A$2:$C$346,2,0)-VLOOKUP(O$1,városok!$A$2:$C$346,2,0))^2+(VLOOKUP($A228,városok!$A$2:$C$346,3,0)-VLOOKUP(O$1,városok!$A$2:$C$346,3,0))^2)/1000,0)</f>
        <v>218</v>
      </c>
      <c r="P228">
        <f ca="1">ROUND(SQRT((VLOOKUP($A228,városok!$A$2:$C$346,2,0)-VLOOKUP(P$1,városok!$A$2:$C$346,2,0))^2+(VLOOKUP($A228,városok!$A$2:$C$346,3,0)-VLOOKUP(P$1,városok!$A$2:$C$346,3,0))^2)/1000,0)</f>
        <v>219</v>
      </c>
      <c r="Q228">
        <f ca="1">ROUND(SQRT((VLOOKUP($A228,városok!$A$2:$C$346,2,0)-VLOOKUP(Q$1,városok!$A$2:$C$346,2,0))^2+(VLOOKUP($A228,városok!$A$2:$C$346,3,0)-VLOOKUP(Q$1,városok!$A$2:$C$346,3,0))^2)/1000,0)</f>
        <v>128</v>
      </c>
      <c r="R228">
        <f ca="1">ROUND(SQRT((VLOOKUP($A228,városok!$A$2:$C$346,2,0)-VLOOKUP(R$1,városok!$A$2:$C$346,2,0))^2+(VLOOKUP($A228,városok!$A$2:$C$346,3,0)-VLOOKUP(R$1,városok!$A$2:$C$346,3,0))^2)/1000,0)</f>
        <v>153</v>
      </c>
      <c r="S228">
        <f ca="1">ROUND(SQRT((VLOOKUP($A228,városok!$A$2:$C$346,2,0)-VLOOKUP(S$1,városok!$A$2:$C$346,2,0))^2+(VLOOKUP($A228,városok!$A$2:$C$346,3,0)-VLOOKUP(S$1,városok!$A$2:$C$346,3,0))^2)/1000,0)</f>
        <v>137</v>
      </c>
      <c r="T228">
        <f ca="1">ROUND(SQRT((VLOOKUP($A228,városok!$A$2:$C$346,2,0)-VLOOKUP(T$1,városok!$A$2:$C$346,2,0))^2+(VLOOKUP($A228,városok!$A$2:$C$346,3,0)-VLOOKUP(T$1,városok!$A$2:$C$346,3,0))^2)/1000,0)</f>
        <v>50</v>
      </c>
      <c r="U228">
        <f ca="1">ROUND(SQRT((VLOOKUP($A228,városok!$A$2:$C$346,2,0)-VLOOKUP(U$1,városok!$A$2:$C$346,2,0))^2+(VLOOKUP($A228,városok!$A$2:$C$346,3,0)-VLOOKUP(U$1,városok!$A$2:$C$346,3,0))^2)/1000,0)</f>
        <v>43</v>
      </c>
      <c r="V228">
        <f ca="1">ROUND(SQRT((VLOOKUP($A228,városok!$A$2:$C$346,2,0)-VLOOKUP(V$1,városok!$A$2:$C$346,2,0))^2+(VLOOKUP($A228,városok!$A$2:$C$346,3,0)-VLOOKUP(V$1,városok!$A$2:$C$346,3,0))^2)/1000,0)</f>
        <v>75</v>
      </c>
      <c r="W228">
        <f ca="1">ROUND(SQRT((VLOOKUP($A228,városok!$A$2:$C$346,2,0)-VLOOKUP(W$1,városok!$A$2:$C$346,2,0))^2+(VLOOKUP($A228,városok!$A$2:$C$346,3,0)-VLOOKUP(W$1,városok!$A$2:$C$346,3,0))^2)/1000,0)</f>
        <v>65</v>
      </c>
      <c r="X228">
        <f ca="1">ROUND(SQRT((VLOOKUP($A228,városok!$A$2:$C$346,2,0)-VLOOKUP(X$1,városok!$A$2:$C$346,2,0))^2+(VLOOKUP($A228,városok!$A$2:$C$346,3,0)-VLOOKUP(X$1,városok!$A$2:$C$346,3,0))^2)/1000,0)</f>
        <v>68</v>
      </c>
      <c r="Y228">
        <f ca="1">ROUND(SQRT((VLOOKUP($A228,városok!$A$2:$C$346,2,0)-VLOOKUP(Y$1,városok!$A$2:$C$346,2,0))^2+(VLOOKUP($A228,városok!$A$2:$C$346,3,0)-VLOOKUP(Y$1,városok!$A$2:$C$346,3,0))^2)/1000,0)</f>
        <v>128</v>
      </c>
      <c r="Z228">
        <f ca="1">ROUND(SQRT((VLOOKUP($A228,városok!$A$2:$C$346,2,0)-VLOOKUP(Z$1,városok!$A$2:$C$346,2,0))^2+(VLOOKUP($A228,városok!$A$2:$C$346,3,0)-VLOOKUP(Z$1,városok!$A$2:$C$346,3,0))^2)/1000,0)</f>
        <v>147</v>
      </c>
      <c r="AA228">
        <f ca="1">ROUND(SQRT((VLOOKUP($A228,városok!$A$2:$C$346,2,0)-VLOOKUP(AA$1,városok!$A$2:$C$346,2,0))^2+(VLOOKUP($A228,városok!$A$2:$C$346,3,0)-VLOOKUP(AA$1,városok!$A$2:$C$346,3,0))^2)/1000,0)</f>
        <v>204</v>
      </c>
      <c r="AB228">
        <f ca="1">ROUND(SQRT((VLOOKUP($A228,városok!$A$2:$C$346,2,0)-VLOOKUP(AB$1,városok!$A$2:$C$346,2,0))^2+(VLOOKUP($A228,városok!$A$2:$C$346,3,0)-VLOOKUP(AB$1,városok!$A$2:$C$346,3,0))^2)/1000,0)</f>
        <v>183</v>
      </c>
      <c r="AC228">
        <f ca="1">ROUND(SQRT((VLOOKUP($A228,városok!$A$2:$C$346,2,0)-VLOOKUP(AC$1,városok!$A$2:$C$346,2,0))^2+(VLOOKUP($A228,városok!$A$2:$C$346,3,0)-VLOOKUP(AC$1,városok!$A$2:$C$346,3,0))^2)/1000,0)</f>
        <v>164</v>
      </c>
      <c r="AD228">
        <f ca="1">ROUND(SQRT((VLOOKUP($A228,városok!$A$2:$C$346,2,0)-VLOOKUP(AD$1,városok!$A$2:$C$346,2,0))^2+(VLOOKUP($A228,városok!$A$2:$C$346,3,0)-VLOOKUP(AD$1,városok!$A$2:$C$346,3,0))^2)/1000,0)</f>
        <v>146</v>
      </c>
      <c r="AE228">
        <f ca="1">ROUND(SQRT((VLOOKUP($A228,városok!$A$2:$C$346,2,0)-VLOOKUP(AE$1,városok!$A$2:$C$346,2,0))^2+(VLOOKUP($A228,városok!$A$2:$C$346,3,0)-VLOOKUP(AE$1,városok!$A$2:$C$346,3,0))^2)/1000,0)</f>
        <v>147</v>
      </c>
      <c r="AF228">
        <f ca="1">ROUND(SQRT((VLOOKUP($A228,városok!$A$2:$C$346,2,0)-VLOOKUP(AF$1,városok!$A$2:$C$346,2,0))^2+(VLOOKUP($A228,városok!$A$2:$C$346,3,0)-VLOOKUP(AF$1,városok!$A$2:$C$346,3,0))^2)/1000,0)</f>
        <v>109</v>
      </c>
      <c r="AG228">
        <f ca="1">ROUND(SQRT((VLOOKUP($A228,városok!$A$2:$C$346,2,0)-VLOOKUP(AG$1,városok!$A$2:$C$346,2,0))^2+(VLOOKUP($A228,városok!$A$2:$C$346,3,0)-VLOOKUP(AG$1,városok!$A$2:$C$346,3,0))^2)/1000,0)</f>
        <v>75</v>
      </c>
      <c r="AH228">
        <f ca="1">ROUND(SQRT((VLOOKUP($A228,városok!$A$2:$C$346,2,0)-VLOOKUP(AH$1,városok!$A$2:$C$346,2,0))^2+(VLOOKUP($A228,városok!$A$2:$C$346,3,0)-VLOOKUP(AH$1,városok!$A$2:$C$346,3,0))^2)/1000,0)</f>
        <v>53</v>
      </c>
      <c r="AI228">
        <f ca="1">ROUND(SQRT((VLOOKUP($A228,városok!$A$2:$C$346,2,0)-VLOOKUP(AI$1,városok!$A$2:$C$346,2,0))^2+(VLOOKUP($A228,városok!$A$2:$C$346,3,0)-VLOOKUP(AI$1,városok!$A$2:$C$346,3,0))^2)/1000,0)</f>
        <v>103</v>
      </c>
      <c r="AJ228">
        <f ca="1">ROUND(SQRT((VLOOKUP($A228,városok!$A$2:$C$346,2,0)-VLOOKUP(AJ$1,városok!$A$2:$C$346,2,0))^2+(VLOOKUP($A228,városok!$A$2:$C$346,3,0)-VLOOKUP(AJ$1,városok!$A$2:$C$346,3,0))^2)/1000,0)</f>
        <v>68</v>
      </c>
      <c r="AK228">
        <f ca="1">ROUND(SQRT((VLOOKUP($A228,városok!$A$2:$C$346,2,0)-VLOOKUP(AK$1,városok!$A$2:$C$346,2,0))^2+(VLOOKUP($A228,városok!$A$2:$C$346,3,0)-VLOOKUP(AK$1,városok!$A$2:$C$346,3,0))^2)/1000,0)</f>
        <v>132</v>
      </c>
      <c r="AL228">
        <f ca="1">ROUND(SQRT((VLOOKUP($A228,városok!$A$2:$C$346,2,0)-VLOOKUP(AL$1,városok!$A$2:$C$346,2,0))^2+(VLOOKUP($A228,városok!$A$2:$C$346,3,0)-VLOOKUP(AL$1,városok!$A$2:$C$346,3,0))^2)/1000,0)</f>
        <v>106</v>
      </c>
      <c r="AM228">
        <f ca="1">ROUND(SQRT((VLOOKUP($A228,városok!$A$2:$C$346,2,0)-VLOOKUP(AM$1,városok!$A$2:$C$346,2,0))^2+(VLOOKUP($A228,városok!$A$2:$C$346,3,0)-VLOOKUP(AM$1,városok!$A$2:$C$346,3,0))^2)/1000,0)</f>
        <v>73</v>
      </c>
      <c r="AN228">
        <f ca="1">ROUND(SQRT((VLOOKUP($A228,városok!$A$2:$C$346,2,0)-VLOOKUP(AN$1,városok!$A$2:$C$346,2,0))^2+(VLOOKUP($A228,városok!$A$2:$C$346,3,0)-VLOOKUP(AN$1,városok!$A$2:$C$346,3,0))^2)/1000,0)</f>
        <v>66</v>
      </c>
      <c r="AO228">
        <f ca="1">ROUND(SQRT((VLOOKUP($A228,városok!$A$2:$C$346,2,0)-VLOOKUP(AO$1,városok!$A$2:$C$346,2,0))^2+(VLOOKUP($A228,városok!$A$2:$C$346,3,0)-VLOOKUP(AO$1,városok!$A$2:$C$346,3,0))^2)/1000,0)</f>
        <v>97</v>
      </c>
      <c r="AP228">
        <f ca="1">ROUND(SQRT((VLOOKUP($A228,városok!$A$2:$C$346,2,0)-VLOOKUP(AP$1,városok!$A$2:$C$346,2,0))^2+(VLOOKUP($A228,városok!$A$2:$C$346,3,0)-VLOOKUP(AP$1,városok!$A$2:$C$346,3,0))^2)/1000,0)</f>
        <v>78</v>
      </c>
      <c r="AQ228">
        <f ca="1">ROUND(SQRT((VLOOKUP($A228,városok!$A$2:$C$346,2,0)-VLOOKUP(AQ$1,városok!$A$2:$C$346,2,0))^2+(VLOOKUP($A228,városok!$A$2:$C$346,3,0)-VLOOKUP(AQ$1,városok!$A$2:$C$346,3,0))^2)/1000,0)</f>
        <v>69</v>
      </c>
      <c r="AR228">
        <f ca="1">ROUND(SQRT((VLOOKUP($A228,városok!$A$2:$C$346,2,0)-VLOOKUP(AR$1,városok!$A$2:$C$346,2,0))^2+(VLOOKUP($A228,városok!$A$2:$C$346,3,0)-VLOOKUP(AR$1,városok!$A$2:$C$346,3,0))^2)/1000,0)</f>
        <v>78</v>
      </c>
      <c r="AS228">
        <f ca="1">ROUND(SQRT((VLOOKUP($A228,városok!$A$2:$C$346,2,0)-VLOOKUP(AS$1,városok!$A$2:$C$346,2,0))^2+(VLOOKUP($A228,városok!$A$2:$C$346,3,0)-VLOOKUP(AS$1,városok!$A$2:$C$346,3,0))^2)/1000,0)</f>
        <v>101</v>
      </c>
      <c r="AT228">
        <f ca="1">ROUND(SQRT((VLOOKUP($A228,városok!$A$2:$C$346,2,0)-VLOOKUP(AT$1,városok!$A$2:$C$346,2,0))^2+(VLOOKUP($A228,városok!$A$2:$C$346,3,0)-VLOOKUP(AT$1,városok!$A$2:$C$346,3,0))^2)/1000,0)</f>
        <v>37</v>
      </c>
      <c r="AU228">
        <f ca="1">ROUND(SQRT((VLOOKUP($A228,városok!$A$2:$C$346,2,0)-VLOOKUP(AU$1,városok!$A$2:$C$346,2,0))^2+(VLOOKUP($A228,városok!$A$2:$C$346,3,0)-VLOOKUP(AU$1,városok!$A$2:$C$346,3,0))^2)/1000,0)</f>
        <v>27</v>
      </c>
      <c r="AV228">
        <f ca="1">ROUND(SQRT((VLOOKUP($A228,városok!$A$2:$C$346,2,0)-VLOOKUP(AV$1,városok!$A$2:$C$346,2,0))^2+(VLOOKUP($A228,városok!$A$2:$C$346,3,0)-VLOOKUP(AV$1,városok!$A$2:$C$346,3,0))^2)/1000,0)</f>
        <v>25</v>
      </c>
      <c r="AW228">
        <f ca="1">ROUND(SQRT((VLOOKUP($A228,városok!$A$2:$C$346,2,0)-VLOOKUP(AW$1,városok!$A$2:$C$346,2,0))^2+(VLOOKUP($A228,városok!$A$2:$C$346,3,0)-VLOOKUP(AW$1,városok!$A$2:$C$346,3,0))^2)/1000,0)</f>
        <v>27</v>
      </c>
      <c r="AX228">
        <f ca="1">ROUND(SQRT((VLOOKUP($A228,városok!$A$2:$C$346,2,0)-VLOOKUP(AX$1,városok!$A$2:$C$346,2,0))^2+(VLOOKUP($A228,városok!$A$2:$C$346,3,0)-VLOOKUP(AX$1,városok!$A$2:$C$346,3,0))^2)/1000,0)</f>
        <v>51</v>
      </c>
      <c r="AY228">
        <f ca="1">ROUND(SQRT((VLOOKUP($A228,városok!$A$2:$C$346,2,0)-VLOOKUP(AY$1,városok!$A$2:$C$346,2,0))^2+(VLOOKUP($A228,városok!$A$2:$C$346,3,0)-VLOOKUP(AY$1,városok!$A$2:$C$346,3,0))^2)/1000,0)</f>
        <v>45</v>
      </c>
      <c r="AZ228">
        <f ca="1">ROUND(SQRT((VLOOKUP($A228,városok!$A$2:$C$346,2,0)-VLOOKUP(AZ$1,városok!$A$2:$C$346,2,0))^2+(VLOOKUP($A228,városok!$A$2:$C$346,3,0)-VLOOKUP(AZ$1,városok!$A$2:$C$346,3,0))^2)/1000,0)</f>
        <v>58</v>
      </c>
      <c r="BA228">
        <f ca="1">ROUND(SQRT((VLOOKUP($A228,városok!$A$2:$C$346,2,0)-VLOOKUP(BA$1,városok!$A$2:$C$346,2,0))^2+(VLOOKUP($A228,városok!$A$2:$C$346,3,0)-VLOOKUP(BA$1,városok!$A$2:$C$346,3,0))^2)/1000,0)</f>
        <v>130</v>
      </c>
      <c r="BB228">
        <f ca="1">ROUND(SQRT((VLOOKUP($A228,városok!$A$2:$C$346,2,0)-VLOOKUP(BB$1,városok!$A$2:$C$346,2,0))^2+(VLOOKUP($A228,városok!$A$2:$C$346,3,0)-VLOOKUP(BB$1,városok!$A$2:$C$346,3,0))^2)/1000,0)</f>
        <v>129</v>
      </c>
      <c r="BC228">
        <f ca="1">ROUND(SQRT((VLOOKUP($A228,városok!$A$2:$C$346,2,0)-VLOOKUP(BC$1,városok!$A$2:$C$346,2,0))^2+(VLOOKUP($A228,városok!$A$2:$C$346,3,0)-VLOOKUP(BC$1,városok!$A$2:$C$346,3,0))^2)/1000,0)</f>
        <v>151</v>
      </c>
      <c r="BD228">
        <f ca="1">ROUND(SQRT((VLOOKUP($A228,városok!$A$2:$C$346,2,0)-VLOOKUP(BD$1,városok!$A$2:$C$346,2,0))^2+(VLOOKUP($A228,városok!$A$2:$C$346,3,0)-VLOOKUP(BD$1,városok!$A$2:$C$346,3,0))^2)/1000,0)</f>
        <v>98</v>
      </c>
      <c r="BE228">
        <f ca="1">ROUND(SQRT((VLOOKUP($A228,városok!$A$2:$C$346,2,0)-VLOOKUP(BE$1,városok!$A$2:$C$346,2,0))^2+(VLOOKUP($A228,városok!$A$2:$C$346,3,0)-VLOOKUP(BE$1,városok!$A$2:$C$346,3,0))^2)/1000,0)</f>
        <v>266</v>
      </c>
      <c r="BF228">
        <f ca="1">ROUND(SQRT((VLOOKUP($A228,városok!$A$2:$C$346,2,0)-VLOOKUP(BF$1,városok!$A$2:$C$346,2,0))^2+(VLOOKUP($A228,városok!$A$2:$C$346,3,0)-VLOOKUP(BF$1,városok!$A$2:$C$346,3,0))^2)/1000,0)</f>
        <v>237</v>
      </c>
      <c r="BG228">
        <f ca="1">ROUND(SQRT((VLOOKUP($A228,városok!$A$2:$C$346,2,0)-VLOOKUP(BG$1,városok!$A$2:$C$346,2,0))^2+(VLOOKUP($A228,városok!$A$2:$C$346,3,0)-VLOOKUP(BG$1,városok!$A$2:$C$346,3,0))^2)/1000,0)</f>
        <v>191</v>
      </c>
      <c r="BH228">
        <f ca="1">ROUND(SQRT((VLOOKUP($A228,városok!$A$2:$C$346,2,0)-VLOOKUP(BH$1,városok!$A$2:$C$346,2,0))^2+(VLOOKUP($A228,városok!$A$2:$C$346,3,0)-VLOOKUP(BH$1,városok!$A$2:$C$346,3,0))^2)/1000,0)</f>
        <v>191</v>
      </c>
      <c r="BI228">
        <f ca="1">ROUND(SQRT((VLOOKUP($A228,városok!$A$2:$C$346,2,0)-VLOOKUP(BI$1,városok!$A$2:$C$346,2,0))^2+(VLOOKUP($A228,városok!$A$2:$C$346,3,0)-VLOOKUP(BI$1,városok!$A$2:$C$346,3,0))^2)/1000,0)</f>
        <v>110</v>
      </c>
      <c r="BJ228">
        <f ca="1">ROUND(SQRT((VLOOKUP($A228,városok!$A$2:$C$346,2,0)-VLOOKUP(BJ$1,városok!$A$2:$C$346,2,0))^2+(VLOOKUP($A228,városok!$A$2:$C$346,3,0)-VLOOKUP(BJ$1,városok!$A$2:$C$346,3,0))^2)/1000,0)</f>
        <v>127</v>
      </c>
      <c r="BK228">
        <f ca="1">ROUND(SQRT((VLOOKUP($A228,városok!$A$2:$C$346,2,0)-VLOOKUP(BK$1,városok!$A$2:$C$346,2,0))^2+(VLOOKUP($A228,városok!$A$2:$C$346,3,0)-VLOOKUP(BK$1,városok!$A$2:$C$346,3,0))^2)/1000,0)</f>
        <v>113</v>
      </c>
      <c r="BL228">
        <f ca="1">ROUND(SQRT((VLOOKUP($A228,városok!$A$2:$C$346,2,0)-VLOOKUP(BL$1,városok!$A$2:$C$346,2,0))^2+(VLOOKUP($A228,városok!$A$2:$C$346,3,0)-VLOOKUP(BL$1,városok!$A$2:$C$346,3,0))^2)/1000,0)</f>
        <v>202</v>
      </c>
      <c r="BM228">
        <f ca="1">ROUND(SQRT((VLOOKUP($A228,városok!$A$2:$C$346,2,0)-VLOOKUP(BM$1,városok!$A$2:$C$346,2,0))^2+(VLOOKUP($A228,városok!$A$2:$C$346,3,0)-VLOOKUP(BM$1,városok!$A$2:$C$346,3,0))^2)/1000,0)</f>
        <v>174</v>
      </c>
      <c r="BN228">
        <f ca="1">ROUND(SQRT((VLOOKUP($A228,városok!$A$2:$C$346,2,0)-VLOOKUP(BN$1,városok!$A$2:$C$346,2,0))^2+(VLOOKUP($A228,városok!$A$2:$C$346,3,0)-VLOOKUP(BN$1,városok!$A$2:$C$346,3,0))^2)/1000,0)</f>
        <v>197</v>
      </c>
      <c r="BO228">
        <f ca="1">ROUND(SQRT((VLOOKUP($A228,városok!$A$2:$C$346,2,0)-VLOOKUP(BO$1,városok!$A$2:$C$346,2,0))^2+(VLOOKUP($A228,városok!$A$2:$C$346,3,0)-VLOOKUP(BO$1,városok!$A$2:$C$346,3,0))^2)/1000,0)</f>
        <v>97</v>
      </c>
      <c r="BP228">
        <f ca="1">ROUND(SQRT((VLOOKUP($A228,városok!$A$2:$C$346,2,0)-VLOOKUP(BP$1,városok!$A$2:$C$346,2,0))^2+(VLOOKUP($A228,városok!$A$2:$C$346,3,0)-VLOOKUP(BP$1,városok!$A$2:$C$346,3,0))^2)/1000,0)</f>
        <v>90</v>
      </c>
      <c r="BQ228">
        <f ca="1">ROUND(SQRT((VLOOKUP($A228,városok!$A$2:$C$346,2,0)-VLOOKUP(BQ$1,városok!$A$2:$C$346,2,0))^2+(VLOOKUP($A228,városok!$A$2:$C$346,3,0)-VLOOKUP(BQ$1,városok!$A$2:$C$346,3,0))^2)/1000,0)</f>
        <v>103</v>
      </c>
      <c r="BR228">
        <f ca="1">ROUND(SQRT((VLOOKUP($A228,városok!$A$2:$C$346,2,0)-VLOOKUP(BR$1,városok!$A$2:$C$346,2,0))^2+(VLOOKUP($A228,városok!$A$2:$C$346,3,0)-VLOOKUP(BR$1,városok!$A$2:$C$346,3,0))^2)/1000,0)</f>
        <v>161</v>
      </c>
      <c r="BS228">
        <f ca="1">ROUND(SQRT((VLOOKUP($A228,városok!$A$2:$C$346,2,0)-VLOOKUP(BS$1,városok!$A$2:$C$346,2,0))^2+(VLOOKUP($A228,városok!$A$2:$C$346,3,0)-VLOOKUP(BS$1,városok!$A$2:$C$346,3,0))^2)/1000,0)</f>
        <v>195</v>
      </c>
      <c r="BT228">
        <f ca="1">ROUND(SQRT((VLOOKUP($A228,városok!$A$2:$C$346,2,0)-VLOOKUP(BT$1,városok!$A$2:$C$346,2,0))^2+(VLOOKUP($A228,városok!$A$2:$C$346,3,0)-VLOOKUP(BT$1,városok!$A$2:$C$346,3,0))^2)/1000,0)</f>
        <v>189</v>
      </c>
    </row>
    <row r="229" spans="1:72" x14ac:dyDescent="0.2">
      <c r="A229" t="str">
        <f>városok!A229</f>
        <v>Őrbottyán</v>
      </c>
      <c r="B229">
        <f ca="1">ROUND(SQRT((VLOOKUP($A229,városok!$A$2:$C$346,2,0)-VLOOKUP(B$1,városok!$A$2:$C$346,2,0))^2+(VLOOKUP($A229,városok!$A$2:$C$346,3,0)-VLOOKUP(B$1,városok!$A$2:$C$346,3,0))^2)/1000,0)</f>
        <v>169</v>
      </c>
      <c r="C229">
        <f ca="1">ROUND(SQRT((VLOOKUP($A229,városok!$A$2:$C$346,2,0)-VLOOKUP(C$1,városok!$A$2:$C$346,2,0))^2+(VLOOKUP($A229,városok!$A$2:$C$346,3,0)-VLOOKUP(C$1,városok!$A$2:$C$346,3,0))^2)/1000,0)</f>
        <v>131</v>
      </c>
      <c r="D229">
        <f ca="1">ROUND(SQRT((VLOOKUP($A229,városok!$A$2:$C$346,2,0)-VLOOKUP(D$1,városok!$A$2:$C$346,2,0))^2+(VLOOKUP($A229,városok!$A$2:$C$346,3,0)-VLOOKUP(D$1,városok!$A$2:$C$346,3,0))^2)/1000,0)</f>
        <v>92</v>
      </c>
      <c r="E229">
        <f ca="1">ROUND(SQRT((VLOOKUP($A229,városok!$A$2:$C$346,2,0)-VLOOKUP(E$1,városok!$A$2:$C$346,2,0))^2+(VLOOKUP($A229,városok!$A$2:$C$346,3,0)-VLOOKUP(E$1,városok!$A$2:$C$346,3,0))^2)/1000,0)</f>
        <v>184</v>
      </c>
      <c r="F229">
        <f ca="1">ROUND(SQRT((VLOOKUP($A229,városok!$A$2:$C$346,2,0)-VLOOKUP(F$1,városok!$A$2:$C$346,2,0))^2+(VLOOKUP($A229,városok!$A$2:$C$346,3,0)-VLOOKUP(F$1,városok!$A$2:$C$346,3,0))^2)/1000,0)</f>
        <v>194</v>
      </c>
      <c r="G229">
        <f ca="1">ROUND(SQRT((VLOOKUP($A229,városok!$A$2:$C$346,2,0)-VLOOKUP(G$1,városok!$A$2:$C$346,2,0))^2+(VLOOKUP($A229,városok!$A$2:$C$346,3,0)-VLOOKUP(G$1,városok!$A$2:$C$346,3,0))^2)/1000,0)</f>
        <v>196</v>
      </c>
      <c r="H229">
        <f ca="1">ROUND(SQRT((VLOOKUP($A229,városok!$A$2:$C$346,2,0)-VLOOKUP(H$1,városok!$A$2:$C$346,2,0))^2+(VLOOKUP($A229,városok!$A$2:$C$346,3,0)-VLOOKUP(H$1,városok!$A$2:$C$346,3,0))^2)/1000,0)</f>
        <v>215</v>
      </c>
      <c r="I229">
        <f ca="1">ROUND(SQRT((VLOOKUP($A229,városok!$A$2:$C$346,2,0)-VLOOKUP(I$1,városok!$A$2:$C$346,2,0))^2+(VLOOKUP($A229,városok!$A$2:$C$346,3,0)-VLOOKUP(I$1,városok!$A$2:$C$346,3,0))^2)/1000,0)</f>
        <v>177</v>
      </c>
      <c r="J229">
        <f ca="1">ROUND(SQRT((VLOOKUP($A229,városok!$A$2:$C$346,2,0)-VLOOKUP(J$1,városok!$A$2:$C$346,2,0))^2+(VLOOKUP($A229,városok!$A$2:$C$346,3,0)-VLOOKUP(J$1,városok!$A$2:$C$346,3,0))^2)/1000,0)</f>
        <v>190</v>
      </c>
      <c r="K229">
        <f ca="1">ROUND(SQRT((VLOOKUP($A229,városok!$A$2:$C$346,2,0)-VLOOKUP(K$1,városok!$A$2:$C$346,2,0))^2+(VLOOKUP($A229,városok!$A$2:$C$346,3,0)-VLOOKUP(K$1,városok!$A$2:$C$346,3,0))^2)/1000,0)</f>
        <v>163</v>
      </c>
      <c r="L229">
        <f ca="1">ROUND(SQRT((VLOOKUP($A229,városok!$A$2:$C$346,2,0)-VLOOKUP(L$1,városok!$A$2:$C$346,2,0))^2+(VLOOKUP($A229,városok!$A$2:$C$346,3,0)-VLOOKUP(L$1,városok!$A$2:$C$346,3,0))^2)/1000,0)</f>
        <v>119</v>
      </c>
      <c r="M229">
        <f ca="1">ROUND(SQRT((VLOOKUP($A229,városok!$A$2:$C$346,2,0)-VLOOKUP(M$1,városok!$A$2:$C$346,2,0))^2+(VLOOKUP($A229,városok!$A$2:$C$346,3,0)-VLOOKUP(M$1,városok!$A$2:$C$346,3,0))^2)/1000,0)</f>
        <v>122</v>
      </c>
      <c r="N229">
        <f ca="1">ROUND(SQRT((VLOOKUP($A229,városok!$A$2:$C$346,2,0)-VLOOKUP(N$1,városok!$A$2:$C$346,2,0))^2+(VLOOKUP($A229,városok!$A$2:$C$346,3,0)-VLOOKUP(N$1,városok!$A$2:$C$346,3,0))^2)/1000,0)</f>
        <v>96</v>
      </c>
      <c r="O229">
        <f ca="1">ROUND(SQRT((VLOOKUP($A229,városok!$A$2:$C$346,2,0)-VLOOKUP(O$1,városok!$A$2:$C$346,2,0))^2+(VLOOKUP($A229,városok!$A$2:$C$346,3,0)-VLOOKUP(O$1,városok!$A$2:$C$346,3,0))^2)/1000,0)</f>
        <v>193</v>
      </c>
      <c r="P229">
        <f ca="1">ROUND(SQRT((VLOOKUP($A229,városok!$A$2:$C$346,2,0)-VLOOKUP(P$1,városok!$A$2:$C$346,2,0))^2+(VLOOKUP($A229,városok!$A$2:$C$346,3,0)-VLOOKUP(P$1,városok!$A$2:$C$346,3,0))^2)/1000,0)</f>
        <v>193</v>
      </c>
      <c r="Q229">
        <f ca="1">ROUND(SQRT((VLOOKUP($A229,városok!$A$2:$C$346,2,0)-VLOOKUP(Q$1,városok!$A$2:$C$346,2,0))^2+(VLOOKUP($A229,városok!$A$2:$C$346,3,0)-VLOOKUP(Q$1,városok!$A$2:$C$346,3,0))^2)/1000,0)</f>
        <v>161</v>
      </c>
      <c r="R229">
        <f ca="1">ROUND(SQRT((VLOOKUP($A229,városok!$A$2:$C$346,2,0)-VLOOKUP(R$1,városok!$A$2:$C$346,2,0))^2+(VLOOKUP($A229,városok!$A$2:$C$346,3,0)-VLOOKUP(R$1,városok!$A$2:$C$346,3,0))^2)/1000,0)</f>
        <v>187</v>
      </c>
      <c r="S229">
        <f ca="1">ROUND(SQRT((VLOOKUP($A229,városok!$A$2:$C$346,2,0)-VLOOKUP(S$1,városok!$A$2:$C$346,2,0))^2+(VLOOKUP($A229,városok!$A$2:$C$346,3,0)-VLOOKUP(S$1,városok!$A$2:$C$346,3,0))^2)/1000,0)</f>
        <v>173</v>
      </c>
      <c r="T229">
        <f ca="1">ROUND(SQRT((VLOOKUP($A229,városok!$A$2:$C$346,2,0)-VLOOKUP(T$1,városok!$A$2:$C$346,2,0))^2+(VLOOKUP($A229,városok!$A$2:$C$346,3,0)-VLOOKUP(T$1,városok!$A$2:$C$346,3,0))^2)/1000,0)</f>
        <v>54</v>
      </c>
      <c r="U229">
        <f ca="1">ROUND(SQRT((VLOOKUP($A229,városok!$A$2:$C$346,2,0)-VLOOKUP(U$1,városok!$A$2:$C$346,2,0))^2+(VLOOKUP($A229,városok!$A$2:$C$346,3,0)-VLOOKUP(U$1,városok!$A$2:$C$346,3,0))^2)/1000,0)</f>
        <v>84</v>
      </c>
      <c r="V229">
        <f ca="1">ROUND(SQRT((VLOOKUP($A229,városok!$A$2:$C$346,2,0)-VLOOKUP(V$1,városok!$A$2:$C$346,2,0))^2+(VLOOKUP($A229,városok!$A$2:$C$346,3,0)-VLOOKUP(V$1,városok!$A$2:$C$346,3,0))^2)/1000,0)</f>
        <v>102</v>
      </c>
      <c r="W229">
        <f ca="1">ROUND(SQRT((VLOOKUP($A229,városok!$A$2:$C$346,2,0)-VLOOKUP(W$1,városok!$A$2:$C$346,2,0))^2+(VLOOKUP($A229,városok!$A$2:$C$346,3,0)-VLOOKUP(W$1,városok!$A$2:$C$346,3,0))^2)/1000,0)</f>
        <v>102</v>
      </c>
      <c r="X229">
        <f ca="1">ROUND(SQRT((VLOOKUP($A229,városok!$A$2:$C$346,2,0)-VLOOKUP(X$1,városok!$A$2:$C$346,2,0))^2+(VLOOKUP($A229,városok!$A$2:$C$346,3,0)-VLOOKUP(X$1,városok!$A$2:$C$346,3,0))^2)/1000,0)</f>
        <v>85</v>
      </c>
      <c r="Y229">
        <f ca="1">ROUND(SQRT((VLOOKUP($A229,városok!$A$2:$C$346,2,0)-VLOOKUP(Y$1,városok!$A$2:$C$346,2,0))^2+(VLOOKUP($A229,városok!$A$2:$C$346,3,0)-VLOOKUP(Y$1,városok!$A$2:$C$346,3,0))^2)/1000,0)</f>
        <v>124</v>
      </c>
      <c r="Z229">
        <f ca="1">ROUND(SQRT((VLOOKUP($A229,városok!$A$2:$C$346,2,0)-VLOOKUP(Z$1,városok!$A$2:$C$346,2,0))^2+(VLOOKUP($A229,városok!$A$2:$C$346,3,0)-VLOOKUP(Z$1,városok!$A$2:$C$346,3,0))^2)/1000,0)</f>
        <v>142</v>
      </c>
      <c r="AA229">
        <f ca="1">ROUND(SQRT((VLOOKUP($A229,városok!$A$2:$C$346,2,0)-VLOOKUP(AA$1,városok!$A$2:$C$346,2,0))^2+(VLOOKUP($A229,városok!$A$2:$C$346,3,0)-VLOOKUP(AA$1,városok!$A$2:$C$346,3,0))^2)/1000,0)</f>
        <v>203</v>
      </c>
      <c r="AB229">
        <f ca="1">ROUND(SQRT((VLOOKUP($A229,városok!$A$2:$C$346,2,0)-VLOOKUP(AB$1,városok!$A$2:$C$346,2,0))^2+(VLOOKUP($A229,városok!$A$2:$C$346,3,0)-VLOOKUP(AB$1,városok!$A$2:$C$346,3,0))^2)/1000,0)</f>
        <v>177</v>
      </c>
      <c r="AC229">
        <f ca="1">ROUND(SQRT((VLOOKUP($A229,városok!$A$2:$C$346,2,0)-VLOOKUP(AC$1,városok!$A$2:$C$346,2,0))^2+(VLOOKUP($A229,városok!$A$2:$C$346,3,0)-VLOOKUP(AC$1,városok!$A$2:$C$346,3,0))^2)/1000,0)</f>
        <v>161</v>
      </c>
      <c r="AD229">
        <f ca="1">ROUND(SQRT((VLOOKUP($A229,városok!$A$2:$C$346,2,0)-VLOOKUP(AD$1,városok!$A$2:$C$346,2,0))^2+(VLOOKUP($A229,városok!$A$2:$C$346,3,0)-VLOOKUP(AD$1,városok!$A$2:$C$346,3,0))^2)/1000,0)</f>
        <v>144</v>
      </c>
      <c r="AE229">
        <f ca="1">ROUND(SQRT((VLOOKUP($A229,városok!$A$2:$C$346,2,0)-VLOOKUP(AE$1,városok!$A$2:$C$346,2,0))^2+(VLOOKUP($A229,városok!$A$2:$C$346,3,0)-VLOOKUP(AE$1,városok!$A$2:$C$346,3,0))^2)/1000,0)</f>
        <v>149</v>
      </c>
      <c r="AF229">
        <f ca="1">ROUND(SQRT((VLOOKUP($A229,városok!$A$2:$C$346,2,0)-VLOOKUP(AF$1,városok!$A$2:$C$346,2,0))^2+(VLOOKUP($A229,városok!$A$2:$C$346,3,0)-VLOOKUP(AF$1,városok!$A$2:$C$346,3,0))^2)/1000,0)</f>
        <v>85</v>
      </c>
      <c r="AG229">
        <f ca="1">ROUND(SQRT((VLOOKUP($A229,városok!$A$2:$C$346,2,0)-VLOOKUP(AG$1,városok!$A$2:$C$346,2,0))^2+(VLOOKUP($A229,városok!$A$2:$C$346,3,0)-VLOOKUP(AG$1,városok!$A$2:$C$346,3,0))^2)/1000,0)</f>
        <v>49</v>
      </c>
      <c r="AH229">
        <f ca="1">ROUND(SQRT((VLOOKUP($A229,városok!$A$2:$C$346,2,0)-VLOOKUP(AH$1,városok!$A$2:$C$346,2,0))^2+(VLOOKUP($A229,városok!$A$2:$C$346,3,0)-VLOOKUP(AH$1,városok!$A$2:$C$346,3,0))^2)/1000,0)</f>
        <v>30</v>
      </c>
      <c r="AI229">
        <f ca="1">ROUND(SQRT((VLOOKUP($A229,városok!$A$2:$C$346,2,0)-VLOOKUP(AI$1,városok!$A$2:$C$346,2,0))^2+(VLOOKUP($A229,városok!$A$2:$C$346,3,0)-VLOOKUP(AI$1,városok!$A$2:$C$346,3,0))^2)/1000,0)</f>
        <v>71</v>
      </c>
      <c r="AJ229">
        <f ca="1">ROUND(SQRT((VLOOKUP($A229,városok!$A$2:$C$346,2,0)-VLOOKUP(AJ$1,városok!$A$2:$C$346,2,0))^2+(VLOOKUP($A229,városok!$A$2:$C$346,3,0)-VLOOKUP(AJ$1,városok!$A$2:$C$346,3,0))^2)/1000,0)</f>
        <v>52</v>
      </c>
      <c r="AK229">
        <f ca="1">ROUND(SQRT((VLOOKUP($A229,városok!$A$2:$C$346,2,0)-VLOOKUP(AK$1,városok!$A$2:$C$346,2,0))^2+(VLOOKUP($A229,városok!$A$2:$C$346,3,0)-VLOOKUP(AK$1,városok!$A$2:$C$346,3,0))^2)/1000,0)</f>
        <v>135</v>
      </c>
      <c r="AL229">
        <f ca="1">ROUND(SQRT((VLOOKUP($A229,városok!$A$2:$C$346,2,0)-VLOOKUP(AL$1,városok!$A$2:$C$346,2,0))^2+(VLOOKUP($A229,városok!$A$2:$C$346,3,0)-VLOOKUP(AL$1,városok!$A$2:$C$346,3,0))^2)/1000,0)</f>
        <v>107</v>
      </c>
      <c r="AM229">
        <f ca="1">ROUND(SQRT((VLOOKUP($A229,városok!$A$2:$C$346,2,0)-VLOOKUP(AM$1,városok!$A$2:$C$346,2,0))^2+(VLOOKUP($A229,városok!$A$2:$C$346,3,0)-VLOOKUP(AM$1,városok!$A$2:$C$346,3,0))^2)/1000,0)</f>
        <v>88</v>
      </c>
      <c r="AN229">
        <f ca="1">ROUND(SQRT((VLOOKUP($A229,városok!$A$2:$C$346,2,0)-VLOOKUP(AN$1,városok!$A$2:$C$346,2,0))^2+(VLOOKUP($A229,városok!$A$2:$C$346,3,0)-VLOOKUP(AN$1,városok!$A$2:$C$346,3,0))^2)/1000,0)</f>
        <v>42</v>
      </c>
      <c r="AO229">
        <f ca="1">ROUND(SQRT((VLOOKUP($A229,városok!$A$2:$C$346,2,0)-VLOOKUP(AO$1,városok!$A$2:$C$346,2,0))^2+(VLOOKUP($A229,városok!$A$2:$C$346,3,0)-VLOOKUP(AO$1,városok!$A$2:$C$346,3,0))^2)/1000,0)</f>
        <v>87</v>
      </c>
      <c r="AP229">
        <f ca="1">ROUND(SQRT((VLOOKUP($A229,városok!$A$2:$C$346,2,0)-VLOOKUP(AP$1,városok!$A$2:$C$346,2,0))^2+(VLOOKUP($A229,városok!$A$2:$C$346,3,0)-VLOOKUP(AP$1,városok!$A$2:$C$346,3,0))^2)/1000,0)</f>
        <v>72</v>
      </c>
      <c r="AQ229">
        <f ca="1">ROUND(SQRT((VLOOKUP($A229,városok!$A$2:$C$346,2,0)-VLOOKUP(AQ$1,városok!$A$2:$C$346,2,0))^2+(VLOOKUP($A229,városok!$A$2:$C$346,3,0)-VLOOKUP(AQ$1,városok!$A$2:$C$346,3,0))^2)/1000,0)</f>
        <v>67</v>
      </c>
      <c r="AR229">
        <f ca="1">ROUND(SQRT((VLOOKUP($A229,városok!$A$2:$C$346,2,0)-VLOOKUP(AR$1,városok!$A$2:$C$346,2,0))^2+(VLOOKUP($A229,városok!$A$2:$C$346,3,0)-VLOOKUP(AR$1,városok!$A$2:$C$346,3,0))^2)/1000,0)</f>
        <v>40</v>
      </c>
      <c r="AS229">
        <f ca="1">ROUND(SQRT((VLOOKUP($A229,városok!$A$2:$C$346,2,0)-VLOOKUP(AS$1,városok!$A$2:$C$346,2,0))^2+(VLOOKUP($A229,városok!$A$2:$C$346,3,0)-VLOOKUP(AS$1,városok!$A$2:$C$346,3,0))^2)/1000,0)</f>
        <v>62</v>
      </c>
      <c r="AT229">
        <f ca="1">ROUND(SQRT((VLOOKUP($A229,városok!$A$2:$C$346,2,0)-VLOOKUP(AT$1,városok!$A$2:$C$346,2,0))^2+(VLOOKUP($A229,városok!$A$2:$C$346,3,0)-VLOOKUP(AT$1,városok!$A$2:$C$346,3,0))^2)/1000,0)</f>
        <v>42</v>
      </c>
      <c r="AU229">
        <f ca="1">ROUND(SQRT((VLOOKUP($A229,városok!$A$2:$C$346,2,0)-VLOOKUP(AU$1,városok!$A$2:$C$346,2,0))^2+(VLOOKUP($A229,városok!$A$2:$C$346,3,0)-VLOOKUP(AU$1,városok!$A$2:$C$346,3,0))^2)/1000,0)</f>
        <v>35</v>
      </c>
      <c r="AV229">
        <f ca="1">ROUND(SQRT((VLOOKUP($A229,városok!$A$2:$C$346,2,0)-VLOOKUP(AV$1,városok!$A$2:$C$346,2,0))^2+(VLOOKUP($A229,városok!$A$2:$C$346,3,0)-VLOOKUP(AV$1,városok!$A$2:$C$346,3,0))^2)/1000,0)</f>
        <v>40</v>
      </c>
      <c r="AW229">
        <f ca="1">ROUND(SQRT((VLOOKUP($A229,városok!$A$2:$C$346,2,0)-VLOOKUP(AW$1,városok!$A$2:$C$346,2,0))^2+(VLOOKUP($A229,városok!$A$2:$C$346,3,0)-VLOOKUP(AW$1,városok!$A$2:$C$346,3,0))^2)/1000,0)</f>
        <v>43</v>
      </c>
      <c r="AX229">
        <f ca="1">ROUND(SQRT((VLOOKUP($A229,városok!$A$2:$C$346,2,0)-VLOOKUP(AX$1,városok!$A$2:$C$346,2,0))^2+(VLOOKUP($A229,városok!$A$2:$C$346,3,0)-VLOOKUP(AX$1,városok!$A$2:$C$346,3,0))^2)/1000,0)</f>
        <v>82</v>
      </c>
      <c r="AY229">
        <f ca="1">ROUND(SQRT((VLOOKUP($A229,városok!$A$2:$C$346,2,0)-VLOOKUP(AY$1,városok!$A$2:$C$346,2,0))^2+(VLOOKUP($A229,városok!$A$2:$C$346,3,0)-VLOOKUP(AY$1,városok!$A$2:$C$346,3,0))^2)/1000,0)</f>
        <v>17</v>
      </c>
      <c r="AZ229">
        <f ca="1">ROUND(SQRT((VLOOKUP($A229,városok!$A$2:$C$346,2,0)-VLOOKUP(AZ$1,városok!$A$2:$C$346,2,0))^2+(VLOOKUP($A229,városok!$A$2:$C$346,3,0)-VLOOKUP(AZ$1,városok!$A$2:$C$346,3,0))^2)/1000,0)</f>
        <v>26</v>
      </c>
      <c r="BA229">
        <f ca="1">ROUND(SQRT((VLOOKUP($A229,városok!$A$2:$C$346,2,0)-VLOOKUP(BA$1,városok!$A$2:$C$346,2,0))^2+(VLOOKUP($A229,városok!$A$2:$C$346,3,0)-VLOOKUP(BA$1,városok!$A$2:$C$346,3,0))^2)/1000,0)</f>
        <v>156</v>
      </c>
      <c r="BB229">
        <f ca="1">ROUND(SQRT((VLOOKUP($A229,városok!$A$2:$C$346,2,0)-VLOOKUP(BB$1,városok!$A$2:$C$346,2,0))^2+(VLOOKUP($A229,városok!$A$2:$C$346,3,0)-VLOOKUP(BB$1,városok!$A$2:$C$346,3,0))^2)/1000,0)</f>
        <v>163</v>
      </c>
      <c r="BC229">
        <f ca="1">ROUND(SQRT((VLOOKUP($A229,városok!$A$2:$C$346,2,0)-VLOOKUP(BC$1,városok!$A$2:$C$346,2,0))^2+(VLOOKUP($A229,városok!$A$2:$C$346,3,0)-VLOOKUP(BC$1,városok!$A$2:$C$346,3,0))^2)/1000,0)</f>
        <v>186</v>
      </c>
      <c r="BD229">
        <f ca="1">ROUND(SQRT((VLOOKUP($A229,városok!$A$2:$C$346,2,0)-VLOOKUP(BD$1,városok!$A$2:$C$346,2,0))^2+(VLOOKUP($A229,városok!$A$2:$C$346,3,0)-VLOOKUP(BD$1,városok!$A$2:$C$346,3,0))^2)/1000,0)</f>
        <v>126</v>
      </c>
      <c r="BE229">
        <f ca="1">ROUND(SQRT((VLOOKUP($A229,városok!$A$2:$C$346,2,0)-VLOOKUP(BE$1,városok!$A$2:$C$346,2,0))^2+(VLOOKUP($A229,városok!$A$2:$C$346,3,0)-VLOOKUP(BE$1,városok!$A$2:$C$346,3,0))^2)/1000,0)</f>
        <v>254</v>
      </c>
      <c r="BF229">
        <f ca="1">ROUND(SQRT((VLOOKUP($A229,városok!$A$2:$C$346,2,0)-VLOOKUP(BF$1,városok!$A$2:$C$346,2,0))^2+(VLOOKUP($A229,városok!$A$2:$C$346,3,0)-VLOOKUP(BF$1,városok!$A$2:$C$346,3,0))^2)/1000,0)</f>
        <v>217</v>
      </c>
      <c r="BG229">
        <f ca="1">ROUND(SQRT((VLOOKUP($A229,városok!$A$2:$C$346,2,0)-VLOOKUP(BG$1,városok!$A$2:$C$346,2,0))^2+(VLOOKUP($A229,városok!$A$2:$C$346,3,0)-VLOOKUP(BG$1,városok!$A$2:$C$346,3,0))^2)/1000,0)</f>
        <v>170</v>
      </c>
      <c r="BH229">
        <f ca="1">ROUND(SQRT((VLOOKUP($A229,városok!$A$2:$C$346,2,0)-VLOOKUP(BH$1,városok!$A$2:$C$346,2,0))^2+(VLOOKUP($A229,városok!$A$2:$C$346,3,0)-VLOOKUP(BH$1,városok!$A$2:$C$346,3,0))^2)/1000,0)</f>
        <v>170</v>
      </c>
      <c r="BI229">
        <f ca="1">ROUND(SQRT((VLOOKUP($A229,városok!$A$2:$C$346,2,0)-VLOOKUP(BI$1,városok!$A$2:$C$346,2,0))^2+(VLOOKUP($A229,városok!$A$2:$C$346,3,0)-VLOOKUP(BI$1,városok!$A$2:$C$346,3,0))^2)/1000,0)</f>
        <v>152</v>
      </c>
      <c r="BJ229">
        <f ca="1">ROUND(SQRT((VLOOKUP($A229,városok!$A$2:$C$346,2,0)-VLOOKUP(BJ$1,városok!$A$2:$C$346,2,0))^2+(VLOOKUP($A229,városok!$A$2:$C$346,3,0)-VLOOKUP(BJ$1,városok!$A$2:$C$346,3,0))^2)/1000,0)</f>
        <v>168</v>
      </c>
      <c r="BK229">
        <f ca="1">ROUND(SQRT((VLOOKUP($A229,városok!$A$2:$C$346,2,0)-VLOOKUP(BK$1,városok!$A$2:$C$346,2,0))^2+(VLOOKUP($A229,városok!$A$2:$C$346,3,0)-VLOOKUP(BK$1,városok!$A$2:$C$346,3,0))^2)/1000,0)</f>
        <v>155</v>
      </c>
      <c r="BL229">
        <f ca="1">ROUND(SQRT((VLOOKUP($A229,városok!$A$2:$C$346,2,0)-VLOOKUP(BL$1,városok!$A$2:$C$346,2,0))^2+(VLOOKUP($A229,városok!$A$2:$C$346,3,0)-VLOOKUP(BL$1,városok!$A$2:$C$346,3,0))^2)/1000,0)</f>
        <v>216</v>
      </c>
      <c r="BM229">
        <f ca="1">ROUND(SQRT((VLOOKUP($A229,városok!$A$2:$C$346,2,0)-VLOOKUP(BM$1,városok!$A$2:$C$346,2,0))^2+(VLOOKUP($A229,városok!$A$2:$C$346,3,0)-VLOOKUP(BM$1,városok!$A$2:$C$346,3,0))^2)/1000,0)</f>
        <v>184</v>
      </c>
      <c r="BN229">
        <f ca="1">ROUND(SQRT((VLOOKUP($A229,városok!$A$2:$C$346,2,0)-VLOOKUP(BN$1,városok!$A$2:$C$346,2,0))^2+(VLOOKUP($A229,városok!$A$2:$C$346,3,0)-VLOOKUP(BN$1,városok!$A$2:$C$346,3,0))^2)/1000,0)</f>
        <v>207</v>
      </c>
      <c r="BO229">
        <f ca="1">ROUND(SQRT((VLOOKUP($A229,városok!$A$2:$C$346,2,0)-VLOOKUP(BO$1,városok!$A$2:$C$346,2,0))^2+(VLOOKUP($A229,városok!$A$2:$C$346,3,0)-VLOOKUP(BO$1,városok!$A$2:$C$346,3,0))^2)/1000,0)</f>
        <v>121</v>
      </c>
      <c r="BP229">
        <f ca="1">ROUND(SQRT((VLOOKUP($A229,városok!$A$2:$C$346,2,0)-VLOOKUP(BP$1,városok!$A$2:$C$346,2,0))^2+(VLOOKUP($A229,városok!$A$2:$C$346,3,0)-VLOOKUP(BP$1,városok!$A$2:$C$346,3,0))^2)/1000,0)</f>
        <v>114</v>
      </c>
      <c r="BQ229">
        <f ca="1">ROUND(SQRT((VLOOKUP($A229,városok!$A$2:$C$346,2,0)-VLOOKUP(BQ$1,városok!$A$2:$C$346,2,0))^2+(VLOOKUP($A229,városok!$A$2:$C$346,3,0)-VLOOKUP(BQ$1,városok!$A$2:$C$346,3,0))^2)/1000,0)</f>
        <v>123</v>
      </c>
      <c r="BR229">
        <f ca="1">ROUND(SQRT((VLOOKUP($A229,városok!$A$2:$C$346,2,0)-VLOOKUP(BR$1,városok!$A$2:$C$346,2,0))^2+(VLOOKUP($A229,városok!$A$2:$C$346,3,0)-VLOOKUP(BR$1,városok!$A$2:$C$346,3,0))^2)/1000,0)</f>
        <v>184</v>
      </c>
      <c r="BS229">
        <f ca="1">ROUND(SQRT((VLOOKUP($A229,városok!$A$2:$C$346,2,0)-VLOOKUP(BS$1,városok!$A$2:$C$346,2,0))^2+(VLOOKUP($A229,városok!$A$2:$C$346,3,0)-VLOOKUP(BS$1,városok!$A$2:$C$346,3,0))^2)/1000,0)</f>
        <v>222</v>
      </c>
      <c r="BT229">
        <f ca="1">ROUND(SQRT((VLOOKUP($A229,városok!$A$2:$C$346,2,0)-VLOOKUP(BT$1,városok!$A$2:$C$346,2,0))^2+(VLOOKUP($A229,városok!$A$2:$C$346,3,0)-VLOOKUP(BT$1,városok!$A$2:$C$346,3,0))^2)/1000,0)</f>
        <v>208</v>
      </c>
    </row>
    <row r="230" spans="1:72" x14ac:dyDescent="0.2">
      <c r="A230" t="str">
        <f>városok!A230</f>
        <v>Örkény</v>
      </c>
      <c r="B230">
        <f ca="1">ROUND(SQRT((VLOOKUP($A230,városok!$A$2:$C$346,2,0)-VLOOKUP(B$1,városok!$A$2:$C$346,2,0))^2+(VLOOKUP($A230,városok!$A$2:$C$346,3,0)-VLOOKUP(B$1,városok!$A$2:$C$346,3,0))^2)/1000,0)</f>
        <v>111</v>
      </c>
      <c r="C230">
        <f ca="1">ROUND(SQRT((VLOOKUP($A230,városok!$A$2:$C$346,2,0)-VLOOKUP(C$1,városok!$A$2:$C$346,2,0))^2+(VLOOKUP($A230,városok!$A$2:$C$346,3,0)-VLOOKUP(C$1,városok!$A$2:$C$346,3,0))^2)/1000,0)</f>
        <v>75</v>
      </c>
      <c r="D230">
        <f ca="1">ROUND(SQRT((VLOOKUP($A230,városok!$A$2:$C$346,2,0)-VLOOKUP(D$1,városok!$A$2:$C$346,2,0))^2+(VLOOKUP($A230,városok!$A$2:$C$346,3,0)-VLOOKUP(D$1,városok!$A$2:$C$346,3,0))^2)/1000,0)</f>
        <v>32</v>
      </c>
      <c r="E230">
        <f ca="1">ROUND(SQRT((VLOOKUP($A230,városok!$A$2:$C$346,2,0)-VLOOKUP(E$1,városok!$A$2:$C$346,2,0))^2+(VLOOKUP($A230,városok!$A$2:$C$346,3,0)-VLOOKUP(E$1,városok!$A$2:$C$346,3,0))^2)/1000,0)</f>
        <v>138</v>
      </c>
      <c r="F230">
        <f ca="1">ROUND(SQRT((VLOOKUP($A230,városok!$A$2:$C$346,2,0)-VLOOKUP(F$1,városok!$A$2:$C$346,2,0))^2+(VLOOKUP($A230,városok!$A$2:$C$346,3,0)-VLOOKUP(F$1,városok!$A$2:$C$346,3,0))^2)/1000,0)</f>
        <v>139</v>
      </c>
      <c r="G230">
        <f ca="1">ROUND(SQRT((VLOOKUP($A230,városok!$A$2:$C$346,2,0)-VLOOKUP(G$1,városok!$A$2:$C$346,2,0))^2+(VLOOKUP($A230,városok!$A$2:$C$346,3,0)-VLOOKUP(G$1,városok!$A$2:$C$346,3,0))^2)/1000,0)</f>
        <v>148</v>
      </c>
      <c r="H230">
        <f ca="1">ROUND(SQRT((VLOOKUP($A230,városok!$A$2:$C$346,2,0)-VLOOKUP(H$1,városok!$A$2:$C$346,2,0))^2+(VLOOKUP($A230,városok!$A$2:$C$346,3,0)-VLOOKUP(H$1,városok!$A$2:$C$346,3,0))^2)/1000,0)</f>
        <v>174</v>
      </c>
      <c r="I230">
        <f ca="1">ROUND(SQRT((VLOOKUP($A230,városok!$A$2:$C$346,2,0)-VLOOKUP(I$1,városok!$A$2:$C$346,2,0))^2+(VLOOKUP($A230,városok!$A$2:$C$346,3,0)-VLOOKUP(I$1,városok!$A$2:$C$346,3,0))^2)/1000,0)</f>
        <v>135</v>
      </c>
      <c r="J230">
        <f ca="1">ROUND(SQRT((VLOOKUP($A230,városok!$A$2:$C$346,2,0)-VLOOKUP(J$1,városok!$A$2:$C$346,2,0))^2+(VLOOKUP($A230,városok!$A$2:$C$346,3,0)-VLOOKUP(J$1,városok!$A$2:$C$346,3,0))^2)/1000,0)</f>
        <v>151</v>
      </c>
      <c r="K230">
        <f ca="1">ROUND(SQRT((VLOOKUP($A230,városok!$A$2:$C$346,2,0)-VLOOKUP(K$1,városok!$A$2:$C$346,2,0))^2+(VLOOKUP($A230,városok!$A$2:$C$346,3,0)-VLOOKUP(K$1,városok!$A$2:$C$346,3,0))^2)/1000,0)</f>
        <v>113</v>
      </c>
      <c r="L230">
        <f ca="1">ROUND(SQRT((VLOOKUP($A230,városok!$A$2:$C$346,2,0)-VLOOKUP(L$1,városok!$A$2:$C$346,2,0))^2+(VLOOKUP($A230,városok!$A$2:$C$346,3,0)-VLOOKUP(L$1,városok!$A$2:$C$346,3,0))^2)/1000,0)</f>
        <v>154</v>
      </c>
      <c r="M230">
        <f ca="1">ROUND(SQRT((VLOOKUP($A230,városok!$A$2:$C$346,2,0)-VLOOKUP(M$1,városok!$A$2:$C$346,2,0))^2+(VLOOKUP($A230,városok!$A$2:$C$346,3,0)-VLOOKUP(M$1,városok!$A$2:$C$346,3,0))^2)/1000,0)</f>
        <v>149</v>
      </c>
      <c r="N230">
        <f ca="1">ROUND(SQRT((VLOOKUP($A230,városok!$A$2:$C$346,2,0)-VLOOKUP(N$1,városok!$A$2:$C$346,2,0))^2+(VLOOKUP($A230,városok!$A$2:$C$346,3,0)-VLOOKUP(N$1,városok!$A$2:$C$346,3,0))^2)/1000,0)</f>
        <v>138</v>
      </c>
      <c r="O230">
        <f ca="1">ROUND(SQRT((VLOOKUP($A230,városok!$A$2:$C$346,2,0)-VLOOKUP(O$1,városok!$A$2:$C$346,2,0))^2+(VLOOKUP($A230,városok!$A$2:$C$346,3,0)-VLOOKUP(O$1,városok!$A$2:$C$346,3,0))^2)/1000,0)</f>
        <v>218</v>
      </c>
      <c r="P230">
        <f ca="1">ROUND(SQRT((VLOOKUP($A230,városok!$A$2:$C$346,2,0)-VLOOKUP(P$1,városok!$A$2:$C$346,2,0))^2+(VLOOKUP($A230,városok!$A$2:$C$346,3,0)-VLOOKUP(P$1,városok!$A$2:$C$346,3,0))^2)/1000,0)</f>
        <v>218</v>
      </c>
      <c r="Q230">
        <f ca="1">ROUND(SQRT((VLOOKUP($A230,városok!$A$2:$C$346,2,0)-VLOOKUP(Q$1,városok!$A$2:$C$346,2,0))^2+(VLOOKUP($A230,városok!$A$2:$C$346,3,0)-VLOOKUP(Q$1,városok!$A$2:$C$346,3,0))^2)/1000,0)</f>
        <v>104</v>
      </c>
      <c r="R230">
        <f ca="1">ROUND(SQRT((VLOOKUP($A230,városok!$A$2:$C$346,2,0)-VLOOKUP(R$1,városok!$A$2:$C$346,2,0))^2+(VLOOKUP($A230,városok!$A$2:$C$346,3,0)-VLOOKUP(R$1,városok!$A$2:$C$346,3,0))^2)/1000,0)</f>
        <v>129</v>
      </c>
      <c r="S230">
        <f ca="1">ROUND(SQRT((VLOOKUP($A230,városok!$A$2:$C$346,2,0)-VLOOKUP(S$1,városok!$A$2:$C$346,2,0))^2+(VLOOKUP($A230,városok!$A$2:$C$346,3,0)-VLOOKUP(S$1,városok!$A$2:$C$346,3,0))^2)/1000,0)</f>
        <v>113</v>
      </c>
      <c r="T230">
        <f ca="1">ROUND(SQRT((VLOOKUP($A230,városok!$A$2:$C$346,2,0)-VLOOKUP(T$1,városok!$A$2:$C$346,2,0))^2+(VLOOKUP($A230,városok!$A$2:$C$346,3,0)-VLOOKUP(T$1,városok!$A$2:$C$346,3,0))^2)/1000,0)</f>
        <v>72</v>
      </c>
      <c r="U230">
        <f ca="1">ROUND(SQRT((VLOOKUP($A230,városok!$A$2:$C$346,2,0)-VLOOKUP(U$1,városok!$A$2:$C$346,2,0))^2+(VLOOKUP($A230,városok!$A$2:$C$346,3,0)-VLOOKUP(U$1,városok!$A$2:$C$346,3,0))^2)/1000,0)</f>
        <v>42</v>
      </c>
      <c r="V230">
        <f ca="1">ROUND(SQRT((VLOOKUP($A230,városok!$A$2:$C$346,2,0)-VLOOKUP(V$1,városok!$A$2:$C$346,2,0))^2+(VLOOKUP($A230,városok!$A$2:$C$346,3,0)-VLOOKUP(V$1,városok!$A$2:$C$346,3,0))^2)/1000,0)</f>
        <v>86</v>
      </c>
      <c r="W230">
        <f ca="1">ROUND(SQRT((VLOOKUP($A230,városok!$A$2:$C$346,2,0)-VLOOKUP(W$1,városok!$A$2:$C$346,2,0))^2+(VLOOKUP($A230,városok!$A$2:$C$346,3,0)-VLOOKUP(W$1,városok!$A$2:$C$346,3,0))^2)/1000,0)</f>
        <v>67</v>
      </c>
      <c r="X230">
        <f ca="1">ROUND(SQRT((VLOOKUP($A230,városok!$A$2:$C$346,2,0)-VLOOKUP(X$1,városok!$A$2:$C$346,2,0))^2+(VLOOKUP($A230,városok!$A$2:$C$346,3,0)-VLOOKUP(X$1,városok!$A$2:$C$346,3,0))^2)/1000,0)</f>
        <v>86</v>
      </c>
      <c r="Y230">
        <f ca="1">ROUND(SQRT((VLOOKUP($A230,városok!$A$2:$C$346,2,0)-VLOOKUP(Y$1,városok!$A$2:$C$346,2,0))^2+(VLOOKUP($A230,városok!$A$2:$C$346,3,0)-VLOOKUP(Y$1,városok!$A$2:$C$346,3,0))^2)/1000,0)</f>
        <v>149</v>
      </c>
      <c r="Z230">
        <f ca="1">ROUND(SQRT((VLOOKUP($A230,városok!$A$2:$C$346,2,0)-VLOOKUP(Z$1,városok!$A$2:$C$346,2,0))^2+(VLOOKUP($A230,városok!$A$2:$C$346,3,0)-VLOOKUP(Z$1,városok!$A$2:$C$346,3,0))^2)/1000,0)</f>
        <v>168</v>
      </c>
      <c r="AA230">
        <f ca="1">ROUND(SQRT((VLOOKUP($A230,városok!$A$2:$C$346,2,0)-VLOOKUP(AA$1,városok!$A$2:$C$346,2,0))^2+(VLOOKUP($A230,városok!$A$2:$C$346,3,0)-VLOOKUP(AA$1,városok!$A$2:$C$346,3,0))^2)/1000,0)</f>
        <v>224</v>
      </c>
      <c r="AB230">
        <f ca="1">ROUND(SQRT((VLOOKUP($A230,városok!$A$2:$C$346,2,0)-VLOOKUP(AB$1,városok!$A$2:$C$346,2,0))^2+(VLOOKUP($A230,városok!$A$2:$C$346,3,0)-VLOOKUP(AB$1,városok!$A$2:$C$346,3,0))^2)/1000,0)</f>
        <v>172</v>
      </c>
      <c r="AC230">
        <f ca="1">ROUND(SQRT((VLOOKUP($A230,városok!$A$2:$C$346,2,0)-VLOOKUP(AC$1,városok!$A$2:$C$346,2,0))^2+(VLOOKUP($A230,városok!$A$2:$C$346,3,0)-VLOOKUP(AC$1,városok!$A$2:$C$346,3,0))^2)/1000,0)</f>
        <v>153</v>
      </c>
      <c r="AD230">
        <f ca="1">ROUND(SQRT((VLOOKUP($A230,városok!$A$2:$C$346,2,0)-VLOOKUP(AD$1,városok!$A$2:$C$346,2,0))^2+(VLOOKUP($A230,városok!$A$2:$C$346,3,0)-VLOOKUP(AD$1,városok!$A$2:$C$346,3,0))^2)/1000,0)</f>
        <v>135</v>
      </c>
      <c r="AE230">
        <f ca="1">ROUND(SQRT((VLOOKUP($A230,városok!$A$2:$C$346,2,0)-VLOOKUP(AE$1,városok!$A$2:$C$346,2,0))^2+(VLOOKUP($A230,városok!$A$2:$C$346,3,0)-VLOOKUP(AE$1,városok!$A$2:$C$346,3,0))^2)/1000,0)</f>
        <v>133</v>
      </c>
      <c r="AF230">
        <f ca="1">ROUND(SQRT((VLOOKUP($A230,városok!$A$2:$C$346,2,0)-VLOOKUP(AF$1,városok!$A$2:$C$346,2,0))^2+(VLOOKUP($A230,városok!$A$2:$C$346,3,0)-VLOOKUP(AF$1,városok!$A$2:$C$346,3,0))^2)/1000,0)</f>
        <v>112</v>
      </c>
      <c r="AG230">
        <f ca="1">ROUND(SQRT((VLOOKUP($A230,városok!$A$2:$C$346,2,0)-VLOOKUP(AG$1,városok!$A$2:$C$346,2,0))^2+(VLOOKUP($A230,városok!$A$2:$C$346,3,0)-VLOOKUP(AG$1,városok!$A$2:$C$346,3,0))^2)/1000,0)</f>
        <v>82</v>
      </c>
      <c r="AH230">
        <f ca="1">ROUND(SQRT((VLOOKUP($A230,városok!$A$2:$C$346,2,0)-VLOOKUP(AH$1,városok!$A$2:$C$346,2,0))^2+(VLOOKUP($A230,városok!$A$2:$C$346,3,0)-VLOOKUP(AH$1,városok!$A$2:$C$346,3,0))^2)/1000,0)</f>
        <v>63</v>
      </c>
      <c r="AI230">
        <f ca="1">ROUND(SQRT((VLOOKUP($A230,városok!$A$2:$C$346,2,0)-VLOOKUP(AI$1,városok!$A$2:$C$346,2,0))^2+(VLOOKUP($A230,városok!$A$2:$C$346,3,0)-VLOOKUP(AI$1,városok!$A$2:$C$346,3,0))^2)/1000,0)</f>
        <v>111</v>
      </c>
      <c r="AJ230">
        <f ca="1">ROUND(SQRT((VLOOKUP($A230,városok!$A$2:$C$346,2,0)-VLOOKUP(AJ$1,városok!$A$2:$C$346,2,0))^2+(VLOOKUP($A230,városok!$A$2:$C$346,3,0)-VLOOKUP(AJ$1,városok!$A$2:$C$346,3,0))^2)/1000,0)</f>
        <v>71</v>
      </c>
      <c r="AK230">
        <f ca="1">ROUND(SQRT((VLOOKUP($A230,városok!$A$2:$C$346,2,0)-VLOOKUP(AK$1,városok!$A$2:$C$346,2,0))^2+(VLOOKUP($A230,városok!$A$2:$C$346,3,0)-VLOOKUP(AK$1,városok!$A$2:$C$346,3,0))^2)/1000,0)</f>
        <v>118</v>
      </c>
      <c r="AL230">
        <f ca="1">ROUND(SQRT((VLOOKUP($A230,városok!$A$2:$C$346,2,0)-VLOOKUP(AL$1,városok!$A$2:$C$346,2,0))^2+(VLOOKUP($A230,városok!$A$2:$C$346,3,0)-VLOOKUP(AL$1,városok!$A$2:$C$346,3,0))^2)/1000,0)</f>
        <v>94</v>
      </c>
      <c r="AM230">
        <f ca="1">ROUND(SQRT((VLOOKUP($A230,városok!$A$2:$C$346,2,0)-VLOOKUP(AM$1,városok!$A$2:$C$346,2,0))^2+(VLOOKUP($A230,városok!$A$2:$C$346,3,0)-VLOOKUP(AM$1,városok!$A$2:$C$346,3,0))^2)/1000,0)</f>
        <v>57</v>
      </c>
      <c r="AN230">
        <f ca="1">ROUND(SQRT((VLOOKUP($A230,városok!$A$2:$C$346,2,0)-VLOOKUP(AN$1,városok!$A$2:$C$346,2,0))^2+(VLOOKUP($A230,városok!$A$2:$C$346,3,0)-VLOOKUP(AN$1,városok!$A$2:$C$346,3,0))^2)/1000,0)</f>
        <v>90</v>
      </c>
      <c r="AO230">
        <f ca="1">ROUND(SQRT((VLOOKUP($A230,városok!$A$2:$C$346,2,0)-VLOOKUP(AO$1,városok!$A$2:$C$346,2,0))^2+(VLOOKUP($A230,városok!$A$2:$C$346,3,0)-VLOOKUP(AO$1,városok!$A$2:$C$346,3,0))^2)/1000,0)</f>
        <v>120</v>
      </c>
      <c r="AP230">
        <f ca="1">ROUND(SQRT((VLOOKUP($A230,városok!$A$2:$C$346,2,0)-VLOOKUP(AP$1,városok!$A$2:$C$346,2,0))^2+(VLOOKUP($A230,városok!$A$2:$C$346,3,0)-VLOOKUP(AP$1,városok!$A$2:$C$346,3,0))^2)/1000,0)</f>
        <v>101</v>
      </c>
      <c r="AQ230">
        <f ca="1">ROUND(SQRT((VLOOKUP($A230,városok!$A$2:$C$346,2,0)-VLOOKUP(AQ$1,városok!$A$2:$C$346,2,0))^2+(VLOOKUP($A230,városok!$A$2:$C$346,3,0)-VLOOKUP(AQ$1,városok!$A$2:$C$346,3,0))^2)/1000,0)</f>
        <v>91</v>
      </c>
      <c r="AR230">
        <f ca="1">ROUND(SQRT((VLOOKUP($A230,városok!$A$2:$C$346,2,0)-VLOOKUP(AR$1,városok!$A$2:$C$346,2,0))^2+(VLOOKUP($A230,városok!$A$2:$C$346,3,0)-VLOOKUP(AR$1,városok!$A$2:$C$346,3,0))^2)/1000,0)</f>
        <v>90</v>
      </c>
      <c r="AS230">
        <f ca="1">ROUND(SQRT((VLOOKUP($A230,városok!$A$2:$C$346,2,0)-VLOOKUP(AS$1,városok!$A$2:$C$346,2,0))^2+(VLOOKUP($A230,városok!$A$2:$C$346,3,0)-VLOOKUP(AS$1,városok!$A$2:$C$346,3,0))^2)/1000,0)</f>
        <v>113</v>
      </c>
      <c r="AT230">
        <f ca="1">ROUND(SQRT((VLOOKUP($A230,városok!$A$2:$C$346,2,0)-VLOOKUP(AT$1,városok!$A$2:$C$346,2,0))^2+(VLOOKUP($A230,városok!$A$2:$C$346,3,0)-VLOOKUP(AT$1,városok!$A$2:$C$346,3,0))^2)/1000,0)</f>
        <v>60</v>
      </c>
      <c r="AU230">
        <f ca="1">ROUND(SQRT((VLOOKUP($A230,városok!$A$2:$C$346,2,0)-VLOOKUP(AU$1,városok!$A$2:$C$346,2,0))^2+(VLOOKUP($A230,városok!$A$2:$C$346,3,0)-VLOOKUP(AU$1,városok!$A$2:$C$346,3,0))^2)/1000,0)</f>
        <v>51</v>
      </c>
      <c r="AV230">
        <f ca="1">ROUND(SQRT((VLOOKUP($A230,városok!$A$2:$C$346,2,0)-VLOOKUP(AV$1,városok!$A$2:$C$346,2,0))^2+(VLOOKUP($A230,városok!$A$2:$C$346,3,0)-VLOOKUP(AV$1,városok!$A$2:$C$346,3,0))^2)/1000,0)</f>
        <v>48</v>
      </c>
      <c r="AW230">
        <f ca="1">ROUND(SQRT((VLOOKUP($A230,városok!$A$2:$C$346,2,0)-VLOOKUP(AW$1,városok!$A$2:$C$346,2,0))^2+(VLOOKUP($A230,városok!$A$2:$C$346,3,0)-VLOOKUP(AW$1,városok!$A$2:$C$346,3,0))^2)/1000,0)</f>
        <v>49</v>
      </c>
      <c r="AX230">
        <f ca="1">ROUND(SQRT((VLOOKUP($A230,városok!$A$2:$C$346,2,0)-VLOOKUP(AX$1,városok!$A$2:$C$346,2,0))^2+(VLOOKUP($A230,városok!$A$2:$C$346,3,0)-VLOOKUP(AX$1,városok!$A$2:$C$346,3,0))^2)/1000,0)</f>
        <v>29</v>
      </c>
      <c r="AY230">
        <f ca="1">ROUND(SQRT((VLOOKUP($A230,városok!$A$2:$C$346,2,0)-VLOOKUP(AY$1,városok!$A$2:$C$346,2,0))^2+(VLOOKUP($A230,városok!$A$2:$C$346,3,0)-VLOOKUP(AY$1,városok!$A$2:$C$346,3,0))^2)/1000,0)</f>
        <v>68</v>
      </c>
      <c r="AZ230">
        <f ca="1">ROUND(SQRT((VLOOKUP($A230,városok!$A$2:$C$346,2,0)-VLOOKUP(AZ$1,városok!$A$2:$C$346,2,0))^2+(VLOOKUP($A230,városok!$A$2:$C$346,3,0)-VLOOKUP(AZ$1,városok!$A$2:$C$346,3,0))^2)/1000,0)</f>
        <v>81</v>
      </c>
      <c r="BA230">
        <f ca="1">ROUND(SQRT((VLOOKUP($A230,városok!$A$2:$C$346,2,0)-VLOOKUP(BA$1,városok!$A$2:$C$346,2,0))^2+(VLOOKUP($A230,városok!$A$2:$C$346,3,0)-VLOOKUP(BA$1,városok!$A$2:$C$346,3,0))^2)/1000,0)</f>
        <v>137</v>
      </c>
      <c r="BB230">
        <f ca="1">ROUND(SQRT((VLOOKUP($A230,városok!$A$2:$C$346,2,0)-VLOOKUP(BB$1,városok!$A$2:$C$346,2,0))^2+(VLOOKUP($A230,városok!$A$2:$C$346,3,0)-VLOOKUP(BB$1,városok!$A$2:$C$346,3,0))^2)/1000,0)</f>
        <v>131</v>
      </c>
      <c r="BC230">
        <f ca="1">ROUND(SQRT((VLOOKUP($A230,városok!$A$2:$C$346,2,0)-VLOOKUP(BC$1,városok!$A$2:$C$346,2,0))^2+(VLOOKUP($A230,városok!$A$2:$C$346,3,0)-VLOOKUP(BC$1,városok!$A$2:$C$346,3,0))^2)/1000,0)</f>
        <v>152</v>
      </c>
      <c r="BD230">
        <f ca="1">ROUND(SQRT((VLOOKUP($A230,városok!$A$2:$C$346,2,0)-VLOOKUP(BD$1,városok!$A$2:$C$346,2,0))^2+(VLOOKUP($A230,városok!$A$2:$C$346,3,0)-VLOOKUP(BD$1,városok!$A$2:$C$346,3,0))^2)/1000,0)</f>
        <v>107</v>
      </c>
      <c r="BE230">
        <f ca="1">ROUND(SQRT((VLOOKUP($A230,városok!$A$2:$C$346,2,0)-VLOOKUP(BE$1,városok!$A$2:$C$346,2,0))^2+(VLOOKUP($A230,városok!$A$2:$C$346,3,0)-VLOOKUP(BE$1,városok!$A$2:$C$346,3,0))^2)/1000,0)</f>
        <v>256</v>
      </c>
      <c r="BF230">
        <f ca="1">ROUND(SQRT((VLOOKUP($A230,városok!$A$2:$C$346,2,0)-VLOOKUP(BF$1,városok!$A$2:$C$346,2,0))^2+(VLOOKUP($A230,városok!$A$2:$C$346,3,0)-VLOOKUP(BF$1,városok!$A$2:$C$346,3,0))^2)/1000,0)</f>
        <v>233</v>
      </c>
      <c r="BG230">
        <f ca="1">ROUND(SQRT((VLOOKUP($A230,városok!$A$2:$C$346,2,0)-VLOOKUP(BG$1,városok!$A$2:$C$346,2,0))^2+(VLOOKUP($A230,városok!$A$2:$C$346,3,0)-VLOOKUP(BG$1,városok!$A$2:$C$346,3,0))^2)/1000,0)</f>
        <v>189</v>
      </c>
      <c r="BH230">
        <f ca="1">ROUND(SQRT((VLOOKUP($A230,városok!$A$2:$C$346,2,0)-VLOOKUP(BH$1,városok!$A$2:$C$346,2,0))^2+(VLOOKUP($A230,városok!$A$2:$C$346,3,0)-VLOOKUP(BH$1,városok!$A$2:$C$346,3,0))^2)/1000,0)</f>
        <v>189</v>
      </c>
      <c r="BI230">
        <f ca="1">ROUND(SQRT((VLOOKUP($A230,városok!$A$2:$C$346,2,0)-VLOOKUP(BI$1,városok!$A$2:$C$346,2,0))^2+(VLOOKUP($A230,városok!$A$2:$C$346,3,0)-VLOOKUP(BI$1,városok!$A$2:$C$346,3,0))^2)/1000,0)</f>
        <v>102</v>
      </c>
      <c r="BJ230">
        <f ca="1">ROUND(SQRT((VLOOKUP($A230,városok!$A$2:$C$346,2,0)-VLOOKUP(BJ$1,városok!$A$2:$C$346,2,0))^2+(VLOOKUP($A230,városok!$A$2:$C$346,3,0)-VLOOKUP(BJ$1,városok!$A$2:$C$346,3,0))^2)/1000,0)</f>
        <v>120</v>
      </c>
      <c r="BK230">
        <f ca="1">ROUND(SQRT((VLOOKUP($A230,városok!$A$2:$C$346,2,0)-VLOOKUP(BK$1,városok!$A$2:$C$346,2,0))^2+(VLOOKUP($A230,városok!$A$2:$C$346,3,0)-VLOOKUP(BK$1,városok!$A$2:$C$346,3,0))^2)/1000,0)</f>
        <v>103</v>
      </c>
      <c r="BL230">
        <f ca="1">ROUND(SQRT((VLOOKUP($A230,városok!$A$2:$C$346,2,0)-VLOOKUP(BL$1,városok!$A$2:$C$346,2,0))^2+(VLOOKUP($A230,városok!$A$2:$C$346,3,0)-VLOOKUP(BL$1,városok!$A$2:$C$346,3,0))^2)/1000,0)</f>
        <v>215</v>
      </c>
      <c r="BM230">
        <f ca="1">ROUND(SQRT((VLOOKUP($A230,városok!$A$2:$C$346,2,0)-VLOOKUP(BM$1,városok!$A$2:$C$346,2,0))^2+(VLOOKUP($A230,városok!$A$2:$C$346,3,0)-VLOOKUP(BM$1,városok!$A$2:$C$346,3,0))^2)/1000,0)</f>
        <v>190</v>
      </c>
      <c r="BN230">
        <f ca="1">ROUND(SQRT((VLOOKUP($A230,városok!$A$2:$C$346,2,0)-VLOOKUP(BN$1,városok!$A$2:$C$346,2,0))^2+(VLOOKUP($A230,városok!$A$2:$C$346,3,0)-VLOOKUP(BN$1,városok!$A$2:$C$346,3,0))^2)/1000,0)</f>
        <v>213</v>
      </c>
      <c r="BO230">
        <f ca="1">ROUND(SQRT((VLOOKUP($A230,városok!$A$2:$C$346,2,0)-VLOOKUP(BO$1,városok!$A$2:$C$346,2,0))^2+(VLOOKUP($A230,városok!$A$2:$C$346,3,0)-VLOOKUP(BO$1,városok!$A$2:$C$346,3,0))^2)/1000,0)</f>
        <v>108</v>
      </c>
      <c r="BP230">
        <f ca="1">ROUND(SQRT((VLOOKUP($A230,városok!$A$2:$C$346,2,0)-VLOOKUP(BP$1,városok!$A$2:$C$346,2,0))^2+(VLOOKUP($A230,városok!$A$2:$C$346,3,0)-VLOOKUP(BP$1,városok!$A$2:$C$346,3,0))^2)/1000,0)</f>
        <v>101</v>
      </c>
      <c r="BQ230">
        <f ca="1">ROUND(SQRT((VLOOKUP($A230,városok!$A$2:$C$346,2,0)-VLOOKUP(BQ$1,városok!$A$2:$C$346,2,0))^2+(VLOOKUP($A230,városok!$A$2:$C$346,3,0)-VLOOKUP(BQ$1,városok!$A$2:$C$346,3,0))^2)/1000,0)</f>
        <v>115</v>
      </c>
      <c r="BR230">
        <f ca="1">ROUND(SQRT((VLOOKUP($A230,városok!$A$2:$C$346,2,0)-VLOOKUP(BR$1,városok!$A$2:$C$346,2,0))^2+(VLOOKUP($A230,városok!$A$2:$C$346,3,0)-VLOOKUP(BR$1,városok!$A$2:$C$346,3,0))^2)/1000,0)</f>
        <v>170</v>
      </c>
      <c r="BS230">
        <f ca="1">ROUND(SQRT((VLOOKUP($A230,városok!$A$2:$C$346,2,0)-VLOOKUP(BS$1,városok!$A$2:$C$346,2,0))^2+(VLOOKUP($A230,városok!$A$2:$C$346,3,0)-VLOOKUP(BS$1,városok!$A$2:$C$346,3,0))^2)/1000,0)</f>
        <v>201</v>
      </c>
      <c r="BT230">
        <f ca="1">ROUND(SQRT((VLOOKUP($A230,városok!$A$2:$C$346,2,0)-VLOOKUP(BT$1,városok!$A$2:$C$346,2,0))^2+(VLOOKUP($A230,városok!$A$2:$C$346,3,0)-VLOOKUP(BT$1,városok!$A$2:$C$346,3,0))^2)/1000,0)</f>
        <v>200</v>
      </c>
    </row>
    <row r="231" spans="1:72" x14ac:dyDescent="0.2">
      <c r="A231" t="str">
        <f>városok!A231</f>
        <v>Pécel</v>
      </c>
      <c r="B231">
        <f ca="1">ROUND(SQRT((VLOOKUP($A231,városok!$A$2:$C$346,2,0)-VLOOKUP(B$1,városok!$A$2:$C$346,2,0))^2+(VLOOKUP($A231,városok!$A$2:$C$346,3,0)-VLOOKUP(B$1,városok!$A$2:$C$346,3,0))^2)/1000,0)</f>
        <v>148</v>
      </c>
      <c r="C231">
        <f ca="1">ROUND(SQRT((VLOOKUP($A231,városok!$A$2:$C$346,2,0)-VLOOKUP(C$1,városok!$A$2:$C$346,2,0))^2+(VLOOKUP($A231,városok!$A$2:$C$346,3,0)-VLOOKUP(C$1,városok!$A$2:$C$346,3,0))^2)/1000,0)</f>
        <v>110</v>
      </c>
      <c r="D231">
        <f ca="1">ROUND(SQRT((VLOOKUP($A231,városok!$A$2:$C$346,2,0)-VLOOKUP(D$1,városok!$A$2:$C$346,2,0))^2+(VLOOKUP($A231,városok!$A$2:$C$346,3,0)-VLOOKUP(D$1,városok!$A$2:$C$346,3,0))^2)/1000,0)</f>
        <v>70</v>
      </c>
      <c r="E231">
        <f ca="1">ROUND(SQRT((VLOOKUP($A231,városok!$A$2:$C$346,2,0)-VLOOKUP(E$1,városok!$A$2:$C$346,2,0))^2+(VLOOKUP($A231,városok!$A$2:$C$346,3,0)-VLOOKUP(E$1,városok!$A$2:$C$346,3,0))^2)/1000,0)</f>
        <v>166</v>
      </c>
      <c r="F231">
        <f ca="1">ROUND(SQRT((VLOOKUP($A231,városok!$A$2:$C$346,2,0)-VLOOKUP(F$1,városok!$A$2:$C$346,2,0))^2+(VLOOKUP($A231,városok!$A$2:$C$346,3,0)-VLOOKUP(F$1,városok!$A$2:$C$346,3,0))^2)/1000,0)</f>
        <v>174</v>
      </c>
      <c r="G231">
        <f ca="1">ROUND(SQRT((VLOOKUP($A231,városok!$A$2:$C$346,2,0)-VLOOKUP(G$1,városok!$A$2:$C$346,2,0))^2+(VLOOKUP($A231,városok!$A$2:$C$346,3,0)-VLOOKUP(G$1,városok!$A$2:$C$346,3,0))^2)/1000,0)</f>
        <v>178</v>
      </c>
      <c r="H231">
        <f ca="1">ROUND(SQRT((VLOOKUP($A231,városok!$A$2:$C$346,2,0)-VLOOKUP(H$1,városok!$A$2:$C$346,2,0))^2+(VLOOKUP($A231,városok!$A$2:$C$346,3,0)-VLOOKUP(H$1,városok!$A$2:$C$346,3,0))^2)/1000,0)</f>
        <v>199</v>
      </c>
      <c r="I231">
        <f ca="1">ROUND(SQRT((VLOOKUP($A231,városok!$A$2:$C$346,2,0)-VLOOKUP(I$1,városok!$A$2:$C$346,2,0))^2+(VLOOKUP($A231,városok!$A$2:$C$346,3,0)-VLOOKUP(I$1,városok!$A$2:$C$346,3,0))^2)/1000,0)</f>
        <v>160</v>
      </c>
      <c r="J231">
        <f ca="1">ROUND(SQRT((VLOOKUP($A231,városok!$A$2:$C$346,2,0)-VLOOKUP(J$1,városok!$A$2:$C$346,2,0))^2+(VLOOKUP($A231,városok!$A$2:$C$346,3,0)-VLOOKUP(J$1,városok!$A$2:$C$346,3,0))^2)/1000,0)</f>
        <v>174</v>
      </c>
      <c r="K231">
        <f ca="1">ROUND(SQRT((VLOOKUP($A231,városok!$A$2:$C$346,2,0)-VLOOKUP(K$1,városok!$A$2:$C$346,2,0))^2+(VLOOKUP($A231,városok!$A$2:$C$346,3,0)-VLOOKUP(K$1,városok!$A$2:$C$346,3,0))^2)/1000,0)</f>
        <v>144</v>
      </c>
      <c r="L231">
        <f ca="1">ROUND(SQRT((VLOOKUP($A231,városok!$A$2:$C$346,2,0)-VLOOKUP(L$1,városok!$A$2:$C$346,2,0))^2+(VLOOKUP($A231,városok!$A$2:$C$346,3,0)-VLOOKUP(L$1,városok!$A$2:$C$346,3,0))^2)/1000,0)</f>
        <v>129</v>
      </c>
      <c r="M231">
        <f ca="1">ROUND(SQRT((VLOOKUP($A231,városok!$A$2:$C$346,2,0)-VLOOKUP(M$1,városok!$A$2:$C$346,2,0))^2+(VLOOKUP($A231,városok!$A$2:$C$346,3,0)-VLOOKUP(M$1,városok!$A$2:$C$346,3,0))^2)/1000,0)</f>
        <v>129</v>
      </c>
      <c r="N231">
        <f ca="1">ROUND(SQRT((VLOOKUP($A231,városok!$A$2:$C$346,2,0)-VLOOKUP(N$1,városok!$A$2:$C$346,2,0))^2+(VLOOKUP($A231,városok!$A$2:$C$346,3,0)-VLOOKUP(N$1,városok!$A$2:$C$346,3,0))^2)/1000,0)</f>
        <v>108</v>
      </c>
      <c r="O231">
        <f ca="1">ROUND(SQRT((VLOOKUP($A231,városok!$A$2:$C$346,2,0)-VLOOKUP(O$1,városok!$A$2:$C$346,2,0))^2+(VLOOKUP($A231,városok!$A$2:$C$346,3,0)-VLOOKUP(O$1,városok!$A$2:$C$346,3,0))^2)/1000,0)</f>
        <v>200</v>
      </c>
      <c r="P231">
        <f ca="1">ROUND(SQRT((VLOOKUP($A231,városok!$A$2:$C$346,2,0)-VLOOKUP(P$1,városok!$A$2:$C$346,2,0))^2+(VLOOKUP($A231,városok!$A$2:$C$346,3,0)-VLOOKUP(P$1,városok!$A$2:$C$346,3,0))^2)/1000,0)</f>
        <v>200</v>
      </c>
      <c r="Q231">
        <f ca="1">ROUND(SQRT((VLOOKUP($A231,városok!$A$2:$C$346,2,0)-VLOOKUP(Q$1,városok!$A$2:$C$346,2,0))^2+(VLOOKUP($A231,városok!$A$2:$C$346,3,0)-VLOOKUP(Q$1,városok!$A$2:$C$346,3,0))^2)/1000,0)</f>
        <v>140</v>
      </c>
      <c r="R231">
        <f ca="1">ROUND(SQRT((VLOOKUP($A231,városok!$A$2:$C$346,2,0)-VLOOKUP(R$1,városok!$A$2:$C$346,2,0))^2+(VLOOKUP($A231,városok!$A$2:$C$346,3,0)-VLOOKUP(R$1,városok!$A$2:$C$346,3,0))^2)/1000,0)</f>
        <v>165</v>
      </c>
      <c r="S231">
        <f ca="1">ROUND(SQRT((VLOOKUP($A231,városok!$A$2:$C$346,2,0)-VLOOKUP(S$1,városok!$A$2:$C$346,2,0))^2+(VLOOKUP($A231,városok!$A$2:$C$346,3,0)-VLOOKUP(S$1,városok!$A$2:$C$346,3,0))^2)/1000,0)</f>
        <v>151</v>
      </c>
      <c r="T231">
        <f ca="1">ROUND(SQRT((VLOOKUP($A231,városok!$A$2:$C$346,2,0)-VLOOKUP(T$1,városok!$A$2:$C$346,2,0))^2+(VLOOKUP($A231,városok!$A$2:$C$346,3,0)-VLOOKUP(T$1,városok!$A$2:$C$346,3,0))^2)/1000,0)</f>
        <v>53</v>
      </c>
      <c r="U231">
        <f ca="1">ROUND(SQRT((VLOOKUP($A231,városok!$A$2:$C$346,2,0)-VLOOKUP(U$1,városok!$A$2:$C$346,2,0))^2+(VLOOKUP($A231,városok!$A$2:$C$346,3,0)-VLOOKUP(U$1,városok!$A$2:$C$346,3,0))^2)/1000,0)</f>
        <v>66</v>
      </c>
      <c r="V231">
        <f ca="1">ROUND(SQRT((VLOOKUP($A231,városok!$A$2:$C$346,2,0)-VLOOKUP(V$1,városok!$A$2:$C$346,2,0))^2+(VLOOKUP($A231,városok!$A$2:$C$346,3,0)-VLOOKUP(V$1,városok!$A$2:$C$346,3,0))^2)/1000,0)</f>
        <v>92</v>
      </c>
      <c r="W231">
        <f ca="1">ROUND(SQRT((VLOOKUP($A231,városok!$A$2:$C$346,2,0)-VLOOKUP(W$1,városok!$A$2:$C$346,2,0))^2+(VLOOKUP($A231,városok!$A$2:$C$346,3,0)-VLOOKUP(W$1,városok!$A$2:$C$346,3,0))^2)/1000,0)</f>
        <v>86</v>
      </c>
      <c r="X231">
        <f ca="1">ROUND(SQRT((VLOOKUP($A231,városok!$A$2:$C$346,2,0)-VLOOKUP(X$1,városok!$A$2:$C$346,2,0))^2+(VLOOKUP($A231,városok!$A$2:$C$346,3,0)-VLOOKUP(X$1,városok!$A$2:$C$346,3,0))^2)/1000,0)</f>
        <v>80</v>
      </c>
      <c r="Y231">
        <f ca="1">ROUND(SQRT((VLOOKUP($A231,városok!$A$2:$C$346,2,0)-VLOOKUP(Y$1,városok!$A$2:$C$346,2,0))^2+(VLOOKUP($A231,városok!$A$2:$C$346,3,0)-VLOOKUP(Y$1,városok!$A$2:$C$346,3,0))^2)/1000,0)</f>
        <v>130</v>
      </c>
      <c r="Z231">
        <f ca="1">ROUND(SQRT((VLOOKUP($A231,városok!$A$2:$C$346,2,0)-VLOOKUP(Z$1,városok!$A$2:$C$346,2,0))^2+(VLOOKUP($A231,városok!$A$2:$C$346,3,0)-VLOOKUP(Z$1,városok!$A$2:$C$346,3,0))^2)/1000,0)</f>
        <v>149</v>
      </c>
      <c r="AA231">
        <f ca="1">ROUND(SQRT((VLOOKUP($A231,városok!$A$2:$C$346,2,0)-VLOOKUP(AA$1,városok!$A$2:$C$346,2,0))^2+(VLOOKUP($A231,városok!$A$2:$C$346,3,0)-VLOOKUP(AA$1,városok!$A$2:$C$346,3,0))^2)/1000,0)</f>
        <v>209</v>
      </c>
      <c r="AB231">
        <f ca="1">ROUND(SQRT((VLOOKUP($A231,városok!$A$2:$C$346,2,0)-VLOOKUP(AB$1,városok!$A$2:$C$346,2,0))^2+(VLOOKUP($A231,városok!$A$2:$C$346,3,0)-VLOOKUP(AB$1,városok!$A$2:$C$346,3,0))^2)/1000,0)</f>
        <v>172</v>
      </c>
      <c r="AC231">
        <f ca="1">ROUND(SQRT((VLOOKUP($A231,városok!$A$2:$C$346,2,0)-VLOOKUP(AC$1,városok!$A$2:$C$346,2,0))^2+(VLOOKUP($A231,városok!$A$2:$C$346,3,0)-VLOOKUP(AC$1,városok!$A$2:$C$346,3,0))^2)/1000,0)</f>
        <v>155</v>
      </c>
      <c r="AD231">
        <f ca="1">ROUND(SQRT((VLOOKUP($A231,városok!$A$2:$C$346,2,0)-VLOOKUP(AD$1,városok!$A$2:$C$346,2,0))^2+(VLOOKUP($A231,városok!$A$2:$C$346,3,0)-VLOOKUP(AD$1,városok!$A$2:$C$346,3,0))^2)/1000,0)</f>
        <v>137</v>
      </c>
      <c r="AE231">
        <f ca="1">ROUND(SQRT((VLOOKUP($A231,városok!$A$2:$C$346,2,0)-VLOOKUP(AE$1,városok!$A$2:$C$346,2,0))^2+(VLOOKUP($A231,városok!$A$2:$C$346,3,0)-VLOOKUP(AE$1,városok!$A$2:$C$346,3,0))^2)/1000,0)</f>
        <v>140</v>
      </c>
      <c r="AF231">
        <f ca="1">ROUND(SQRT((VLOOKUP($A231,városok!$A$2:$C$346,2,0)-VLOOKUP(AF$1,városok!$A$2:$C$346,2,0))^2+(VLOOKUP($A231,városok!$A$2:$C$346,3,0)-VLOOKUP(AF$1,városok!$A$2:$C$346,3,0))^2)/1000,0)</f>
        <v>90</v>
      </c>
      <c r="AG231">
        <f ca="1">ROUND(SQRT((VLOOKUP($A231,városok!$A$2:$C$346,2,0)-VLOOKUP(AG$1,városok!$A$2:$C$346,2,0))^2+(VLOOKUP($A231,városok!$A$2:$C$346,3,0)-VLOOKUP(AG$1,városok!$A$2:$C$346,3,0))^2)/1000,0)</f>
        <v>55</v>
      </c>
      <c r="AH231">
        <f ca="1">ROUND(SQRT((VLOOKUP($A231,városok!$A$2:$C$346,2,0)-VLOOKUP(AH$1,városok!$A$2:$C$346,2,0))^2+(VLOOKUP($A231,városok!$A$2:$C$346,3,0)-VLOOKUP(AH$1,városok!$A$2:$C$346,3,0))^2)/1000,0)</f>
        <v>32</v>
      </c>
      <c r="AI231">
        <f ca="1">ROUND(SQRT((VLOOKUP($A231,városok!$A$2:$C$346,2,0)-VLOOKUP(AI$1,városok!$A$2:$C$346,2,0))^2+(VLOOKUP($A231,városok!$A$2:$C$346,3,0)-VLOOKUP(AI$1,városok!$A$2:$C$346,3,0))^2)/1000,0)</f>
        <v>82</v>
      </c>
      <c r="AJ231">
        <f ca="1">ROUND(SQRT((VLOOKUP($A231,városok!$A$2:$C$346,2,0)-VLOOKUP(AJ$1,városok!$A$2:$C$346,2,0))^2+(VLOOKUP($A231,városok!$A$2:$C$346,3,0)-VLOOKUP(AJ$1,városok!$A$2:$C$346,3,0))^2)/1000,0)</f>
        <v>51</v>
      </c>
      <c r="AK231">
        <f ca="1">ROUND(SQRT((VLOOKUP($A231,városok!$A$2:$C$346,2,0)-VLOOKUP(AK$1,városok!$A$2:$C$346,2,0))^2+(VLOOKUP($A231,városok!$A$2:$C$346,3,0)-VLOOKUP(AK$1,városok!$A$2:$C$346,3,0))^2)/1000,0)</f>
        <v>125</v>
      </c>
      <c r="AL231">
        <f ca="1">ROUND(SQRT((VLOOKUP($A231,városok!$A$2:$C$346,2,0)-VLOOKUP(AL$1,városok!$A$2:$C$346,2,0))^2+(VLOOKUP($A231,városok!$A$2:$C$346,3,0)-VLOOKUP(AL$1,városok!$A$2:$C$346,3,0))^2)/1000,0)</f>
        <v>98</v>
      </c>
      <c r="AM231">
        <f ca="1">ROUND(SQRT((VLOOKUP($A231,városok!$A$2:$C$346,2,0)-VLOOKUP(AM$1,városok!$A$2:$C$346,2,0))^2+(VLOOKUP($A231,városok!$A$2:$C$346,3,0)-VLOOKUP(AM$1,városok!$A$2:$C$346,3,0))^2)/1000,0)</f>
        <v>72</v>
      </c>
      <c r="AN231">
        <f ca="1">ROUND(SQRT((VLOOKUP($A231,városok!$A$2:$C$346,2,0)-VLOOKUP(AN$1,városok!$A$2:$C$346,2,0))^2+(VLOOKUP($A231,városok!$A$2:$C$346,3,0)-VLOOKUP(AN$1,városok!$A$2:$C$346,3,0))^2)/1000,0)</f>
        <v>56</v>
      </c>
      <c r="AO231">
        <f ca="1">ROUND(SQRT((VLOOKUP($A231,városok!$A$2:$C$346,2,0)-VLOOKUP(AO$1,városok!$A$2:$C$346,2,0))^2+(VLOOKUP($A231,városok!$A$2:$C$346,3,0)-VLOOKUP(AO$1,városok!$A$2:$C$346,3,0))^2)/1000,0)</f>
        <v>96</v>
      </c>
      <c r="AP231">
        <f ca="1">ROUND(SQRT((VLOOKUP($A231,városok!$A$2:$C$346,2,0)-VLOOKUP(AP$1,városok!$A$2:$C$346,2,0))^2+(VLOOKUP($A231,városok!$A$2:$C$346,3,0)-VLOOKUP(AP$1,városok!$A$2:$C$346,3,0))^2)/1000,0)</f>
        <v>78</v>
      </c>
      <c r="AQ231">
        <f ca="1">ROUND(SQRT((VLOOKUP($A231,városok!$A$2:$C$346,2,0)-VLOOKUP(AQ$1,városok!$A$2:$C$346,2,0))^2+(VLOOKUP($A231,városok!$A$2:$C$346,3,0)-VLOOKUP(AQ$1,városok!$A$2:$C$346,3,0))^2)/1000,0)</f>
        <v>71</v>
      </c>
      <c r="AR231">
        <f ca="1">ROUND(SQRT((VLOOKUP($A231,városok!$A$2:$C$346,2,0)-VLOOKUP(AR$1,városok!$A$2:$C$346,2,0))^2+(VLOOKUP($A231,városok!$A$2:$C$346,3,0)-VLOOKUP(AR$1,városok!$A$2:$C$346,3,0))^2)/1000,0)</f>
        <v>55</v>
      </c>
      <c r="AS231">
        <f ca="1">ROUND(SQRT((VLOOKUP($A231,városok!$A$2:$C$346,2,0)-VLOOKUP(AS$1,városok!$A$2:$C$346,2,0))^2+(VLOOKUP($A231,városok!$A$2:$C$346,3,0)-VLOOKUP(AS$1,városok!$A$2:$C$346,3,0))^2)/1000,0)</f>
        <v>78</v>
      </c>
      <c r="AT231">
        <f ca="1">ROUND(SQRT((VLOOKUP($A231,városok!$A$2:$C$346,2,0)-VLOOKUP(AT$1,városok!$A$2:$C$346,2,0))^2+(VLOOKUP($A231,városok!$A$2:$C$346,3,0)-VLOOKUP(AT$1,városok!$A$2:$C$346,3,0))^2)/1000,0)</f>
        <v>40</v>
      </c>
      <c r="AU231">
        <f ca="1">ROUND(SQRT((VLOOKUP($A231,városok!$A$2:$C$346,2,0)-VLOOKUP(AU$1,városok!$A$2:$C$346,2,0))^2+(VLOOKUP($A231,városok!$A$2:$C$346,3,0)-VLOOKUP(AU$1,városok!$A$2:$C$346,3,0))^2)/1000,0)</f>
        <v>29</v>
      </c>
      <c r="AV231">
        <f ca="1">ROUND(SQRT((VLOOKUP($A231,városok!$A$2:$C$346,2,0)-VLOOKUP(AV$1,városok!$A$2:$C$346,2,0))^2+(VLOOKUP($A231,városok!$A$2:$C$346,3,0)-VLOOKUP(AV$1,városok!$A$2:$C$346,3,0))^2)/1000,0)</f>
        <v>31</v>
      </c>
      <c r="AW231">
        <f ca="1">ROUND(SQRT((VLOOKUP($A231,városok!$A$2:$C$346,2,0)-VLOOKUP(AW$1,városok!$A$2:$C$346,2,0))^2+(VLOOKUP($A231,városok!$A$2:$C$346,3,0)-VLOOKUP(AW$1,városok!$A$2:$C$346,3,0))^2)/1000,0)</f>
        <v>34</v>
      </c>
      <c r="AX231">
        <f ca="1">ROUND(SQRT((VLOOKUP($A231,városok!$A$2:$C$346,2,0)-VLOOKUP(AX$1,városok!$A$2:$C$346,2,0))^2+(VLOOKUP($A231,városok!$A$2:$C$346,3,0)-VLOOKUP(AX$1,városok!$A$2:$C$346,3,0))^2)/1000,0)</f>
        <v>61</v>
      </c>
      <c r="AY231">
        <f ca="1">ROUND(SQRT((VLOOKUP($A231,városok!$A$2:$C$346,2,0)-VLOOKUP(AY$1,városok!$A$2:$C$346,2,0))^2+(VLOOKUP($A231,városok!$A$2:$C$346,3,0)-VLOOKUP(AY$1,városok!$A$2:$C$346,3,0))^2)/1000,0)</f>
        <v>30</v>
      </c>
      <c r="AZ231">
        <f ca="1">ROUND(SQRT((VLOOKUP($A231,városok!$A$2:$C$346,2,0)-VLOOKUP(AZ$1,városok!$A$2:$C$346,2,0))^2+(VLOOKUP($A231,városok!$A$2:$C$346,3,0)-VLOOKUP(AZ$1,városok!$A$2:$C$346,3,0))^2)/1000,0)</f>
        <v>43</v>
      </c>
      <c r="BA231">
        <f ca="1">ROUND(SQRT((VLOOKUP($A231,városok!$A$2:$C$346,2,0)-VLOOKUP(BA$1,városok!$A$2:$C$346,2,0))^2+(VLOOKUP($A231,városok!$A$2:$C$346,3,0)-VLOOKUP(BA$1,városok!$A$2:$C$346,3,0))^2)/1000,0)</f>
        <v>147</v>
      </c>
      <c r="BB231">
        <f ca="1">ROUND(SQRT((VLOOKUP($A231,városok!$A$2:$C$346,2,0)-VLOOKUP(BB$1,városok!$A$2:$C$346,2,0))^2+(VLOOKUP($A231,városok!$A$2:$C$346,3,0)-VLOOKUP(BB$1,városok!$A$2:$C$346,3,0))^2)/1000,0)</f>
        <v>150</v>
      </c>
      <c r="BC231">
        <f ca="1">ROUND(SQRT((VLOOKUP($A231,városok!$A$2:$C$346,2,0)-VLOOKUP(BC$1,városok!$A$2:$C$346,2,0))^2+(VLOOKUP($A231,városok!$A$2:$C$346,3,0)-VLOOKUP(BC$1,városok!$A$2:$C$346,3,0))^2)/1000,0)</f>
        <v>172</v>
      </c>
      <c r="BD231">
        <f ca="1">ROUND(SQRT((VLOOKUP($A231,városok!$A$2:$C$346,2,0)-VLOOKUP(BD$1,városok!$A$2:$C$346,2,0))^2+(VLOOKUP($A231,városok!$A$2:$C$346,3,0)-VLOOKUP(BD$1,városok!$A$2:$C$346,3,0))^2)/1000,0)</f>
        <v>116</v>
      </c>
      <c r="BE231">
        <f ca="1">ROUND(SQRT((VLOOKUP($A231,városok!$A$2:$C$346,2,0)-VLOOKUP(BE$1,városok!$A$2:$C$346,2,0))^2+(VLOOKUP($A231,városok!$A$2:$C$346,3,0)-VLOOKUP(BE$1,városok!$A$2:$C$346,3,0))^2)/1000,0)</f>
        <v>253</v>
      </c>
      <c r="BF231">
        <f ca="1">ROUND(SQRT((VLOOKUP($A231,városok!$A$2:$C$346,2,0)-VLOOKUP(BF$1,városok!$A$2:$C$346,2,0))^2+(VLOOKUP($A231,városok!$A$2:$C$346,3,0)-VLOOKUP(BF$1,városok!$A$2:$C$346,3,0))^2)/1000,0)</f>
        <v>220</v>
      </c>
      <c r="BG231">
        <f ca="1">ROUND(SQRT((VLOOKUP($A231,városok!$A$2:$C$346,2,0)-VLOOKUP(BG$1,városok!$A$2:$C$346,2,0))^2+(VLOOKUP($A231,városok!$A$2:$C$346,3,0)-VLOOKUP(BG$1,városok!$A$2:$C$346,3,0))^2)/1000,0)</f>
        <v>174</v>
      </c>
      <c r="BH231">
        <f ca="1">ROUND(SQRT((VLOOKUP($A231,városok!$A$2:$C$346,2,0)-VLOOKUP(BH$1,városok!$A$2:$C$346,2,0))^2+(VLOOKUP($A231,városok!$A$2:$C$346,3,0)-VLOOKUP(BH$1,városok!$A$2:$C$346,3,0))^2)/1000,0)</f>
        <v>174</v>
      </c>
      <c r="BI231">
        <f ca="1">ROUND(SQRT((VLOOKUP($A231,városok!$A$2:$C$346,2,0)-VLOOKUP(BI$1,városok!$A$2:$C$346,2,0))^2+(VLOOKUP($A231,városok!$A$2:$C$346,3,0)-VLOOKUP(BI$1,városok!$A$2:$C$346,3,0))^2)/1000,0)</f>
        <v>133</v>
      </c>
      <c r="BJ231">
        <f ca="1">ROUND(SQRT((VLOOKUP($A231,városok!$A$2:$C$346,2,0)-VLOOKUP(BJ$1,városok!$A$2:$C$346,2,0))^2+(VLOOKUP($A231,városok!$A$2:$C$346,3,0)-VLOOKUP(BJ$1,városok!$A$2:$C$346,3,0))^2)/1000,0)</f>
        <v>150</v>
      </c>
      <c r="BK231">
        <f ca="1">ROUND(SQRT((VLOOKUP($A231,városok!$A$2:$C$346,2,0)-VLOOKUP(BK$1,városok!$A$2:$C$346,2,0))^2+(VLOOKUP($A231,városok!$A$2:$C$346,3,0)-VLOOKUP(BK$1,városok!$A$2:$C$346,3,0))^2)/1000,0)</f>
        <v>135</v>
      </c>
      <c r="BL231">
        <f ca="1">ROUND(SQRT((VLOOKUP($A231,városok!$A$2:$C$346,2,0)-VLOOKUP(BL$1,városok!$A$2:$C$346,2,0))^2+(VLOOKUP($A231,városok!$A$2:$C$346,3,0)-VLOOKUP(BL$1,városok!$A$2:$C$346,3,0))^2)/1000,0)</f>
        <v>214</v>
      </c>
      <c r="BM231">
        <f ca="1">ROUND(SQRT((VLOOKUP($A231,városok!$A$2:$C$346,2,0)-VLOOKUP(BM$1,városok!$A$2:$C$346,2,0))^2+(VLOOKUP($A231,városok!$A$2:$C$346,3,0)-VLOOKUP(BM$1,városok!$A$2:$C$346,3,0))^2)/1000,0)</f>
        <v>184</v>
      </c>
      <c r="BN231">
        <f ca="1">ROUND(SQRT((VLOOKUP($A231,városok!$A$2:$C$346,2,0)-VLOOKUP(BN$1,városok!$A$2:$C$346,2,0))^2+(VLOOKUP($A231,városok!$A$2:$C$346,3,0)-VLOOKUP(BN$1,városok!$A$2:$C$346,3,0))^2)/1000,0)</f>
        <v>207</v>
      </c>
      <c r="BO231">
        <f ca="1">ROUND(SQRT((VLOOKUP($A231,városok!$A$2:$C$346,2,0)-VLOOKUP(BO$1,városok!$A$2:$C$346,2,0))^2+(VLOOKUP($A231,városok!$A$2:$C$346,3,0)-VLOOKUP(BO$1,városok!$A$2:$C$346,3,0))^2)/1000,0)</f>
        <v>113</v>
      </c>
      <c r="BP231">
        <f ca="1">ROUND(SQRT((VLOOKUP($A231,városok!$A$2:$C$346,2,0)-VLOOKUP(BP$1,városok!$A$2:$C$346,2,0))^2+(VLOOKUP($A231,városok!$A$2:$C$346,3,0)-VLOOKUP(BP$1,városok!$A$2:$C$346,3,0))^2)/1000,0)</f>
        <v>106</v>
      </c>
      <c r="BQ231">
        <f ca="1">ROUND(SQRT((VLOOKUP($A231,városok!$A$2:$C$346,2,0)-VLOOKUP(BQ$1,városok!$A$2:$C$346,2,0))^2+(VLOOKUP($A231,városok!$A$2:$C$346,3,0)-VLOOKUP(BQ$1,városok!$A$2:$C$346,3,0))^2)/1000,0)</f>
        <v>117</v>
      </c>
      <c r="BR231">
        <f ca="1">ROUND(SQRT((VLOOKUP($A231,városok!$A$2:$C$346,2,0)-VLOOKUP(BR$1,városok!$A$2:$C$346,2,0))^2+(VLOOKUP($A231,városok!$A$2:$C$346,3,0)-VLOOKUP(BR$1,városok!$A$2:$C$346,3,0))^2)/1000,0)</f>
        <v>177</v>
      </c>
      <c r="BS231">
        <f ca="1">ROUND(SQRT((VLOOKUP($A231,városok!$A$2:$C$346,2,0)-VLOOKUP(BS$1,városok!$A$2:$C$346,2,0))^2+(VLOOKUP($A231,városok!$A$2:$C$346,3,0)-VLOOKUP(BS$1,városok!$A$2:$C$346,3,0))^2)/1000,0)</f>
        <v>213</v>
      </c>
      <c r="BT231">
        <f ca="1">ROUND(SQRT((VLOOKUP($A231,városok!$A$2:$C$346,2,0)-VLOOKUP(BT$1,városok!$A$2:$C$346,2,0))^2+(VLOOKUP($A231,városok!$A$2:$C$346,3,0)-VLOOKUP(BT$1,városok!$A$2:$C$346,3,0))^2)/1000,0)</f>
        <v>203</v>
      </c>
    </row>
    <row r="232" spans="1:72" x14ac:dyDescent="0.2">
      <c r="A232" t="str">
        <f>városok!A232</f>
        <v>Pilis</v>
      </c>
      <c r="B232">
        <f ca="1">ROUND(SQRT((VLOOKUP($A232,városok!$A$2:$C$346,2,0)-VLOOKUP(B$1,városok!$A$2:$C$346,2,0))^2+(VLOOKUP($A232,városok!$A$2:$C$346,3,0)-VLOOKUP(B$1,városok!$A$2:$C$346,3,0))^2)/1000,0)</f>
        <v>130</v>
      </c>
      <c r="C232">
        <f ca="1">ROUND(SQRT((VLOOKUP($A232,városok!$A$2:$C$346,2,0)-VLOOKUP(C$1,városok!$A$2:$C$346,2,0))^2+(VLOOKUP($A232,városok!$A$2:$C$346,3,0)-VLOOKUP(C$1,városok!$A$2:$C$346,3,0))^2)/1000,0)</f>
        <v>94</v>
      </c>
      <c r="D232">
        <f ca="1">ROUND(SQRT((VLOOKUP($A232,városok!$A$2:$C$346,2,0)-VLOOKUP(D$1,városok!$A$2:$C$346,2,0))^2+(VLOOKUP($A232,városok!$A$2:$C$346,3,0)-VLOOKUP(D$1,városok!$A$2:$C$346,3,0))^2)/1000,0)</f>
        <v>43</v>
      </c>
      <c r="E232">
        <f ca="1">ROUND(SQRT((VLOOKUP($A232,városok!$A$2:$C$346,2,0)-VLOOKUP(E$1,városok!$A$2:$C$346,2,0))^2+(VLOOKUP($A232,városok!$A$2:$C$346,3,0)-VLOOKUP(E$1,városok!$A$2:$C$346,3,0))^2)/1000,0)</f>
        <v>156</v>
      </c>
      <c r="F232">
        <f ca="1">ROUND(SQRT((VLOOKUP($A232,városok!$A$2:$C$346,2,0)-VLOOKUP(F$1,városok!$A$2:$C$346,2,0))^2+(VLOOKUP($A232,városok!$A$2:$C$346,3,0)-VLOOKUP(F$1,városok!$A$2:$C$346,3,0))^2)/1000,0)</f>
        <v>158</v>
      </c>
      <c r="G232">
        <f ca="1">ROUND(SQRT((VLOOKUP($A232,városok!$A$2:$C$346,2,0)-VLOOKUP(G$1,városok!$A$2:$C$346,2,0))^2+(VLOOKUP($A232,városok!$A$2:$C$346,3,0)-VLOOKUP(G$1,városok!$A$2:$C$346,3,0))^2)/1000,0)</f>
        <v>167</v>
      </c>
      <c r="H232">
        <f ca="1">ROUND(SQRT((VLOOKUP($A232,városok!$A$2:$C$346,2,0)-VLOOKUP(H$1,városok!$A$2:$C$346,2,0))^2+(VLOOKUP($A232,városok!$A$2:$C$346,3,0)-VLOOKUP(H$1,városok!$A$2:$C$346,3,0))^2)/1000,0)</f>
        <v>192</v>
      </c>
      <c r="I232">
        <f ca="1">ROUND(SQRT((VLOOKUP($A232,városok!$A$2:$C$346,2,0)-VLOOKUP(I$1,városok!$A$2:$C$346,2,0))^2+(VLOOKUP($A232,városok!$A$2:$C$346,3,0)-VLOOKUP(I$1,városok!$A$2:$C$346,3,0))^2)/1000,0)</f>
        <v>135</v>
      </c>
      <c r="J232">
        <f ca="1">ROUND(SQRT((VLOOKUP($A232,városok!$A$2:$C$346,2,0)-VLOOKUP(J$1,városok!$A$2:$C$346,2,0))^2+(VLOOKUP($A232,városok!$A$2:$C$346,3,0)-VLOOKUP(J$1,városok!$A$2:$C$346,3,0))^2)/1000,0)</f>
        <v>150</v>
      </c>
      <c r="K232">
        <f ca="1">ROUND(SQRT((VLOOKUP($A232,városok!$A$2:$C$346,2,0)-VLOOKUP(K$1,városok!$A$2:$C$346,2,0))^2+(VLOOKUP($A232,városok!$A$2:$C$346,3,0)-VLOOKUP(K$1,városok!$A$2:$C$346,3,0))^2)/1000,0)</f>
        <v>117</v>
      </c>
      <c r="L232">
        <f ca="1">ROUND(SQRT((VLOOKUP($A232,városok!$A$2:$C$346,2,0)-VLOOKUP(L$1,városok!$A$2:$C$346,2,0))^2+(VLOOKUP($A232,városok!$A$2:$C$346,3,0)-VLOOKUP(L$1,városok!$A$2:$C$346,3,0))^2)/1000,0)</f>
        <v>135</v>
      </c>
      <c r="M232">
        <f ca="1">ROUND(SQRT((VLOOKUP($A232,városok!$A$2:$C$346,2,0)-VLOOKUP(M$1,városok!$A$2:$C$346,2,0))^2+(VLOOKUP($A232,városok!$A$2:$C$346,3,0)-VLOOKUP(M$1,városok!$A$2:$C$346,3,0))^2)/1000,0)</f>
        <v>131</v>
      </c>
      <c r="N232">
        <f ca="1">ROUND(SQRT((VLOOKUP($A232,városok!$A$2:$C$346,2,0)-VLOOKUP(N$1,városok!$A$2:$C$346,2,0))^2+(VLOOKUP($A232,városok!$A$2:$C$346,3,0)-VLOOKUP(N$1,városok!$A$2:$C$346,3,0))^2)/1000,0)</f>
        <v>118</v>
      </c>
      <c r="O232">
        <f ca="1">ROUND(SQRT((VLOOKUP($A232,városok!$A$2:$C$346,2,0)-VLOOKUP(O$1,városok!$A$2:$C$346,2,0))^2+(VLOOKUP($A232,városok!$A$2:$C$346,3,0)-VLOOKUP(O$1,városok!$A$2:$C$346,3,0))^2)/1000,0)</f>
        <v>200</v>
      </c>
      <c r="P232">
        <f ca="1">ROUND(SQRT((VLOOKUP($A232,városok!$A$2:$C$346,2,0)-VLOOKUP(P$1,városok!$A$2:$C$346,2,0))^2+(VLOOKUP($A232,városok!$A$2:$C$346,3,0)-VLOOKUP(P$1,városok!$A$2:$C$346,3,0))^2)/1000,0)</f>
        <v>201</v>
      </c>
      <c r="Q232">
        <f ca="1">ROUND(SQRT((VLOOKUP($A232,városok!$A$2:$C$346,2,0)-VLOOKUP(Q$1,városok!$A$2:$C$346,2,0))^2+(VLOOKUP($A232,városok!$A$2:$C$346,3,0)-VLOOKUP(Q$1,városok!$A$2:$C$346,3,0))^2)/1000,0)</f>
        <v>113</v>
      </c>
      <c r="R232">
        <f ca="1">ROUND(SQRT((VLOOKUP($A232,városok!$A$2:$C$346,2,0)-VLOOKUP(R$1,városok!$A$2:$C$346,2,0))^2+(VLOOKUP($A232,városok!$A$2:$C$346,3,0)-VLOOKUP(R$1,városok!$A$2:$C$346,3,0))^2)/1000,0)</f>
        <v>138</v>
      </c>
      <c r="S232">
        <f ca="1">ROUND(SQRT((VLOOKUP($A232,városok!$A$2:$C$346,2,0)-VLOOKUP(S$1,városok!$A$2:$C$346,2,0))^2+(VLOOKUP($A232,városok!$A$2:$C$346,3,0)-VLOOKUP(S$1,városok!$A$2:$C$346,3,0))^2)/1000,0)</f>
        <v>124</v>
      </c>
      <c r="T232">
        <f ca="1">ROUND(SQRT((VLOOKUP($A232,városok!$A$2:$C$346,2,0)-VLOOKUP(T$1,városok!$A$2:$C$346,2,0))^2+(VLOOKUP($A232,városok!$A$2:$C$346,3,0)-VLOOKUP(T$1,városok!$A$2:$C$346,3,0))^2)/1000,0)</f>
        <v>72</v>
      </c>
      <c r="U232">
        <f ca="1">ROUND(SQRT((VLOOKUP($A232,városok!$A$2:$C$346,2,0)-VLOOKUP(U$1,városok!$A$2:$C$346,2,0))^2+(VLOOKUP($A232,városok!$A$2:$C$346,3,0)-VLOOKUP(U$1,városok!$A$2:$C$346,3,0))^2)/1000,0)</f>
        <v>58</v>
      </c>
      <c r="V232">
        <f ca="1">ROUND(SQRT((VLOOKUP($A232,városok!$A$2:$C$346,2,0)-VLOOKUP(V$1,városok!$A$2:$C$346,2,0))^2+(VLOOKUP($A232,városok!$A$2:$C$346,3,0)-VLOOKUP(V$1,városok!$A$2:$C$346,3,0))^2)/1000,0)</f>
        <v>97</v>
      </c>
      <c r="W232">
        <f ca="1">ROUND(SQRT((VLOOKUP($A232,városok!$A$2:$C$346,2,0)-VLOOKUP(W$1,városok!$A$2:$C$346,2,0))^2+(VLOOKUP($A232,városok!$A$2:$C$346,3,0)-VLOOKUP(W$1,városok!$A$2:$C$346,3,0))^2)/1000,0)</f>
        <v>83</v>
      </c>
      <c r="X232">
        <f ca="1">ROUND(SQRT((VLOOKUP($A232,városok!$A$2:$C$346,2,0)-VLOOKUP(X$1,városok!$A$2:$C$346,2,0))^2+(VLOOKUP($A232,városok!$A$2:$C$346,3,0)-VLOOKUP(X$1,városok!$A$2:$C$346,3,0))^2)/1000,0)</f>
        <v>92</v>
      </c>
      <c r="Y232">
        <f ca="1">ROUND(SQRT((VLOOKUP($A232,városok!$A$2:$C$346,2,0)-VLOOKUP(Y$1,városok!$A$2:$C$346,2,0))^2+(VLOOKUP($A232,városok!$A$2:$C$346,3,0)-VLOOKUP(Y$1,városok!$A$2:$C$346,3,0))^2)/1000,0)</f>
        <v>151</v>
      </c>
      <c r="Z232">
        <f ca="1">ROUND(SQRT((VLOOKUP($A232,városok!$A$2:$C$346,2,0)-VLOOKUP(Z$1,városok!$A$2:$C$346,2,0))^2+(VLOOKUP($A232,városok!$A$2:$C$346,3,0)-VLOOKUP(Z$1,városok!$A$2:$C$346,3,0))^2)/1000,0)</f>
        <v>170</v>
      </c>
      <c r="AA232">
        <f ca="1">ROUND(SQRT((VLOOKUP($A232,városok!$A$2:$C$346,2,0)-VLOOKUP(AA$1,városok!$A$2:$C$346,2,0))^2+(VLOOKUP($A232,városok!$A$2:$C$346,3,0)-VLOOKUP(AA$1,városok!$A$2:$C$346,3,0))^2)/1000,0)</f>
        <v>228</v>
      </c>
      <c r="AB232">
        <f ca="1">ROUND(SQRT((VLOOKUP($A232,városok!$A$2:$C$346,2,0)-VLOOKUP(AB$1,városok!$A$2:$C$346,2,0))^2+(VLOOKUP($A232,városok!$A$2:$C$346,3,0)-VLOOKUP(AB$1,városok!$A$2:$C$346,3,0))^2)/1000,0)</f>
        <v>160</v>
      </c>
      <c r="AC232">
        <f ca="1">ROUND(SQRT((VLOOKUP($A232,városok!$A$2:$C$346,2,0)-VLOOKUP(AC$1,városok!$A$2:$C$346,2,0))^2+(VLOOKUP($A232,városok!$A$2:$C$346,3,0)-VLOOKUP(AC$1,városok!$A$2:$C$346,3,0))^2)/1000,0)</f>
        <v>141</v>
      </c>
      <c r="AD232">
        <f ca="1">ROUND(SQRT((VLOOKUP($A232,városok!$A$2:$C$346,2,0)-VLOOKUP(AD$1,városok!$A$2:$C$346,2,0))^2+(VLOOKUP($A232,városok!$A$2:$C$346,3,0)-VLOOKUP(AD$1,városok!$A$2:$C$346,3,0))^2)/1000,0)</f>
        <v>123</v>
      </c>
      <c r="AE232">
        <f ca="1">ROUND(SQRT((VLOOKUP($A232,városok!$A$2:$C$346,2,0)-VLOOKUP(AE$1,városok!$A$2:$C$346,2,0))^2+(VLOOKUP($A232,városok!$A$2:$C$346,3,0)-VLOOKUP(AE$1,városok!$A$2:$C$346,3,0))^2)/1000,0)</f>
        <v>123</v>
      </c>
      <c r="AF232">
        <f ca="1">ROUND(SQRT((VLOOKUP($A232,városok!$A$2:$C$346,2,0)-VLOOKUP(AF$1,városok!$A$2:$C$346,2,0))^2+(VLOOKUP($A232,városok!$A$2:$C$346,3,0)-VLOOKUP(AF$1,városok!$A$2:$C$346,3,0))^2)/1000,0)</f>
        <v>93</v>
      </c>
      <c r="AG232">
        <f ca="1">ROUND(SQRT((VLOOKUP($A232,városok!$A$2:$C$346,2,0)-VLOOKUP(AG$1,városok!$A$2:$C$346,2,0))^2+(VLOOKUP($A232,városok!$A$2:$C$346,3,0)-VLOOKUP(AG$1,városok!$A$2:$C$346,3,0))^2)/1000,0)</f>
        <v>62</v>
      </c>
      <c r="AH232">
        <f ca="1">ROUND(SQRT((VLOOKUP($A232,városok!$A$2:$C$346,2,0)-VLOOKUP(AH$1,városok!$A$2:$C$346,2,0))^2+(VLOOKUP($A232,városok!$A$2:$C$346,3,0)-VLOOKUP(AH$1,városok!$A$2:$C$346,3,0))^2)/1000,0)</f>
        <v>44</v>
      </c>
      <c r="AI232">
        <f ca="1">ROUND(SQRT((VLOOKUP($A232,városok!$A$2:$C$346,2,0)-VLOOKUP(AI$1,városok!$A$2:$C$346,2,0))^2+(VLOOKUP($A232,városok!$A$2:$C$346,3,0)-VLOOKUP(AI$1,városok!$A$2:$C$346,3,0))^2)/1000,0)</f>
        <v>92</v>
      </c>
      <c r="AJ232">
        <f ca="1">ROUND(SQRT((VLOOKUP($A232,városok!$A$2:$C$346,2,0)-VLOOKUP(AJ$1,városok!$A$2:$C$346,2,0))^2+(VLOOKUP($A232,városok!$A$2:$C$346,3,0)-VLOOKUP(AJ$1,városok!$A$2:$C$346,3,0))^2)/1000,0)</f>
        <v>52</v>
      </c>
      <c r="AK232">
        <f ca="1">ROUND(SQRT((VLOOKUP($A232,városok!$A$2:$C$346,2,0)-VLOOKUP(AK$1,városok!$A$2:$C$346,2,0))^2+(VLOOKUP($A232,városok!$A$2:$C$346,3,0)-VLOOKUP(AK$1,városok!$A$2:$C$346,3,0))^2)/1000,0)</f>
        <v>108</v>
      </c>
      <c r="AL232">
        <f ca="1">ROUND(SQRT((VLOOKUP($A232,városok!$A$2:$C$346,2,0)-VLOOKUP(AL$1,városok!$A$2:$C$346,2,0))^2+(VLOOKUP($A232,városok!$A$2:$C$346,3,0)-VLOOKUP(AL$1,városok!$A$2:$C$346,3,0))^2)/1000,0)</f>
        <v>82</v>
      </c>
      <c r="AM232">
        <f ca="1">ROUND(SQRT((VLOOKUP($A232,városok!$A$2:$C$346,2,0)-VLOOKUP(AM$1,városok!$A$2:$C$346,2,0))^2+(VLOOKUP($A232,városok!$A$2:$C$346,3,0)-VLOOKUP(AM$1,városok!$A$2:$C$346,3,0))^2)/1000,0)</f>
        <v>50</v>
      </c>
      <c r="AN232">
        <f ca="1">ROUND(SQRT((VLOOKUP($A232,városok!$A$2:$C$346,2,0)-VLOOKUP(AN$1,városok!$A$2:$C$346,2,0))^2+(VLOOKUP($A232,városok!$A$2:$C$346,3,0)-VLOOKUP(AN$1,városok!$A$2:$C$346,3,0))^2)/1000,0)</f>
        <v>82</v>
      </c>
      <c r="AO232">
        <f ca="1">ROUND(SQRT((VLOOKUP($A232,városok!$A$2:$C$346,2,0)-VLOOKUP(AO$1,városok!$A$2:$C$346,2,0))^2+(VLOOKUP($A232,városok!$A$2:$C$346,3,0)-VLOOKUP(AO$1,városok!$A$2:$C$346,3,0))^2)/1000,0)</f>
        <v>119</v>
      </c>
      <c r="AP232">
        <f ca="1">ROUND(SQRT((VLOOKUP($A232,városok!$A$2:$C$346,2,0)-VLOOKUP(AP$1,városok!$A$2:$C$346,2,0))^2+(VLOOKUP($A232,városok!$A$2:$C$346,3,0)-VLOOKUP(AP$1,városok!$A$2:$C$346,3,0))^2)/1000,0)</f>
        <v>100</v>
      </c>
      <c r="AQ232">
        <f ca="1">ROUND(SQRT((VLOOKUP($A232,városok!$A$2:$C$346,2,0)-VLOOKUP(AQ$1,városok!$A$2:$C$346,2,0))^2+(VLOOKUP($A232,városok!$A$2:$C$346,3,0)-VLOOKUP(AQ$1,városok!$A$2:$C$346,3,0))^2)/1000,0)</f>
        <v>91</v>
      </c>
      <c r="AR232">
        <f ca="1">ROUND(SQRT((VLOOKUP($A232,városok!$A$2:$C$346,2,0)-VLOOKUP(AR$1,városok!$A$2:$C$346,2,0))^2+(VLOOKUP($A232,városok!$A$2:$C$346,3,0)-VLOOKUP(AR$1,városok!$A$2:$C$346,3,0))^2)/1000,0)</f>
        <v>72</v>
      </c>
      <c r="AS232">
        <f ca="1">ROUND(SQRT((VLOOKUP($A232,városok!$A$2:$C$346,2,0)-VLOOKUP(AS$1,városok!$A$2:$C$346,2,0))^2+(VLOOKUP($A232,városok!$A$2:$C$346,3,0)-VLOOKUP(AS$1,városok!$A$2:$C$346,3,0))^2)/1000,0)</f>
        <v>94</v>
      </c>
      <c r="AT232">
        <f ca="1">ROUND(SQRT((VLOOKUP($A232,városok!$A$2:$C$346,2,0)-VLOOKUP(AT$1,városok!$A$2:$C$346,2,0))^2+(VLOOKUP($A232,városok!$A$2:$C$346,3,0)-VLOOKUP(AT$1,városok!$A$2:$C$346,3,0))^2)/1000,0)</f>
        <v>59</v>
      </c>
      <c r="AU232">
        <f ca="1">ROUND(SQRT((VLOOKUP($A232,városok!$A$2:$C$346,2,0)-VLOOKUP(AU$1,városok!$A$2:$C$346,2,0))^2+(VLOOKUP($A232,városok!$A$2:$C$346,3,0)-VLOOKUP(AU$1,városok!$A$2:$C$346,3,0))^2)/1000,0)</f>
        <v>48</v>
      </c>
      <c r="AV232">
        <f ca="1">ROUND(SQRT((VLOOKUP($A232,városok!$A$2:$C$346,2,0)-VLOOKUP(AV$1,városok!$A$2:$C$346,2,0))^2+(VLOOKUP($A232,városok!$A$2:$C$346,3,0)-VLOOKUP(AV$1,városok!$A$2:$C$346,3,0))^2)/1000,0)</f>
        <v>47</v>
      </c>
      <c r="AW232">
        <f ca="1">ROUND(SQRT((VLOOKUP($A232,városok!$A$2:$C$346,2,0)-VLOOKUP(AW$1,városok!$A$2:$C$346,2,0))^2+(VLOOKUP($A232,városok!$A$2:$C$346,3,0)-VLOOKUP(AW$1,városok!$A$2:$C$346,3,0))^2)/1000,0)</f>
        <v>49</v>
      </c>
      <c r="AX232">
        <f ca="1">ROUND(SQRT((VLOOKUP($A232,városok!$A$2:$C$346,2,0)-VLOOKUP(AX$1,városok!$A$2:$C$346,2,0))^2+(VLOOKUP($A232,városok!$A$2:$C$346,3,0)-VLOOKUP(AX$1,városok!$A$2:$C$346,3,0))^2)/1000,0)</f>
        <v>33</v>
      </c>
      <c r="AY232">
        <f ca="1">ROUND(SQRT((VLOOKUP($A232,városok!$A$2:$C$346,2,0)-VLOOKUP(AY$1,városok!$A$2:$C$346,2,0))^2+(VLOOKUP($A232,városok!$A$2:$C$346,3,0)-VLOOKUP(AY$1,városok!$A$2:$C$346,3,0))^2)/1000,0)</f>
        <v>57</v>
      </c>
      <c r="AZ232">
        <f ca="1">ROUND(SQRT((VLOOKUP($A232,városok!$A$2:$C$346,2,0)-VLOOKUP(AZ$1,városok!$A$2:$C$346,2,0))^2+(VLOOKUP($A232,városok!$A$2:$C$346,3,0)-VLOOKUP(AZ$1,városok!$A$2:$C$346,3,0))^2)/1000,0)</f>
        <v>71</v>
      </c>
      <c r="BA232">
        <f ca="1">ROUND(SQRT((VLOOKUP($A232,városok!$A$2:$C$346,2,0)-VLOOKUP(BA$1,városok!$A$2:$C$346,2,0))^2+(VLOOKUP($A232,városok!$A$2:$C$346,3,0)-VLOOKUP(BA$1,városok!$A$2:$C$346,3,0))^2)/1000,0)</f>
        <v>151</v>
      </c>
      <c r="BB232">
        <f ca="1">ROUND(SQRT((VLOOKUP($A232,városok!$A$2:$C$346,2,0)-VLOOKUP(BB$1,városok!$A$2:$C$346,2,0))^2+(VLOOKUP($A232,városok!$A$2:$C$346,3,0)-VLOOKUP(BB$1,városok!$A$2:$C$346,3,0))^2)/1000,0)</f>
        <v>147</v>
      </c>
      <c r="BC232">
        <f ca="1">ROUND(SQRT((VLOOKUP($A232,városok!$A$2:$C$346,2,0)-VLOOKUP(BC$1,városok!$A$2:$C$346,2,0))^2+(VLOOKUP($A232,városok!$A$2:$C$346,3,0)-VLOOKUP(BC$1,városok!$A$2:$C$346,3,0))^2)/1000,0)</f>
        <v>169</v>
      </c>
      <c r="BD232">
        <f ca="1">ROUND(SQRT((VLOOKUP($A232,városok!$A$2:$C$346,2,0)-VLOOKUP(BD$1,városok!$A$2:$C$346,2,0))^2+(VLOOKUP($A232,városok!$A$2:$C$346,3,0)-VLOOKUP(BD$1,városok!$A$2:$C$346,3,0))^2)/1000,0)</f>
        <v>120</v>
      </c>
      <c r="BE232">
        <f ca="1">ROUND(SQRT((VLOOKUP($A232,városok!$A$2:$C$346,2,0)-VLOOKUP(BE$1,városok!$A$2:$C$346,2,0))^2+(VLOOKUP($A232,városok!$A$2:$C$346,3,0)-VLOOKUP(BE$1,városok!$A$2:$C$346,3,0))^2)/1000,0)</f>
        <v>243</v>
      </c>
      <c r="BF232">
        <f ca="1">ROUND(SQRT((VLOOKUP($A232,városok!$A$2:$C$346,2,0)-VLOOKUP(BF$1,városok!$A$2:$C$346,2,0))^2+(VLOOKUP($A232,városok!$A$2:$C$346,3,0)-VLOOKUP(BF$1,városok!$A$2:$C$346,3,0))^2)/1000,0)</f>
        <v>217</v>
      </c>
      <c r="BG232">
        <f ca="1">ROUND(SQRT((VLOOKUP($A232,városok!$A$2:$C$346,2,0)-VLOOKUP(BG$1,városok!$A$2:$C$346,2,0))^2+(VLOOKUP($A232,városok!$A$2:$C$346,3,0)-VLOOKUP(BG$1,városok!$A$2:$C$346,3,0))^2)/1000,0)</f>
        <v>172</v>
      </c>
      <c r="BH232">
        <f ca="1">ROUND(SQRT((VLOOKUP($A232,városok!$A$2:$C$346,2,0)-VLOOKUP(BH$1,városok!$A$2:$C$346,2,0))^2+(VLOOKUP($A232,városok!$A$2:$C$346,3,0)-VLOOKUP(BH$1,városok!$A$2:$C$346,3,0))^2)/1000,0)</f>
        <v>172</v>
      </c>
      <c r="BI232">
        <f ca="1">ROUND(SQRT((VLOOKUP($A232,városok!$A$2:$C$346,2,0)-VLOOKUP(BI$1,városok!$A$2:$C$346,2,0))^2+(VLOOKUP($A232,városok!$A$2:$C$346,3,0)-VLOOKUP(BI$1,városok!$A$2:$C$346,3,0))^2)/1000,0)</f>
        <v>121</v>
      </c>
      <c r="BJ232">
        <f ca="1">ROUND(SQRT((VLOOKUP($A232,városok!$A$2:$C$346,2,0)-VLOOKUP(BJ$1,városok!$A$2:$C$346,2,0))^2+(VLOOKUP($A232,városok!$A$2:$C$346,3,0)-VLOOKUP(BJ$1,városok!$A$2:$C$346,3,0))^2)/1000,0)</f>
        <v>139</v>
      </c>
      <c r="BK232">
        <f ca="1">ROUND(SQRT((VLOOKUP($A232,városok!$A$2:$C$346,2,0)-VLOOKUP(BK$1,városok!$A$2:$C$346,2,0))^2+(VLOOKUP($A232,városok!$A$2:$C$346,3,0)-VLOOKUP(BK$1,városok!$A$2:$C$346,3,0))^2)/1000,0)</f>
        <v>122</v>
      </c>
      <c r="BL232">
        <f ca="1">ROUND(SQRT((VLOOKUP($A232,városok!$A$2:$C$346,2,0)-VLOOKUP(BL$1,városok!$A$2:$C$346,2,0))^2+(VLOOKUP($A232,városok!$A$2:$C$346,3,0)-VLOOKUP(BL$1,városok!$A$2:$C$346,3,0))^2)/1000,0)</f>
        <v>225</v>
      </c>
      <c r="BM232">
        <f ca="1">ROUND(SQRT((VLOOKUP($A232,városok!$A$2:$C$346,2,0)-VLOOKUP(BM$1,városok!$A$2:$C$346,2,0))^2+(VLOOKUP($A232,városok!$A$2:$C$346,3,0)-VLOOKUP(BM$1,városok!$A$2:$C$346,3,0))^2)/1000,0)</f>
        <v>198</v>
      </c>
      <c r="BN232">
        <f ca="1">ROUND(SQRT((VLOOKUP($A232,városok!$A$2:$C$346,2,0)-VLOOKUP(BN$1,városok!$A$2:$C$346,2,0))^2+(VLOOKUP($A232,városok!$A$2:$C$346,3,0)-VLOOKUP(BN$1,városok!$A$2:$C$346,3,0))^2)/1000,0)</f>
        <v>221</v>
      </c>
      <c r="BO232">
        <f ca="1">ROUND(SQRT((VLOOKUP($A232,városok!$A$2:$C$346,2,0)-VLOOKUP(BO$1,városok!$A$2:$C$346,2,0))^2+(VLOOKUP($A232,városok!$A$2:$C$346,3,0)-VLOOKUP(BO$1,városok!$A$2:$C$346,3,0))^2)/1000,0)</f>
        <v>119</v>
      </c>
      <c r="BP232">
        <f ca="1">ROUND(SQRT((VLOOKUP($A232,városok!$A$2:$C$346,2,0)-VLOOKUP(BP$1,városok!$A$2:$C$346,2,0))^2+(VLOOKUP($A232,városok!$A$2:$C$346,3,0)-VLOOKUP(BP$1,városok!$A$2:$C$346,3,0))^2)/1000,0)</f>
        <v>112</v>
      </c>
      <c r="BQ232">
        <f ca="1">ROUND(SQRT((VLOOKUP($A232,városok!$A$2:$C$346,2,0)-VLOOKUP(BQ$1,városok!$A$2:$C$346,2,0))^2+(VLOOKUP($A232,városok!$A$2:$C$346,3,0)-VLOOKUP(BQ$1,városok!$A$2:$C$346,3,0))^2)/1000,0)</f>
        <v>126</v>
      </c>
      <c r="BR232">
        <f ca="1">ROUND(SQRT((VLOOKUP($A232,városok!$A$2:$C$346,2,0)-VLOOKUP(BR$1,városok!$A$2:$C$346,2,0))^2+(VLOOKUP($A232,városok!$A$2:$C$346,3,0)-VLOOKUP(BR$1,városok!$A$2:$C$346,3,0))^2)/1000,0)</f>
        <v>183</v>
      </c>
      <c r="BS232">
        <f ca="1">ROUND(SQRT((VLOOKUP($A232,városok!$A$2:$C$346,2,0)-VLOOKUP(BS$1,városok!$A$2:$C$346,2,0))^2+(VLOOKUP($A232,városok!$A$2:$C$346,3,0)-VLOOKUP(BS$1,városok!$A$2:$C$346,3,0))^2)/1000,0)</f>
        <v>215</v>
      </c>
      <c r="BT232">
        <f ca="1">ROUND(SQRT((VLOOKUP($A232,városok!$A$2:$C$346,2,0)-VLOOKUP(BT$1,városok!$A$2:$C$346,2,0))^2+(VLOOKUP($A232,városok!$A$2:$C$346,3,0)-VLOOKUP(BT$1,városok!$A$2:$C$346,3,0))^2)/1000,0)</f>
        <v>211</v>
      </c>
    </row>
    <row r="233" spans="1:72" x14ac:dyDescent="0.2">
      <c r="A233" t="str">
        <f>városok!A233</f>
        <v>Piliscsaba</v>
      </c>
      <c r="B233">
        <f ca="1">ROUND(SQRT((VLOOKUP($A233,városok!$A$2:$C$346,2,0)-VLOOKUP(B$1,városok!$A$2:$C$346,2,0))^2+(VLOOKUP($A233,városok!$A$2:$C$346,3,0)-VLOOKUP(B$1,városok!$A$2:$C$346,3,0))^2)/1000,0)</f>
        <v>161</v>
      </c>
      <c r="C233">
        <f ca="1">ROUND(SQRT((VLOOKUP($A233,városok!$A$2:$C$346,2,0)-VLOOKUP(C$1,városok!$A$2:$C$346,2,0))^2+(VLOOKUP($A233,városok!$A$2:$C$346,3,0)-VLOOKUP(C$1,városok!$A$2:$C$346,3,0))^2)/1000,0)</f>
        <v>123</v>
      </c>
      <c r="D233">
        <f ca="1">ROUND(SQRT((VLOOKUP($A233,városok!$A$2:$C$346,2,0)-VLOOKUP(D$1,városok!$A$2:$C$346,2,0))^2+(VLOOKUP($A233,városok!$A$2:$C$346,3,0)-VLOOKUP(D$1,városok!$A$2:$C$346,3,0))^2)/1000,0)</f>
        <v>104</v>
      </c>
      <c r="E233">
        <f ca="1">ROUND(SQRT((VLOOKUP($A233,városok!$A$2:$C$346,2,0)-VLOOKUP(E$1,városok!$A$2:$C$346,2,0))^2+(VLOOKUP($A233,városok!$A$2:$C$346,3,0)-VLOOKUP(E$1,városok!$A$2:$C$346,3,0))^2)/1000,0)</f>
        <v>166</v>
      </c>
      <c r="F233">
        <f ca="1">ROUND(SQRT((VLOOKUP($A233,városok!$A$2:$C$346,2,0)-VLOOKUP(F$1,városok!$A$2:$C$346,2,0))^2+(VLOOKUP($A233,városok!$A$2:$C$346,3,0)-VLOOKUP(F$1,városok!$A$2:$C$346,3,0))^2)/1000,0)</f>
        <v>183</v>
      </c>
      <c r="G233">
        <f ca="1">ROUND(SQRT((VLOOKUP($A233,városok!$A$2:$C$346,2,0)-VLOOKUP(G$1,városok!$A$2:$C$346,2,0))^2+(VLOOKUP($A233,városok!$A$2:$C$346,3,0)-VLOOKUP(G$1,városok!$A$2:$C$346,3,0))^2)/1000,0)</f>
        <v>179</v>
      </c>
      <c r="H233">
        <f ca="1">ROUND(SQRT((VLOOKUP($A233,városok!$A$2:$C$346,2,0)-VLOOKUP(H$1,városok!$A$2:$C$346,2,0))^2+(VLOOKUP($A233,városok!$A$2:$C$346,3,0)-VLOOKUP(H$1,városok!$A$2:$C$346,3,0))^2)/1000,0)</f>
        <v>193</v>
      </c>
      <c r="I233">
        <f ca="1">ROUND(SQRT((VLOOKUP($A233,városok!$A$2:$C$346,2,0)-VLOOKUP(I$1,városok!$A$2:$C$346,2,0))^2+(VLOOKUP($A233,városok!$A$2:$C$346,3,0)-VLOOKUP(I$1,városok!$A$2:$C$346,3,0))^2)/1000,0)</f>
        <v>201</v>
      </c>
      <c r="J233">
        <f ca="1">ROUND(SQRT((VLOOKUP($A233,városok!$A$2:$C$346,2,0)-VLOOKUP(J$1,városok!$A$2:$C$346,2,0))^2+(VLOOKUP($A233,városok!$A$2:$C$346,3,0)-VLOOKUP(J$1,városok!$A$2:$C$346,3,0))^2)/1000,0)</f>
        <v>216</v>
      </c>
      <c r="K233">
        <f ca="1">ROUND(SQRT((VLOOKUP($A233,városok!$A$2:$C$346,2,0)-VLOOKUP(K$1,városok!$A$2:$C$346,2,0))^2+(VLOOKUP($A233,városok!$A$2:$C$346,3,0)-VLOOKUP(K$1,városok!$A$2:$C$346,3,0))^2)/1000,0)</f>
        <v>183</v>
      </c>
      <c r="L233">
        <f ca="1">ROUND(SQRT((VLOOKUP($A233,városok!$A$2:$C$346,2,0)-VLOOKUP(L$1,városok!$A$2:$C$346,2,0))^2+(VLOOKUP($A233,városok!$A$2:$C$346,3,0)-VLOOKUP(L$1,városok!$A$2:$C$346,3,0))^2)/1000,0)</f>
        <v>151</v>
      </c>
      <c r="M233">
        <f ca="1">ROUND(SQRT((VLOOKUP($A233,városok!$A$2:$C$346,2,0)-VLOOKUP(M$1,városok!$A$2:$C$346,2,0))^2+(VLOOKUP($A233,városok!$A$2:$C$346,3,0)-VLOOKUP(M$1,városok!$A$2:$C$346,3,0))^2)/1000,0)</f>
        <v>156</v>
      </c>
      <c r="N233">
        <f ca="1">ROUND(SQRT((VLOOKUP($A233,városok!$A$2:$C$346,2,0)-VLOOKUP(N$1,városok!$A$2:$C$346,2,0))^2+(VLOOKUP($A233,városok!$A$2:$C$346,3,0)-VLOOKUP(N$1,városok!$A$2:$C$346,3,0))^2)/1000,0)</f>
        <v>127</v>
      </c>
      <c r="O233">
        <f ca="1">ROUND(SQRT((VLOOKUP($A233,városok!$A$2:$C$346,2,0)-VLOOKUP(O$1,városok!$A$2:$C$346,2,0))^2+(VLOOKUP($A233,városok!$A$2:$C$346,3,0)-VLOOKUP(O$1,városok!$A$2:$C$346,3,0))^2)/1000,0)</f>
        <v>227</v>
      </c>
      <c r="P233">
        <f ca="1">ROUND(SQRT((VLOOKUP($A233,városok!$A$2:$C$346,2,0)-VLOOKUP(P$1,városok!$A$2:$C$346,2,0))^2+(VLOOKUP($A233,városok!$A$2:$C$346,3,0)-VLOOKUP(P$1,városok!$A$2:$C$346,3,0))^2)/1000,0)</f>
        <v>227</v>
      </c>
      <c r="Q233">
        <f ca="1">ROUND(SQRT((VLOOKUP($A233,városok!$A$2:$C$346,2,0)-VLOOKUP(Q$1,városok!$A$2:$C$346,2,0))^2+(VLOOKUP($A233,városok!$A$2:$C$346,3,0)-VLOOKUP(Q$1,városok!$A$2:$C$346,3,0))^2)/1000,0)</f>
        <v>176</v>
      </c>
      <c r="R233">
        <f ca="1">ROUND(SQRT((VLOOKUP($A233,városok!$A$2:$C$346,2,0)-VLOOKUP(R$1,városok!$A$2:$C$346,2,0))^2+(VLOOKUP($A233,városok!$A$2:$C$346,3,0)-VLOOKUP(R$1,városok!$A$2:$C$346,3,0))^2)/1000,0)</f>
        <v>201</v>
      </c>
      <c r="S233">
        <f ca="1">ROUND(SQRT((VLOOKUP($A233,városok!$A$2:$C$346,2,0)-VLOOKUP(S$1,városok!$A$2:$C$346,2,0))^2+(VLOOKUP($A233,városok!$A$2:$C$346,3,0)-VLOOKUP(S$1,városok!$A$2:$C$346,3,0))^2)/1000,0)</f>
        <v>184</v>
      </c>
      <c r="T233">
        <f ca="1">ROUND(SQRT((VLOOKUP($A233,városok!$A$2:$C$346,2,0)-VLOOKUP(T$1,városok!$A$2:$C$346,2,0))^2+(VLOOKUP($A233,városok!$A$2:$C$346,3,0)-VLOOKUP(T$1,városok!$A$2:$C$346,3,0))^2)/1000,0)</f>
        <v>22</v>
      </c>
      <c r="U233">
        <f ca="1">ROUND(SQRT((VLOOKUP($A233,városok!$A$2:$C$346,2,0)-VLOOKUP(U$1,városok!$A$2:$C$346,2,0))^2+(VLOOKUP($A233,városok!$A$2:$C$346,3,0)-VLOOKUP(U$1,városok!$A$2:$C$346,3,0))^2)/1000,0)</f>
        <v>75</v>
      </c>
      <c r="V233">
        <f ca="1">ROUND(SQRT((VLOOKUP($A233,városok!$A$2:$C$346,2,0)-VLOOKUP(V$1,városok!$A$2:$C$346,2,0))^2+(VLOOKUP($A233,városok!$A$2:$C$346,3,0)-VLOOKUP(V$1,városok!$A$2:$C$346,3,0))^2)/1000,0)</f>
        <v>75</v>
      </c>
      <c r="W233">
        <f ca="1">ROUND(SQRT((VLOOKUP($A233,városok!$A$2:$C$346,2,0)-VLOOKUP(W$1,városok!$A$2:$C$346,2,0))^2+(VLOOKUP($A233,városok!$A$2:$C$346,3,0)-VLOOKUP(W$1,városok!$A$2:$C$346,3,0))^2)/1000,0)</f>
        <v>85</v>
      </c>
      <c r="X233">
        <f ca="1">ROUND(SQRT((VLOOKUP($A233,városok!$A$2:$C$346,2,0)-VLOOKUP(X$1,városok!$A$2:$C$346,2,0))^2+(VLOOKUP($A233,városok!$A$2:$C$346,3,0)-VLOOKUP(X$1,városok!$A$2:$C$346,3,0))^2)/1000,0)</f>
        <v>54</v>
      </c>
      <c r="Y233">
        <f ca="1">ROUND(SQRT((VLOOKUP($A233,városok!$A$2:$C$346,2,0)-VLOOKUP(Y$1,városok!$A$2:$C$346,2,0))^2+(VLOOKUP($A233,városok!$A$2:$C$346,3,0)-VLOOKUP(Y$1,városok!$A$2:$C$346,3,0))^2)/1000,0)</f>
        <v>90</v>
      </c>
      <c r="Z233">
        <f ca="1">ROUND(SQRT((VLOOKUP($A233,városok!$A$2:$C$346,2,0)-VLOOKUP(Z$1,városok!$A$2:$C$346,2,0))^2+(VLOOKUP($A233,városok!$A$2:$C$346,3,0)-VLOOKUP(Z$1,városok!$A$2:$C$346,3,0))^2)/1000,0)</f>
        <v>109</v>
      </c>
      <c r="AA233">
        <f ca="1">ROUND(SQRT((VLOOKUP($A233,városok!$A$2:$C$346,2,0)-VLOOKUP(AA$1,városok!$A$2:$C$346,2,0))^2+(VLOOKUP($A233,városok!$A$2:$C$346,3,0)-VLOOKUP(AA$1,városok!$A$2:$C$346,3,0))^2)/1000,0)</f>
        <v>169</v>
      </c>
      <c r="AB233">
        <f ca="1">ROUND(SQRT((VLOOKUP($A233,városok!$A$2:$C$346,2,0)-VLOOKUP(AB$1,városok!$A$2:$C$346,2,0))^2+(VLOOKUP($A233,városok!$A$2:$C$346,3,0)-VLOOKUP(AB$1,városok!$A$2:$C$346,3,0))^2)/1000,0)</f>
        <v>211</v>
      </c>
      <c r="AC233">
        <f ca="1">ROUND(SQRT((VLOOKUP($A233,városok!$A$2:$C$346,2,0)-VLOOKUP(AC$1,városok!$A$2:$C$346,2,0))^2+(VLOOKUP($A233,városok!$A$2:$C$346,3,0)-VLOOKUP(AC$1,városok!$A$2:$C$346,3,0))^2)/1000,0)</f>
        <v>194</v>
      </c>
      <c r="AD233">
        <f ca="1">ROUND(SQRT((VLOOKUP($A233,városok!$A$2:$C$346,2,0)-VLOOKUP(AD$1,városok!$A$2:$C$346,2,0))^2+(VLOOKUP($A233,városok!$A$2:$C$346,3,0)-VLOOKUP(AD$1,városok!$A$2:$C$346,3,0))^2)/1000,0)</f>
        <v>177</v>
      </c>
      <c r="AE233">
        <f ca="1">ROUND(SQRT((VLOOKUP($A233,városok!$A$2:$C$346,2,0)-VLOOKUP(AE$1,városok!$A$2:$C$346,2,0))^2+(VLOOKUP($A233,városok!$A$2:$C$346,3,0)-VLOOKUP(AE$1,városok!$A$2:$C$346,3,0))^2)/1000,0)</f>
        <v>181</v>
      </c>
      <c r="AF233">
        <f ca="1">ROUND(SQRT((VLOOKUP($A233,városok!$A$2:$C$346,2,0)-VLOOKUP(AF$1,városok!$A$2:$C$346,2,0))^2+(VLOOKUP($A233,városok!$A$2:$C$346,3,0)-VLOOKUP(AF$1,városok!$A$2:$C$346,3,0))^2)/1000,0)</f>
        <v>120</v>
      </c>
      <c r="AG233">
        <f ca="1">ROUND(SQRT((VLOOKUP($A233,városok!$A$2:$C$346,2,0)-VLOOKUP(AG$1,városok!$A$2:$C$346,2,0))^2+(VLOOKUP($A233,városok!$A$2:$C$346,3,0)-VLOOKUP(AG$1,városok!$A$2:$C$346,3,0))^2)/1000,0)</f>
        <v>84</v>
      </c>
      <c r="AH233">
        <f ca="1">ROUND(SQRT((VLOOKUP($A233,városok!$A$2:$C$346,2,0)-VLOOKUP(AH$1,városok!$A$2:$C$346,2,0))^2+(VLOOKUP($A233,városok!$A$2:$C$346,3,0)-VLOOKUP(AH$1,városok!$A$2:$C$346,3,0))^2)/1000,0)</f>
        <v>64</v>
      </c>
      <c r="AI233">
        <f ca="1">ROUND(SQRT((VLOOKUP($A233,városok!$A$2:$C$346,2,0)-VLOOKUP(AI$1,városok!$A$2:$C$346,2,0))^2+(VLOOKUP($A233,városok!$A$2:$C$346,3,0)-VLOOKUP(AI$1,városok!$A$2:$C$346,3,0))^2)/1000,0)</f>
        <v>104</v>
      </c>
      <c r="AJ233">
        <f ca="1">ROUND(SQRT((VLOOKUP($A233,városok!$A$2:$C$346,2,0)-VLOOKUP(AJ$1,városok!$A$2:$C$346,2,0))^2+(VLOOKUP($A233,városok!$A$2:$C$346,3,0)-VLOOKUP(AJ$1,városok!$A$2:$C$346,3,0))^2)/1000,0)</f>
        <v>86</v>
      </c>
      <c r="AK233">
        <f ca="1">ROUND(SQRT((VLOOKUP($A233,városok!$A$2:$C$346,2,0)-VLOOKUP(AK$1,városok!$A$2:$C$346,2,0))^2+(VLOOKUP($A233,városok!$A$2:$C$346,3,0)-VLOOKUP(AK$1,városok!$A$2:$C$346,3,0))^2)/1000,0)</f>
        <v>166</v>
      </c>
      <c r="AL233">
        <f ca="1">ROUND(SQRT((VLOOKUP($A233,városok!$A$2:$C$346,2,0)-VLOOKUP(AL$1,városok!$A$2:$C$346,2,0))^2+(VLOOKUP($A233,városok!$A$2:$C$346,3,0)-VLOOKUP(AL$1,városok!$A$2:$C$346,3,0))^2)/1000,0)</f>
        <v>139</v>
      </c>
      <c r="AM233">
        <f ca="1">ROUND(SQRT((VLOOKUP($A233,városok!$A$2:$C$346,2,0)-VLOOKUP(AM$1,városok!$A$2:$C$346,2,0))^2+(VLOOKUP($A233,városok!$A$2:$C$346,3,0)-VLOOKUP(AM$1,városok!$A$2:$C$346,3,0))^2)/1000,0)</f>
        <v>114</v>
      </c>
      <c r="AN233">
        <f ca="1">ROUND(SQRT((VLOOKUP($A233,városok!$A$2:$C$346,2,0)-VLOOKUP(AN$1,városok!$A$2:$C$346,2,0))^2+(VLOOKUP($A233,városok!$A$2:$C$346,3,0)-VLOOKUP(AN$1,városok!$A$2:$C$346,3,0))^2)/1000,0)</f>
        <v>18</v>
      </c>
      <c r="AO233">
        <f ca="1">ROUND(SQRT((VLOOKUP($A233,városok!$A$2:$C$346,2,0)-VLOOKUP(AO$1,városok!$A$2:$C$346,2,0))^2+(VLOOKUP($A233,városok!$A$2:$C$346,3,0)-VLOOKUP(AO$1,városok!$A$2:$C$346,3,0))^2)/1000,0)</f>
        <v>54</v>
      </c>
      <c r="AP233">
        <f ca="1">ROUND(SQRT((VLOOKUP($A233,városok!$A$2:$C$346,2,0)-VLOOKUP(AP$1,városok!$A$2:$C$346,2,0))^2+(VLOOKUP($A233,városok!$A$2:$C$346,3,0)-VLOOKUP(AP$1,városok!$A$2:$C$346,3,0))^2)/1000,0)</f>
        <v>37</v>
      </c>
      <c r="AQ233">
        <f ca="1">ROUND(SQRT((VLOOKUP($A233,városok!$A$2:$C$346,2,0)-VLOOKUP(AQ$1,városok!$A$2:$C$346,2,0))^2+(VLOOKUP($A233,városok!$A$2:$C$346,3,0)-VLOOKUP(AQ$1,városok!$A$2:$C$346,3,0))^2)/1000,0)</f>
        <v>32</v>
      </c>
      <c r="AR233">
        <f ca="1">ROUND(SQRT((VLOOKUP($A233,városok!$A$2:$C$346,2,0)-VLOOKUP(AR$1,városok!$A$2:$C$346,2,0))^2+(VLOOKUP($A233,városok!$A$2:$C$346,3,0)-VLOOKUP(AR$1,városok!$A$2:$C$346,3,0))^2)/1000,0)</f>
        <v>72</v>
      </c>
      <c r="AS233">
        <f ca="1">ROUND(SQRT((VLOOKUP($A233,városok!$A$2:$C$346,2,0)-VLOOKUP(AS$1,városok!$A$2:$C$346,2,0))^2+(VLOOKUP($A233,városok!$A$2:$C$346,3,0)-VLOOKUP(AS$1,városok!$A$2:$C$346,3,0))^2)/1000,0)</f>
        <v>91</v>
      </c>
      <c r="AT233">
        <f ca="1">ROUND(SQRT((VLOOKUP($A233,városok!$A$2:$C$346,2,0)-VLOOKUP(AT$1,városok!$A$2:$C$346,2,0))^2+(VLOOKUP($A233,városok!$A$2:$C$346,3,0)-VLOOKUP(AT$1,városok!$A$2:$C$346,3,0))^2)/1000,0)</f>
        <v>18</v>
      </c>
      <c r="AU233">
        <f ca="1">ROUND(SQRT((VLOOKUP($A233,városok!$A$2:$C$346,2,0)-VLOOKUP(AU$1,városok!$A$2:$C$346,2,0))^2+(VLOOKUP($A233,városok!$A$2:$C$346,3,0)-VLOOKUP(AU$1,városok!$A$2:$C$346,3,0))^2)/1000,0)</f>
        <v>22</v>
      </c>
      <c r="AV233">
        <f ca="1">ROUND(SQRT((VLOOKUP($A233,városok!$A$2:$C$346,2,0)-VLOOKUP(AV$1,városok!$A$2:$C$346,2,0))^2+(VLOOKUP($A233,városok!$A$2:$C$346,3,0)-VLOOKUP(AV$1,városok!$A$2:$C$346,3,0))^2)/1000,0)</f>
        <v>27</v>
      </c>
      <c r="AW233">
        <f ca="1">ROUND(SQRT((VLOOKUP($A233,városok!$A$2:$C$346,2,0)-VLOOKUP(AW$1,városok!$A$2:$C$346,2,0))^2+(VLOOKUP($A233,városok!$A$2:$C$346,3,0)-VLOOKUP(AW$1,városok!$A$2:$C$346,3,0))^2)/1000,0)</f>
        <v>27</v>
      </c>
      <c r="AX233">
        <f ca="1">ROUND(SQRT((VLOOKUP($A233,városok!$A$2:$C$346,2,0)-VLOOKUP(AX$1,városok!$A$2:$C$346,2,0))^2+(VLOOKUP($A233,városok!$A$2:$C$346,3,0)-VLOOKUP(AX$1,városok!$A$2:$C$346,3,0))^2)/1000,0)</f>
        <v>98</v>
      </c>
      <c r="AY233">
        <f ca="1">ROUND(SQRT((VLOOKUP($A233,városok!$A$2:$C$346,2,0)-VLOOKUP(AY$1,városok!$A$2:$C$346,2,0))^2+(VLOOKUP($A233,városok!$A$2:$C$346,3,0)-VLOOKUP(AY$1,városok!$A$2:$C$346,3,0))^2)/1000,0)</f>
        <v>18</v>
      </c>
      <c r="AZ233">
        <f ca="1">ROUND(SQRT((VLOOKUP($A233,városok!$A$2:$C$346,2,0)-VLOOKUP(AZ$1,városok!$A$2:$C$346,2,0))^2+(VLOOKUP($A233,városok!$A$2:$C$346,3,0)-VLOOKUP(AZ$1,városok!$A$2:$C$346,3,0))^2)/1000,0)</f>
        <v>20</v>
      </c>
      <c r="BA233">
        <f ca="1">ROUND(SQRT((VLOOKUP($A233,városok!$A$2:$C$346,2,0)-VLOOKUP(BA$1,városok!$A$2:$C$346,2,0))^2+(VLOOKUP($A233,városok!$A$2:$C$346,3,0)-VLOOKUP(BA$1,városok!$A$2:$C$346,3,0))^2)/1000,0)</f>
        <v>128</v>
      </c>
      <c r="BB233">
        <f ca="1">ROUND(SQRT((VLOOKUP($A233,városok!$A$2:$C$346,2,0)-VLOOKUP(BB$1,városok!$A$2:$C$346,2,0))^2+(VLOOKUP($A233,városok!$A$2:$C$346,3,0)-VLOOKUP(BB$1,városok!$A$2:$C$346,3,0))^2)/1000,0)</f>
        <v>139</v>
      </c>
      <c r="BC233">
        <f ca="1">ROUND(SQRT((VLOOKUP($A233,városok!$A$2:$C$346,2,0)-VLOOKUP(BC$1,városok!$A$2:$C$346,2,0))^2+(VLOOKUP($A233,városok!$A$2:$C$346,3,0)-VLOOKUP(BC$1,városok!$A$2:$C$346,3,0))^2)/1000,0)</f>
        <v>162</v>
      </c>
      <c r="BD233">
        <f ca="1">ROUND(SQRT((VLOOKUP($A233,városok!$A$2:$C$346,2,0)-VLOOKUP(BD$1,városok!$A$2:$C$346,2,0))^2+(VLOOKUP($A233,városok!$A$2:$C$346,3,0)-VLOOKUP(BD$1,városok!$A$2:$C$346,3,0))^2)/1000,0)</f>
        <v>99</v>
      </c>
      <c r="BE233">
        <f ca="1">ROUND(SQRT((VLOOKUP($A233,városok!$A$2:$C$346,2,0)-VLOOKUP(BE$1,városok!$A$2:$C$346,2,0))^2+(VLOOKUP($A233,városok!$A$2:$C$346,3,0)-VLOOKUP(BE$1,városok!$A$2:$C$346,3,0))^2)/1000,0)</f>
        <v>289</v>
      </c>
      <c r="BF233">
        <f ca="1">ROUND(SQRT((VLOOKUP($A233,városok!$A$2:$C$346,2,0)-VLOOKUP(BF$1,városok!$A$2:$C$346,2,0))^2+(VLOOKUP($A233,városok!$A$2:$C$346,3,0)-VLOOKUP(BF$1,városok!$A$2:$C$346,3,0))^2)/1000,0)</f>
        <v>251</v>
      </c>
      <c r="BG233">
        <f ca="1">ROUND(SQRT((VLOOKUP($A233,városok!$A$2:$C$346,2,0)-VLOOKUP(BG$1,városok!$A$2:$C$346,2,0))^2+(VLOOKUP($A233,városok!$A$2:$C$346,3,0)-VLOOKUP(BG$1,városok!$A$2:$C$346,3,0))^2)/1000,0)</f>
        <v>205</v>
      </c>
      <c r="BH233">
        <f ca="1">ROUND(SQRT((VLOOKUP($A233,városok!$A$2:$C$346,2,0)-VLOOKUP(BH$1,városok!$A$2:$C$346,2,0))^2+(VLOOKUP($A233,városok!$A$2:$C$346,3,0)-VLOOKUP(BH$1,városok!$A$2:$C$346,3,0))^2)/1000,0)</f>
        <v>204</v>
      </c>
      <c r="BI233">
        <f ca="1">ROUND(SQRT((VLOOKUP($A233,városok!$A$2:$C$346,2,0)-VLOOKUP(BI$1,városok!$A$2:$C$346,2,0))^2+(VLOOKUP($A233,városok!$A$2:$C$346,3,0)-VLOOKUP(BI$1,városok!$A$2:$C$346,3,0))^2)/1000,0)</f>
        <v>138</v>
      </c>
      <c r="BJ233">
        <f ca="1">ROUND(SQRT((VLOOKUP($A233,városok!$A$2:$C$346,2,0)-VLOOKUP(BJ$1,városok!$A$2:$C$346,2,0))^2+(VLOOKUP($A233,városok!$A$2:$C$346,3,0)-VLOOKUP(BJ$1,városok!$A$2:$C$346,3,0))^2)/1000,0)</f>
        <v>153</v>
      </c>
      <c r="BK233">
        <f ca="1">ROUND(SQRT((VLOOKUP($A233,városok!$A$2:$C$346,2,0)-VLOOKUP(BK$1,városok!$A$2:$C$346,2,0))^2+(VLOOKUP($A233,városok!$A$2:$C$346,3,0)-VLOOKUP(BK$1,városok!$A$2:$C$346,3,0))^2)/1000,0)</f>
        <v>143</v>
      </c>
      <c r="BL233">
        <f ca="1">ROUND(SQRT((VLOOKUP($A233,városok!$A$2:$C$346,2,0)-VLOOKUP(BL$1,városok!$A$2:$C$346,2,0))^2+(VLOOKUP($A233,városok!$A$2:$C$346,3,0)-VLOOKUP(BL$1,városok!$A$2:$C$346,3,0))^2)/1000,0)</f>
        <v>182</v>
      </c>
      <c r="BM233">
        <f ca="1">ROUND(SQRT((VLOOKUP($A233,városok!$A$2:$C$346,2,0)-VLOOKUP(BM$1,városok!$A$2:$C$346,2,0))^2+(VLOOKUP($A233,városok!$A$2:$C$346,3,0)-VLOOKUP(BM$1,városok!$A$2:$C$346,3,0))^2)/1000,0)</f>
        <v>149</v>
      </c>
      <c r="BN233">
        <f ca="1">ROUND(SQRT((VLOOKUP($A233,városok!$A$2:$C$346,2,0)-VLOOKUP(BN$1,városok!$A$2:$C$346,2,0))^2+(VLOOKUP($A233,városok!$A$2:$C$346,3,0)-VLOOKUP(BN$1,városok!$A$2:$C$346,3,0))^2)/1000,0)</f>
        <v>172</v>
      </c>
      <c r="BO233">
        <f ca="1">ROUND(SQRT((VLOOKUP($A233,városok!$A$2:$C$346,2,0)-VLOOKUP(BO$1,városok!$A$2:$C$346,2,0))^2+(VLOOKUP($A233,városok!$A$2:$C$346,3,0)-VLOOKUP(BO$1,városok!$A$2:$C$346,3,0))^2)/1000,0)</f>
        <v>91</v>
      </c>
      <c r="BP233">
        <f ca="1">ROUND(SQRT((VLOOKUP($A233,városok!$A$2:$C$346,2,0)-VLOOKUP(BP$1,városok!$A$2:$C$346,2,0))^2+(VLOOKUP($A233,városok!$A$2:$C$346,3,0)-VLOOKUP(BP$1,városok!$A$2:$C$346,3,0))^2)/1000,0)</f>
        <v>86</v>
      </c>
      <c r="BQ233">
        <f ca="1">ROUND(SQRT((VLOOKUP($A233,városok!$A$2:$C$346,2,0)-VLOOKUP(BQ$1,városok!$A$2:$C$346,2,0))^2+(VLOOKUP($A233,városok!$A$2:$C$346,3,0)-VLOOKUP(BQ$1,városok!$A$2:$C$346,3,0))^2)/1000,0)</f>
        <v>92</v>
      </c>
      <c r="BR233">
        <f ca="1">ROUND(SQRT((VLOOKUP($A233,városok!$A$2:$C$346,2,0)-VLOOKUP(BR$1,városok!$A$2:$C$346,2,0))^2+(VLOOKUP($A233,városok!$A$2:$C$346,3,0)-VLOOKUP(BR$1,városok!$A$2:$C$346,3,0))^2)/1000,0)</f>
        <v>153</v>
      </c>
      <c r="BS233">
        <f ca="1">ROUND(SQRT((VLOOKUP($A233,városok!$A$2:$C$346,2,0)-VLOOKUP(BS$1,városok!$A$2:$C$346,2,0))^2+(VLOOKUP($A233,városok!$A$2:$C$346,3,0)-VLOOKUP(BS$1,városok!$A$2:$C$346,3,0))^2)/1000,0)</f>
        <v>192</v>
      </c>
      <c r="BT233">
        <f ca="1">ROUND(SQRT((VLOOKUP($A233,városok!$A$2:$C$346,2,0)-VLOOKUP(BT$1,városok!$A$2:$C$346,2,0))^2+(VLOOKUP($A233,városok!$A$2:$C$346,3,0)-VLOOKUP(BT$1,városok!$A$2:$C$346,3,0))^2)/1000,0)</f>
        <v>175</v>
      </c>
    </row>
    <row r="234" spans="1:72" x14ac:dyDescent="0.2">
      <c r="A234" t="str">
        <f>városok!A234</f>
        <v>Pilisvörösvár</v>
      </c>
      <c r="B234">
        <f ca="1">ROUND(SQRT((VLOOKUP($A234,városok!$A$2:$C$346,2,0)-VLOOKUP(B$1,városok!$A$2:$C$346,2,0))^2+(VLOOKUP($A234,városok!$A$2:$C$346,3,0)-VLOOKUP(B$1,városok!$A$2:$C$346,3,0))^2)/1000,0)</f>
        <v>160</v>
      </c>
      <c r="C234">
        <f ca="1">ROUND(SQRT((VLOOKUP($A234,városok!$A$2:$C$346,2,0)-VLOOKUP(C$1,városok!$A$2:$C$346,2,0))^2+(VLOOKUP($A234,városok!$A$2:$C$346,3,0)-VLOOKUP(C$1,városok!$A$2:$C$346,3,0))^2)/1000,0)</f>
        <v>121</v>
      </c>
      <c r="D234">
        <f ca="1">ROUND(SQRT((VLOOKUP($A234,városok!$A$2:$C$346,2,0)-VLOOKUP(D$1,városok!$A$2:$C$346,2,0))^2+(VLOOKUP($A234,városok!$A$2:$C$346,3,0)-VLOOKUP(D$1,városok!$A$2:$C$346,3,0))^2)/1000,0)</f>
        <v>99</v>
      </c>
      <c r="E234">
        <f ca="1">ROUND(SQRT((VLOOKUP($A234,városok!$A$2:$C$346,2,0)-VLOOKUP(E$1,városok!$A$2:$C$346,2,0))^2+(VLOOKUP($A234,városok!$A$2:$C$346,3,0)-VLOOKUP(E$1,városok!$A$2:$C$346,3,0))^2)/1000,0)</f>
        <v>167</v>
      </c>
      <c r="F234">
        <f ca="1">ROUND(SQRT((VLOOKUP($A234,városok!$A$2:$C$346,2,0)-VLOOKUP(F$1,városok!$A$2:$C$346,2,0))^2+(VLOOKUP($A234,városok!$A$2:$C$346,3,0)-VLOOKUP(F$1,városok!$A$2:$C$346,3,0))^2)/1000,0)</f>
        <v>182</v>
      </c>
      <c r="G234">
        <f ca="1">ROUND(SQRT((VLOOKUP($A234,városok!$A$2:$C$346,2,0)-VLOOKUP(G$1,városok!$A$2:$C$346,2,0))^2+(VLOOKUP($A234,városok!$A$2:$C$346,3,0)-VLOOKUP(G$1,városok!$A$2:$C$346,3,0))^2)/1000,0)</f>
        <v>179</v>
      </c>
      <c r="H234">
        <f ca="1">ROUND(SQRT((VLOOKUP($A234,városok!$A$2:$C$346,2,0)-VLOOKUP(H$1,városok!$A$2:$C$346,2,0))^2+(VLOOKUP($A234,városok!$A$2:$C$346,3,0)-VLOOKUP(H$1,városok!$A$2:$C$346,3,0))^2)/1000,0)</f>
        <v>194</v>
      </c>
      <c r="I234">
        <f ca="1">ROUND(SQRT((VLOOKUP($A234,városok!$A$2:$C$346,2,0)-VLOOKUP(I$1,városok!$A$2:$C$346,2,0))^2+(VLOOKUP($A234,városok!$A$2:$C$346,3,0)-VLOOKUP(I$1,városok!$A$2:$C$346,3,0))^2)/1000,0)</f>
        <v>195</v>
      </c>
      <c r="J234">
        <f ca="1">ROUND(SQRT((VLOOKUP($A234,városok!$A$2:$C$346,2,0)-VLOOKUP(J$1,városok!$A$2:$C$346,2,0))^2+(VLOOKUP($A234,városok!$A$2:$C$346,3,0)-VLOOKUP(J$1,városok!$A$2:$C$346,3,0))^2)/1000,0)</f>
        <v>210</v>
      </c>
      <c r="K234">
        <f ca="1">ROUND(SQRT((VLOOKUP($A234,városok!$A$2:$C$346,2,0)-VLOOKUP(K$1,városok!$A$2:$C$346,2,0))^2+(VLOOKUP($A234,városok!$A$2:$C$346,3,0)-VLOOKUP(K$1,városok!$A$2:$C$346,3,0))^2)/1000,0)</f>
        <v>178</v>
      </c>
      <c r="L234">
        <f ca="1">ROUND(SQRT((VLOOKUP($A234,városok!$A$2:$C$346,2,0)-VLOOKUP(L$1,városok!$A$2:$C$346,2,0))^2+(VLOOKUP($A234,városok!$A$2:$C$346,3,0)-VLOOKUP(L$1,városok!$A$2:$C$346,3,0))^2)/1000,0)</f>
        <v>147</v>
      </c>
      <c r="M234">
        <f ca="1">ROUND(SQRT((VLOOKUP($A234,városok!$A$2:$C$346,2,0)-VLOOKUP(M$1,városok!$A$2:$C$346,2,0))^2+(VLOOKUP($A234,városok!$A$2:$C$346,3,0)-VLOOKUP(M$1,városok!$A$2:$C$346,3,0))^2)/1000,0)</f>
        <v>151</v>
      </c>
      <c r="N234">
        <f ca="1">ROUND(SQRT((VLOOKUP($A234,városok!$A$2:$C$346,2,0)-VLOOKUP(N$1,városok!$A$2:$C$346,2,0))^2+(VLOOKUP($A234,városok!$A$2:$C$346,3,0)-VLOOKUP(N$1,városok!$A$2:$C$346,3,0))^2)/1000,0)</f>
        <v>123</v>
      </c>
      <c r="O234">
        <f ca="1">ROUND(SQRT((VLOOKUP($A234,városok!$A$2:$C$346,2,0)-VLOOKUP(O$1,városok!$A$2:$C$346,2,0))^2+(VLOOKUP($A234,városok!$A$2:$C$346,3,0)-VLOOKUP(O$1,városok!$A$2:$C$346,3,0))^2)/1000,0)</f>
        <v>222</v>
      </c>
      <c r="P234">
        <f ca="1">ROUND(SQRT((VLOOKUP($A234,városok!$A$2:$C$346,2,0)-VLOOKUP(P$1,városok!$A$2:$C$346,2,0))^2+(VLOOKUP($A234,városok!$A$2:$C$346,3,0)-VLOOKUP(P$1,városok!$A$2:$C$346,3,0))^2)/1000,0)</f>
        <v>222</v>
      </c>
      <c r="Q234">
        <f ca="1">ROUND(SQRT((VLOOKUP($A234,városok!$A$2:$C$346,2,0)-VLOOKUP(Q$1,városok!$A$2:$C$346,2,0))^2+(VLOOKUP($A234,városok!$A$2:$C$346,3,0)-VLOOKUP(Q$1,városok!$A$2:$C$346,3,0))^2)/1000,0)</f>
        <v>171</v>
      </c>
      <c r="R234">
        <f ca="1">ROUND(SQRT((VLOOKUP($A234,városok!$A$2:$C$346,2,0)-VLOOKUP(R$1,városok!$A$2:$C$346,2,0))^2+(VLOOKUP($A234,városok!$A$2:$C$346,3,0)-VLOOKUP(R$1,városok!$A$2:$C$346,3,0))^2)/1000,0)</f>
        <v>196</v>
      </c>
      <c r="S234">
        <f ca="1">ROUND(SQRT((VLOOKUP($A234,városok!$A$2:$C$346,2,0)-VLOOKUP(S$1,városok!$A$2:$C$346,2,0))^2+(VLOOKUP($A234,városok!$A$2:$C$346,3,0)-VLOOKUP(S$1,városok!$A$2:$C$346,3,0))^2)/1000,0)</f>
        <v>180</v>
      </c>
      <c r="T234">
        <f ca="1">ROUND(SQRT((VLOOKUP($A234,városok!$A$2:$C$346,2,0)-VLOOKUP(T$1,városok!$A$2:$C$346,2,0))^2+(VLOOKUP($A234,városok!$A$2:$C$346,3,0)-VLOOKUP(T$1,városok!$A$2:$C$346,3,0))^2)/1000,0)</f>
        <v>25</v>
      </c>
      <c r="U234">
        <f ca="1">ROUND(SQRT((VLOOKUP($A234,városok!$A$2:$C$346,2,0)-VLOOKUP(U$1,városok!$A$2:$C$346,2,0))^2+(VLOOKUP($A234,városok!$A$2:$C$346,3,0)-VLOOKUP(U$1,városok!$A$2:$C$346,3,0))^2)/1000,0)</f>
        <v>73</v>
      </c>
      <c r="V234">
        <f ca="1">ROUND(SQRT((VLOOKUP($A234,városok!$A$2:$C$346,2,0)-VLOOKUP(V$1,városok!$A$2:$C$346,2,0))^2+(VLOOKUP($A234,városok!$A$2:$C$346,3,0)-VLOOKUP(V$1,városok!$A$2:$C$346,3,0))^2)/1000,0)</f>
        <v>77</v>
      </c>
      <c r="W234">
        <f ca="1">ROUND(SQRT((VLOOKUP($A234,városok!$A$2:$C$346,2,0)-VLOOKUP(W$1,városok!$A$2:$C$346,2,0))^2+(VLOOKUP($A234,városok!$A$2:$C$346,3,0)-VLOOKUP(W$1,városok!$A$2:$C$346,3,0))^2)/1000,0)</f>
        <v>84</v>
      </c>
      <c r="X234">
        <f ca="1">ROUND(SQRT((VLOOKUP($A234,városok!$A$2:$C$346,2,0)-VLOOKUP(X$1,városok!$A$2:$C$346,2,0))^2+(VLOOKUP($A234,városok!$A$2:$C$346,3,0)-VLOOKUP(X$1,városok!$A$2:$C$346,3,0))^2)/1000,0)</f>
        <v>57</v>
      </c>
      <c r="Y234">
        <f ca="1">ROUND(SQRT((VLOOKUP($A234,városok!$A$2:$C$346,2,0)-VLOOKUP(Y$1,városok!$A$2:$C$346,2,0))^2+(VLOOKUP($A234,városok!$A$2:$C$346,3,0)-VLOOKUP(Y$1,városok!$A$2:$C$346,3,0))^2)/1000,0)</f>
        <v>96</v>
      </c>
      <c r="Z234">
        <f ca="1">ROUND(SQRT((VLOOKUP($A234,városok!$A$2:$C$346,2,0)-VLOOKUP(Z$1,városok!$A$2:$C$346,2,0))^2+(VLOOKUP($A234,városok!$A$2:$C$346,3,0)-VLOOKUP(Z$1,városok!$A$2:$C$346,3,0))^2)/1000,0)</f>
        <v>115</v>
      </c>
      <c r="AA234">
        <f ca="1">ROUND(SQRT((VLOOKUP($A234,városok!$A$2:$C$346,2,0)-VLOOKUP(AA$1,városok!$A$2:$C$346,2,0))^2+(VLOOKUP($A234,városok!$A$2:$C$346,3,0)-VLOOKUP(AA$1,városok!$A$2:$C$346,3,0))^2)/1000,0)</f>
        <v>175</v>
      </c>
      <c r="AB234">
        <f ca="1">ROUND(SQRT((VLOOKUP($A234,városok!$A$2:$C$346,2,0)-VLOOKUP(AB$1,városok!$A$2:$C$346,2,0))^2+(VLOOKUP($A234,városok!$A$2:$C$346,3,0)-VLOOKUP(AB$1,városok!$A$2:$C$346,3,0))^2)/1000,0)</f>
        <v>205</v>
      </c>
      <c r="AC234">
        <f ca="1">ROUND(SQRT((VLOOKUP($A234,városok!$A$2:$C$346,2,0)-VLOOKUP(AC$1,városok!$A$2:$C$346,2,0))^2+(VLOOKUP($A234,városok!$A$2:$C$346,3,0)-VLOOKUP(AC$1,városok!$A$2:$C$346,3,0))^2)/1000,0)</f>
        <v>188</v>
      </c>
      <c r="AD234">
        <f ca="1">ROUND(SQRT((VLOOKUP($A234,városok!$A$2:$C$346,2,0)-VLOOKUP(AD$1,városok!$A$2:$C$346,2,0))^2+(VLOOKUP($A234,városok!$A$2:$C$346,3,0)-VLOOKUP(AD$1,városok!$A$2:$C$346,3,0))^2)/1000,0)</f>
        <v>171</v>
      </c>
      <c r="AE234">
        <f ca="1">ROUND(SQRT((VLOOKUP($A234,városok!$A$2:$C$346,2,0)-VLOOKUP(AE$1,városok!$A$2:$C$346,2,0))^2+(VLOOKUP($A234,városok!$A$2:$C$346,3,0)-VLOOKUP(AE$1,városok!$A$2:$C$346,3,0))^2)/1000,0)</f>
        <v>174</v>
      </c>
      <c r="AF234">
        <f ca="1">ROUND(SQRT((VLOOKUP($A234,városok!$A$2:$C$346,2,0)-VLOOKUP(AF$1,városok!$A$2:$C$346,2,0))^2+(VLOOKUP($A234,városok!$A$2:$C$346,3,0)-VLOOKUP(AF$1,városok!$A$2:$C$346,3,0))^2)/1000,0)</f>
        <v>114</v>
      </c>
      <c r="AG234">
        <f ca="1">ROUND(SQRT((VLOOKUP($A234,városok!$A$2:$C$346,2,0)-VLOOKUP(AG$1,városok!$A$2:$C$346,2,0))^2+(VLOOKUP($A234,városok!$A$2:$C$346,3,0)-VLOOKUP(AG$1,városok!$A$2:$C$346,3,0))^2)/1000,0)</f>
        <v>78</v>
      </c>
      <c r="AH234">
        <f ca="1">ROUND(SQRT((VLOOKUP($A234,városok!$A$2:$C$346,2,0)-VLOOKUP(AH$1,városok!$A$2:$C$346,2,0))^2+(VLOOKUP($A234,városok!$A$2:$C$346,3,0)-VLOOKUP(AH$1,városok!$A$2:$C$346,3,0))^2)/1000,0)</f>
        <v>58</v>
      </c>
      <c r="AI234">
        <f ca="1">ROUND(SQRT((VLOOKUP($A234,városok!$A$2:$C$346,2,0)-VLOOKUP(AI$1,városok!$A$2:$C$346,2,0))^2+(VLOOKUP($A234,városok!$A$2:$C$346,3,0)-VLOOKUP(AI$1,városok!$A$2:$C$346,3,0))^2)/1000,0)</f>
        <v>99</v>
      </c>
      <c r="AJ234">
        <f ca="1">ROUND(SQRT((VLOOKUP($A234,városok!$A$2:$C$346,2,0)-VLOOKUP(AJ$1,városok!$A$2:$C$346,2,0))^2+(VLOOKUP($A234,városok!$A$2:$C$346,3,0)-VLOOKUP(AJ$1,városok!$A$2:$C$346,3,0))^2)/1000,0)</f>
        <v>80</v>
      </c>
      <c r="AK234">
        <f ca="1">ROUND(SQRT((VLOOKUP($A234,városok!$A$2:$C$346,2,0)-VLOOKUP(AK$1,városok!$A$2:$C$346,2,0))^2+(VLOOKUP($A234,városok!$A$2:$C$346,3,0)-VLOOKUP(AK$1,városok!$A$2:$C$346,3,0))^2)/1000,0)</f>
        <v>160</v>
      </c>
      <c r="AL234">
        <f ca="1">ROUND(SQRT((VLOOKUP($A234,városok!$A$2:$C$346,2,0)-VLOOKUP(AL$1,városok!$A$2:$C$346,2,0))^2+(VLOOKUP($A234,városok!$A$2:$C$346,3,0)-VLOOKUP(AL$1,városok!$A$2:$C$346,3,0))^2)/1000,0)</f>
        <v>132</v>
      </c>
      <c r="AM234">
        <f ca="1">ROUND(SQRT((VLOOKUP($A234,városok!$A$2:$C$346,2,0)-VLOOKUP(AM$1,városok!$A$2:$C$346,2,0))^2+(VLOOKUP($A234,városok!$A$2:$C$346,3,0)-VLOOKUP(AM$1,városok!$A$2:$C$346,3,0))^2)/1000,0)</f>
        <v>108</v>
      </c>
      <c r="AN234">
        <f ca="1">ROUND(SQRT((VLOOKUP($A234,városok!$A$2:$C$346,2,0)-VLOOKUP(AN$1,városok!$A$2:$C$346,2,0))^2+(VLOOKUP($A234,városok!$A$2:$C$346,3,0)-VLOOKUP(AN$1,városok!$A$2:$C$346,3,0))^2)/1000,0)</f>
        <v>23</v>
      </c>
      <c r="AO234">
        <f ca="1">ROUND(SQRT((VLOOKUP($A234,városok!$A$2:$C$346,2,0)-VLOOKUP(AO$1,városok!$A$2:$C$346,2,0))^2+(VLOOKUP($A234,városok!$A$2:$C$346,3,0)-VLOOKUP(AO$1,városok!$A$2:$C$346,3,0))^2)/1000,0)</f>
        <v>61</v>
      </c>
      <c r="AP234">
        <f ca="1">ROUND(SQRT((VLOOKUP($A234,városok!$A$2:$C$346,2,0)-VLOOKUP(AP$1,városok!$A$2:$C$346,2,0))^2+(VLOOKUP($A234,városok!$A$2:$C$346,3,0)-VLOOKUP(AP$1,városok!$A$2:$C$346,3,0))^2)/1000,0)</f>
        <v>43</v>
      </c>
      <c r="AQ234">
        <f ca="1">ROUND(SQRT((VLOOKUP($A234,városok!$A$2:$C$346,2,0)-VLOOKUP(AQ$1,városok!$A$2:$C$346,2,0))^2+(VLOOKUP($A234,városok!$A$2:$C$346,3,0)-VLOOKUP(AQ$1,városok!$A$2:$C$346,3,0))^2)/1000,0)</f>
        <v>38</v>
      </c>
      <c r="AR234">
        <f ca="1">ROUND(SQRT((VLOOKUP($A234,városok!$A$2:$C$346,2,0)-VLOOKUP(AR$1,városok!$A$2:$C$346,2,0))^2+(VLOOKUP($A234,városok!$A$2:$C$346,3,0)-VLOOKUP(AR$1,városok!$A$2:$C$346,3,0))^2)/1000,0)</f>
        <v>68</v>
      </c>
      <c r="AS234">
        <f ca="1">ROUND(SQRT((VLOOKUP($A234,városok!$A$2:$C$346,2,0)-VLOOKUP(AS$1,városok!$A$2:$C$346,2,0))^2+(VLOOKUP($A234,városok!$A$2:$C$346,3,0)-VLOOKUP(AS$1,városok!$A$2:$C$346,3,0))^2)/1000,0)</f>
        <v>87</v>
      </c>
      <c r="AT234">
        <f ca="1">ROUND(SQRT((VLOOKUP($A234,városok!$A$2:$C$346,2,0)-VLOOKUP(AT$1,városok!$A$2:$C$346,2,0))^2+(VLOOKUP($A234,városok!$A$2:$C$346,3,0)-VLOOKUP(AT$1,városok!$A$2:$C$346,3,0))^2)/1000,0)</f>
        <v>18</v>
      </c>
      <c r="AU234">
        <f ca="1">ROUND(SQRT((VLOOKUP($A234,városok!$A$2:$C$346,2,0)-VLOOKUP(AU$1,városok!$A$2:$C$346,2,0))^2+(VLOOKUP($A234,városok!$A$2:$C$346,3,0)-VLOOKUP(AU$1,városok!$A$2:$C$346,3,0))^2)/1000,0)</f>
        <v>18</v>
      </c>
      <c r="AV234">
        <f ca="1">ROUND(SQRT((VLOOKUP($A234,városok!$A$2:$C$346,2,0)-VLOOKUP(AV$1,városok!$A$2:$C$346,2,0))^2+(VLOOKUP($A234,városok!$A$2:$C$346,3,0)-VLOOKUP(AV$1,városok!$A$2:$C$346,3,0))^2)/1000,0)</f>
        <v>24</v>
      </c>
      <c r="AW234">
        <f ca="1">ROUND(SQRT((VLOOKUP($A234,városok!$A$2:$C$346,2,0)-VLOOKUP(AW$1,városok!$A$2:$C$346,2,0))^2+(VLOOKUP($A234,városok!$A$2:$C$346,3,0)-VLOOKUP(AW$1,városok!$A$2:$C$346,3,0))^2)/1000,0)</f>
        <v>25</v>
      </c>
      <c r="AX234">
        <f ca="1">ROUND(SQRT((VLOOKUP($A234,városok!$A$2:$C$346,2,0)-VLOOKUP(AX$1,városok!$A$2:$C$346,2,0))^2+(VLOOKUP($A234,városok!$A$2:$C$346,3,0)-VLOOKUP(AX$1,városok!$A$2:$C$346,3,0))^2)/1000,0)</f>
        <v>93</v>
      </c>
      <c r="AY234">
        <f ca="1">ROUND(SQRT((VLOOKUP($A234,városok!$A$2:$C$346,2,0)-VLOOKUP(AY$1,városok!$A$2:$C$346,2,0))^2+(VLOOKUP($A234,városok!$A$2:$C$346,3,0)-VLOOKUP(AY$1,városok!$A$2:$C$346,3,0))^2)/1000,0)</f>
        <v>13</v>
      </c>
      <c r="AZ234">
        <f ca="1">ROUND(SQRT((VLOOKUP($A234,városok!$A$2:$C$346,2,0)-VLOOKUP(AZ$1,városok!$A$2:$C$346,2,0))^2+(VLOOKUP($A234,városok!$A$2:$C$346,3,0)-VLOOKUP(AZ$1,városok!$A$2:$C$346,3,0))^2)/1000,0)</f>
        <v>19</v>
      </c>
      <c r="BA234">
        <f ca="1">ROUND(SQRT((VLOOKUP($A234,városok!$A$2:$C$346,2,0)-VLOOKUP(BA$1,városok!$A$2:$C$346,2,0))^2+(VLOOKUP($A234,városok!$A$2:$C$346,3,0)-VLOOKUP(BA$1,városok!$A$2:$C$346,3,0))^2)/1000,0)</f>
        <v>131</v>
      </c>
      <c r="BB234">
        <f ca="1">ROUND(SQRT((VLOOKUP($A234,városok!$A$2:$C$346,2,0)-VLOOKUP(BB$1,városok!$A$2:$C$346,2,0))^2+(VLOOKUP($A234,városok!$A$2:$C$346,3,0)-VLOOKUP(BB$1,városok!$A$2:$C$346,3,0))^2)/1000,0)</f>
        <v>141</v>
      </c>
      <c r="BC234">
        <f ca="1">ROUND(SQRT((VLOOKUP($A234,városok!$A$2:$C$346,2,0)-VLOOKUP(BC$1,városok!$A$2:$C$346,2,0))^2+(VLOOKUP($A234,városok!$A$2:$C$346,3,0)-VLOOKUP(BC$1,városok!$A$2:$C$346,3,0))^2)/1000,0)</f>
        <v>164</v>
      </c>
      <c r="BD234">
        <f ca="1">ROUND(SQRT((VLOOKUP($A234,városok!$A$2:$C$346,2,0)-VLOOKUP(BD$1,városok!$A$2:$C$346,2,0))^2+(VLOOKUP($A234,városok!$A$2:$C$346,3,0)-VLOOKUP(BD$1,városok!$A$2:$C$346,3,0))^2)/1000,0)</f>
        <v>102</v>
      </c>
      <c r="BE234">
        <f ca="1">ROUND(SQRT((VLOOKUP($A234,városok!$A$2:$C$346,2,0)-VLOOKUP(BE$1,városok!$A$2:$C$346,2,0))^2+(VLOOKUP($A234,városok!$A$2:$C$346,3,0)-VLOOKUP(BE$1,városok!$A$2:$C$346,3,0))^2)/1000,0)</f>
        <v>283</v>
      </c>
      <c r="BF234">
        <f ca="1">ROUND(SQRT((VLOOKUP($A234,városok!$A$2:$C$346,2,0)-VLOOKUP(BF$1,városok!$A$2:$C$346,2,0))^2+(VLOOKUP($A234,városok!$A$2:$C$346,3,0)-VLOOKUP(BF$1,városok!$A$2:$C$346,3,0))^2)/1000,0)</f>
        <v>246</v>
      </c>
      <c r="BG234">
        <f ca="1">ROUND(SQRT((VLOOKUP($A234,városok!$A$2:$C$346,2,0)-VLOOKUP(BG$1,városok!$A$2:$C$346,2,0))^2+(VLOOKUP($A234,városok!$A$2:$C$346,3,0)-VLOOKUP(BG$1,városok!$A$2:$C$346,3,0))^2)/1000,0)</f>
        <v>199</v>
      </c>
      <c r="BH234">
        <f ca="1">ROUND(SQRT((VLOOKUP($A234,városok!$A$2:$C$346,2,0)-VLOOKUP(BH$1,városok!$A$2:$C$346,2,0))^2+(VLOOKUP($A234,városok!$A$2:$C$346,3,0)-VLOOKUP(BH$1,városok!$A$2:$C$346,3,0))^2)/1000,0)</f>
        <v>199</v>
      </c>
      <c r="BI234">
        <f ca="1">ROUND(SQRT((VLOOKUP($A234,városok!$A$2:$C$346,2,0)-VLOOKUP(BI$1,városok!$A$2:$C$346,2,0))^2+(VLOOKUP($A234,városok!$A$2:$C$346,3,0)-VLOOKUP(BI$1,városok!$A$2:$C$346,3,0))^2)/1000,0)</f>
        <v>138</v>
      </c>
      <c r="BJ234">
        <f ca="1">ROUND(SQRT((VLOOKUP($A234,városok!$A$2:$C$346,2,0)-VLOOKUP(BJ$1,városok!$A$2:$C$346,2,0))^2+(VLOOKUP($A234,városok!$A$2:$C$346,3,0)-VLOOKUP(BJ$1,városok!$A$2:$C$346,3,0))^2)/1000,0)</f>
        <v>152</v>
      </c>
      <c r="BK234">
        <f ca="1">ROUND(SQRT((VLOOKUP($A234,városok!$A$2:$C$346,2,0)-VLOOKUP(BK$1,városok!$A$2:$C$346,2,0))^2+(VLOOKUP($A234,városok!$A$2:$C$346,3,0)-VLOOKUP(BK$1,városok!$A$2:$C$346,3,0))^2)/1000,0)</f>
        <v>142</v>
      </c>
      <c r="BL234">
        <f ca="1">ROUND(SQRT((VLOOKUP($A234,városok!$A$2:$C$346,2,0)-VLOOKUP(BL$1,városok!$A$2:$C$346,2,0))^2+(VLOOKUP($A234,városok!$A$2:$C$346,3,0)-VLOOKUP(BL$1,városok!$A$2:$C$346,3,0))^2)/1000,0)</f>
        <v>187</v>
      </c>
      <c r="BM234">
        <f ca="1">ROUND(SQRT((VLOOKUP($A234,városok!$A$2:$C$346,2,0)-VLOOKUP(BM$1,városok!$A$2:$C$346,2,0))^2+(VLOOKUP($A234,városok!$A$2:$C$346,3,0)-VLOOKUP(BM$1,városok!$A$2:$C$346,3,0))^2)/1000,0)</f>
        <v>155</v>
      </c>
      <c r="BN234">
        <f ca="1">ROUND(SQRT((VLOOKUP($A234,városok!$A$2:$C$346,2,0)-VLOOKUP(BN$1,városok!$A$2:$C$346,2,0))^2+(VLOOKUP($A234,városok!$A$2:$C$346,3,0)-VLOOKUP(BN$1,városok!$A$2:$C$346,3,0))^2)/1000,0)</f>
        <v>178</v>
      </c>
      <c r="BO234">
        <f ca="1">ROUND(SQRT((VLOOKUP($A234,városok!$A$2:$C$346,2,0)-VLOOKUP(BO$1,városok!$A$2:$C$346,2,0))^2+(VLOOKUP($A234,városok!$A$2:$C$346,3,0)-VLOOKUP(BO$1,városok!$A$2:$C$346,3,0))^2)/1000,0)</f>
        <v>94</v>
      </c>
      <c r="BP234">
        <f ca="1">ROUND(SQRT((VLOOKUP($A234,városok!$A$2:$C$346,2,0)-VLOOKUP(BP$1,városok!$A$2:$C$346,2,0))^2+(VLOOKUP($A234,városok!$A$2:$C$346,3,0)-VLOOKUP(BP$1,városok!$A$2:$C$346,3,0))^2)/1000,0)</f>
        <v>89</v>
      </c>
      <c r="BQ234">
        <f ca="1">ROUND(SQRT((VLOOKUP($A234,városok!$A$2:$C$346,2,0)-VLOOKUP(BQ$1,városok!$A$2:$C$346,2,0))^2+(VLOOKUP($A234,városok!$A$2:$C$346,3,0)-VLOOKUP(BQ$1,városok!$A$2:$C$346,3,0))^2)/1000,0)</f>
        <v>96</v>
      </c>
      <c r="BR234">
        <f ca="1">ROUND(SQRT((VLOOKUP($A234,városok!$A$2:$C$346,2,0)-VLOOKUP(BR$1,városok!$A$2:$C$346,2,0))^2+(VLOOKUP($A234,városok!$A$2:$C$346,3,0)-VLOOKUP(BR$1,városok!$A$2:$C$346,3,0))^2)/1000,0)</f>
        <v>157</v>
      </c>
      <c r="BS234">
        <f ca="1">ROUND(SQRT((VLOOKUP($A234,városok!$A$2:$C$346,2,0)-VLOOKUP(BS$1,városok!$A$2:$C$346,2,0))^2+(VLOOKUP($A234,városok!$A$2:$C$346,3,0)-VLOOKUP(BS$1,városok!$A$2:$C$346,3,0))^2)/1000,0)</f>
        <v>195</v>
      </c>
      <c r="BT234">
        <f ca="1">ROUND(SQRT((VLOOKUP($A234,városok!$A$2:$C$346,2,0)-VLOOKUP(BT$1,városok!$A$2:$C$346,2,0))^2+(VLOOKUP($A234,városok!$A$2:$C$346,3,0)-VLOOKUP(BT$1,városok!$A$2:$C$346,3,0))^2)/1000,0)</f>
        <v>179</v>
      </c>
    </row>
    <row r="235" spans="1:72" x14ac:dyDescent="0.2">
      <c r="A235" t="str">
        <f>városok!A235</f>
        <v>Pomáz</v>
      </c>
      <c r="B235">
        <f ca="1">ROUND(SQRT((VLOOKUP($A235,városok!$A$2:$C$346,2,0)-VLOOKUP(B$1,városok!$A$2:$C$346,2,0))^2+(VLOOKUP($A235,városok!$A$2:$C$346,3,0)-VLOOKUP(B$1,városok!$A$2:$C$346,3,0))^2)/1000,0)</f>
        <v>162</v>
      </c>
      <c r="C235">
        <f ca="1">ROUND(SQRT((VLOOKUP($A235,városok!$A$2:$C$346,2,0)-VLOOKUP(C$1,városok!$A$2:$C$346,2,0))^2+(VLOOKUP($A235,városok!$A$2:$C$346,3,0)-VLOOKUP(C$1,városok!$A$2:$C$346,3,0))^2)/1000,0)</f>
        <v>124</v>
      </c>
      <c r="D235">
        <f ca="1">ROUND(SQRT((VLOOKUP($A235,városok!$A$2:$C$346,2,0)-VLOOKUP(D$1,városok!$A$2:$C$346,2,0))^2+(VLOOKUP($A235,városok!$A$2:$C$346,3,0)-VLOOKUP(D$1,városok!$A$2:$C$346,3,0))^2)/1000,0)</f>
        <v>96</v>
      </c>
      <c r="E235">
        <f ca="1">ROUND(SQRT((VLOOKUP($A235,városok!$A$2:$C$346,2,0)-VLOOKUP(E$1,városok!$A$2:$C$346,2,0))^2+(VLOOKUP($A235,városok!$A$2:$C$346,3,0)-VLOOKUP(E$1,városok!$A$2:$C$346,3,0))^2)/1000,0)</f>
        <v>172</v>
      </c>
      <c r="F235">
        <f ca="1">ROUND(SQRT((VLOOKUP($A235,városok!$A$2:$C$346,2,0)-VLOOKUP(F$1,városok!$A$2:$C$346,2,0))^2+(VLOOKUP($A235,városok!$A$2:$C$346,3,0)-VLOOKUP(F$1,városok!$A$2:$C$346,3,0))^2)/1000,0)</f>
        <v>186</v>
      </c>
      <c r="G235">
        <f ca="1">ROUND(SQRT((VLOOKUP($A235,városok!$A$2:$C$346,2,0)-VLOOKUP(G$1,városok!$A$2:$C$346,2,0))^2+(VLOOKUP($A235,városok!$A$2:$C$346,3,0)-VLOOKUP(G$1,városok!$A$2:$C$346,3,0))^2)/1000,0)</f>
        <v>184</v>
      </c>
      <c r="H235">
        <f ca="1">ROUND(SQRT((VLOOKUP($A235,városok!$A$2:$C$346,2,0)-VLOOKUP(H$1,városok!$A$2:$C$346,2,0))^2+(VLOOKUP($A235,városok!$A$2:$C$346,3,0)-VLOOKUP(H$1,városok!$A$2:$C$346,3,0))^2)/1000,0)</f>
        <v>201</v>
      </c>
      <c r="I235">
        <f ca="1">ROUND(SQRT((VLOOKUP($A235,városok!$A$2:$C$346,2,0)-VLOOKUP(I$1,városok!$A$2:$C$346,2,0))^2+(VLOOKUP($A235,városok!$A$2:$C$346,3,0)-VLOOKUP(I$1,városok!$A$2:$C$346,3,0))^2)/1000,0)</f>
        <v>189</v>
      </c>
      <c r="J235">
        <f ca="1">ROUND(SQRT((VLOOKUP($A235,városok!$A$2:$C$346,2,0)-VLOOKUP(J$1,városok!$A$2:$C$346,2,0))^2+(VLOOKUP($A235,városok!$A$2:$C$346,3,0)-VLOOKUP(J$1,városok!$A$2:$C$346,3,0))^2)/1000,0)</f>
        <v>203</v>
      </c>
      <c r="K235">
        <f ca="1">ROUND(SQRT((VLOOKUP($A235,városok!$A$2:$C$346,2,0)-VLOOKUP(K$1,városok!$A$2:$C$346,2,0))^2+(VLOOKUP($A235,városok!$A$2:$C$346,3,0)-VLOOKUP(K$1,városok!$A$2:$C$346,3,0))^2)/1000,0)</f>
        <v>173</v>
      </c>
      <c r="L235">
        <f ca="1">ROUND(SQRT((VLOOKUP($A235,városok!$A$2:$C$346,2,0)-VLOOKUP(L$1,városok!$A$2:$C$346,2,0))^2+(VLOOKUP($A235,városok!$A$2:$C$346,3,0)-VLOOKUP(L$1,városok!$A$2:$C$346,3,0))^2)/1000,0)</f>
        <v>138</v>
      </c>
      <c r="M235">
        <f ca="1">ROUND(SQRT((VLOOKUP($A235,városok!$A$2:$C$346,2,0)-VLOOKUP(M$1,városok!$A$2:$C$346,2,0))^2+(VLOOKUP($A235,városok!$A$2:$C$346,3,0)-VLOOKUP(M$1,városok!$A$2:$C$346,3,0))^2)/1000,0)</f>
        <v>142</v>
      </c>
      <c r="N235">
        <f ca="1">ROUND(SQRT((VLOOKUP($A235,városok!$A$2:$C$346,2,0)-VLOOKUP(N$1,városok!$A$2:$C$346,2,0))^2+(VLOOKUP($A235,városok!$A$2:$C$346,3,0)-VLOOKUP(N$1,városok!$A$2:$C$346,3,0))^2)/1000,0)</f>
        <v>114</v>
      </c>
      <c r="O235">
        <f ca="1">ROUND(SQRT((VLOOKUP($A235,városok!$A$2:$C$346,2,0)-VLOOKUP(O$1,városok!$A$2:$C$346,2,0))^2+(VLOOKUP($A235,városok!$A$2:$C$346,3,0)-VLOOKUP(O$1,városok!$A$2:$C$346,3,0))^2)/1000,0)</f>
        <v>213</v>
      </c>
      <c r="P235">
        <f ca="1">ROUND(SQRT((VLOOKUP($A235,városok!$A$2:$C$346,2,0)-VLOOKUP(P$1,városok!$A$2:$C$346,2,0))^2+(VLOOKUP($A235,városok!$A$2:$C$346,3,0)-VLOOKUP(P$1,városok!$A$2:$C$346,3,0))^2)/1000,0)</f>
        <v>213</v>
      </c>
      <c r="Q235">
        <f ca="1">ROUND(SQRT((VLOOKUP($A235,városok!$A$2:$C$346,2,0)-VLOOKUP(Q$1,városok!$A$2:$C$346,2,0))^2+(VLOOKUP($A235,városok!$A$2:$C$346,3,0)-VLOOKUP(Q$1,városok!$A$2:$C$346,3,0))^2)/1000,0)</f>
        <v>168</v>
      </c>
      <c r="R235">
        <f ca="1">ROUND(SQRT((VLOOKUP($A235,városok!$A$2:$C$346,2,0)-VLOOKUP(R$1,városok!$A$2:$C$346,2,0))^2+(VLOOKUP($A235,városok!$A$2:$C$346,3,0)-VLOOKUP(R$1,városok!$A$2:$C$346,3,0))^2)/1000,0)</f>
        <v>193</v>
      </c>
      <c r="S235">
        <f ca="1">ROUND(SQRT((VLOOKUP($A235,városok!$A$2:$C$346,2,0)-VLOOKUP(S$1,városok!$A$2:$C$346,2,0))^2+(VLOOKUP($A235,városok!$A$2:$C$346,3,0)-VLOOKUP(S$1,városok!$A$2:$C$346,3,0))^2)/1000,0)</f>
        <v>177</v>
      </c>
      <c r="T235">
        <f ca="1">ROUND(SQRT((VLOOKUP($A235,városok!$A$2:$C$346,2,0)-VLOOKUP(T$1,városok!$A$2:$C$346,2,0))^2+(VLOOKUP($A235,városok!$A$2:$C$346,3,0)-VLOOKUP(T$1,városok!$A$2:$C$346,3,0))^2)/1000,0)</f>
        <v>35</v>
      </c>
      <c r="U235">
        <f ca="1">ROUND(SQRT((VLOOKUP($A235,városok!$A$2:$C$346,2,0)-VLOOKUP(U$1,városok!$A$2:$C$346,2,0))^2+(VLOOKUP($A235,városok!$A$2:$C$346,3,0)-VLOOKUP(U$1,városok!$A$2:$C$346,3,0))^2)/1000,0)</f>
        <v>76</v>
      </c>
      <c r="V235">
        <f ca="1">ROUND(SQRT((VLOOKUP($A235,városok!$A$2:$C$346,2,0)-VLOOKUP(V$1,városok!$A$2:$C$346,2,0))^2+(VLOOKUP($A235,városok!$A$2:$C$346,3,0)-VLOOKUP(V$1,városok!$A$2:$C$346,3,0))^2)/1000,0)</f>
        <v>85</v>
      </c>
      <c r="W235">
        <f ca="1">ROUND(SQRT((VLOOKUP($A235,városok!$A$2:$C$346,2,0)-VLOOKUP(W$1,városok!$A$2:$C$346,2,0))^2+(VLOOKUP($A235,városok!$A$2:$C$346,3,0)-VLOOKUP(W$1,városok!$A$2:$C$346,3,0))^2)/1000,0)</f>
        <v>90</v>
      </c>
      <c r="X235">
        <f ca="1">ROUND(SQRT((VLOOKUP($A235,városok!$A$2:$C$346,2,0)-VLOOKUP(X$1,városok!$A$2:$C$346,2,0))^2+(VLOOKUP($A235,városok!$A$2:$C$346,3,0)-VLOOKUP(X$1,városok!$A$2:$C$346,3,0))^2)/1000,0)</f>
        <v>66</v>
      </c>
      <c r="Y235">
        <f ca="1">ROUND(SQRT((VLOOKUP($A235,városok!$A$2:$C$346,2,0)-VLOOKUP(Y$1,városok!$A$2:$C$346,2,0))^2+(VLOOKUP($A235,városok!$A$2:$C$346,3,0)-VLOOKUP(Y$1,városok!$A$2:$C$346,3,0))^2)/1000,0)</f>
        <v>105</v>
      </c>
      <c r="Z235">
        <f ca="1">ROUND(SQRT((VLOOKUP($A235,városok!$A$2:$C$346,2,0)-VLOOKUP(Z$1,városok!$A$2:$C$346,2,0))^2+(VLOOKUP($A235,városok!$A$2:$C$346,3,0)-VLOOKUP(Z$1,városok!$A$2:$C$346,3,0))^2)/1000,0)</f>
        <v>124</v>
      </c>
      <c r="AA235">
        <f ca="1">ROUND(SQRT((VLOOKUP($A235,városok!$A$2:$C$346,2,0)-VLOOKUP(AA$1,városok!$A$2:$C$346,2,0))^2+(VLOOKUP($A235,városok!$A$2:$C$346,3,0)-VLOOKUP(AA$1,városok!$A$2:$C$346,3,0))^2)/1000,0)</f>
        <v>184</v>
      </c>
      <c r="AB235">
        <f ca="1">ROUND(SQRT((VLOOKUP($A235,városok!$A$2:$C$346,2,0)-VLOOKUP(AB$1,városok!$A$2:$C$346,2,0))^2+(VLOOKUP($A235,városok!$A$2:$C$346,3,0)-VLOOKUP(AB$1,városok!$A$2:$C$346,3,0))^2)/1000,0)</f>
        <v>196</v>
      </c>
      <c r="AC235">
        <f ca="1">ROUND(SQRT((VLOOKUP($A235,városok!$A$2:$C$346,2,0)-VLOOKUP(AC$1,városok!$A$2:$C$346,2,0))^2+(VLOOKUP($A235,városok!$A$2:$C$346,3,0)-VLOOKUP(AC$1,városok!$A$2:$C$346,3,0))^2)/1000,0)</f>
        <v>179</v>
      </c>
      <c r="AD235">
        <f ca="1">ROUND(SQRT((VLOOKUP($A235,városok!$A$2:$C$346,2,0)-VLOOKUP(AD$1,városok!$A$2:$C$346,2,0))^2+(VLOOKUP($A235,városok!$A$2:$C$346,3,0)-VLOOKUP(AD$1,városok!$A$2:$C$346,3,0))^2)/1000,0)</f>
        <v>162</v>
      </c>
      <c r="AE235">
        <f ca="1">ROUND(SQRT((VLOOKUP($A235,városok!$A$2:$C$346,2,0)-VLOOKUP(AE$1,városok!$A$2:$C$346,2,0))^2+(VLOOKUP($A235,városok!$A$2:$C$346,3,0)-VLOOKUP(AE$1,városok!$A$2:$C$346,3,0))^2)/1000,0)</f>
        <v>166</v>
      </c>
      <c r="AF235">
        <f ca="1">ROUND(SQRT((VLOOKUP($A235,városok!$A$2:$C$346,2,0)-VLOOKUP(AF$1,városok!$A$2:$C$346,2,0))^2+(VLOOKUP($A235,városok!$A$2:$C$346,3,0)-VLOOKUP(AF$1,városok!$A$2:$C$346,3,0))^2)/1000,0)</f>
        <v>105</v>
      </c>
      <c r="AG235">
        <f ca="1">ROUND(SQRT((VLOOKUP($A235,városok!$A$2:$C$346,2,0)-VLOOKUP(AG$1,városok!$A$2:$C$346,2,0))^2+(VLOOKUP($A235,városok!$A$2:$C$346,3,0)-VLOOKUP(AG$1,városok!$A$2:$C$346,3,0))^2)/1000,0)</f>
        <v>69</v>
      </c>
      <c r="AH235">
        <f ca="1">ROUND(SQRT((VLOOKUP($A235,városok!$A$2:$C$346,2,0)-VLOOKUP(AH$1,városok!$A$2:$C$346,2,0))^2+(VLOOKUP($A235,városok!$A$2:$C$346,3,0)-VLOOKUP(AH$1,városok!$A$2:$C$346,3,0))^2)/1000,0)</f>
        <v>48</v>
      </c>
      <c r="AI235">
        <f ca="1">ROUND(SQRT((VLOOKUP($A235,városok!$A$2:$C$346,2,0)-VLOOKUP(AI$1,városok!$A$2:$C$346,2,0))^2+(VLOOKUP($A235,városok!$A$2:$C$346,3,0)-VLOOKUP(AI$1,városok!$A$2:$C$346,3,0))^2)/1000,0)</f>
        <v>90</v>
      </c>
      <c r="AJ235">
        <f ca="1">ROUND(SQRT((VLOOKUP($A235,városok!$A$2:$C$346,2,0)-VLOOKUP(AJ$1,városok!$A$2:$C$346,2,0))^2+(VLOOKUP($A235,városok!$A$2:$C$346,3,0)-VLOOKUP(AJ$1,városok!$A$2:$C$346,3,0))^2)/1000,0)</f>
        <v>71</v>
      </c>
      <c r="AK235">
        <f ca="1">ROUND(SQRT((VLOOKUP($A235,városok!$A$2:$C$346,2,0)-VLOOKUP(AK$1,városok!$A$2:$C$346,2,0))^2+(VLOOKUP($A235,városok!$A$2:$C$346,3,0)-VLOOKUP(AK$1,városok!$A$2:$C$346,3,0))^2)/1000,0)</f>
        <v>152</v>
      </c>
      <c r="AL235">
        <f ca="1">ROUND(SQRT((VLOOKUP($A235,városok!$A$2:$C$346,2,0)-VLOOKUP(AL$1,városok!$A$2:$C$346,2,0))^2+(VLOOKUP($A235,városok!$A$2:$C$346,3,0)-VLOOKUP(AL$1,városok!$A$2:$C$346,3,0))^2)/1000,0)</f>
        <v>124</v>
      </c>
      <c r="AM235">
        <f ca="1">ROUND(SQRT((VLOOKUP($A235,városok!$A$2:$C$346,2,0)-VLOOKUP(AM$1,városok!$A$2:$C$346,2,0))^2+(VLOOKUP($A235,városok!$A$2:$C$346,3,0)-VLOOKUP(AM$1,városok!$A$2:$C$346,3,0))^2)/1000,0)</f>
        <v>101</v>
      </c>
      <c r="AN235">
        <f ca="1">ROUND(SQRT((VLOOKUP($A235,városok!$A$2:$C$346,2,0)-VLOOKUP(AN$1,városok!$A$2:$C$346,2,0))^2+(VLOOKUP($A235,városok!$A$2:$C$346,3,0)-VLOOKUP(AN$1,városok!$A$2:$C$346,3,0))^2)/1000,0)</f>
        <v>27</v>
      </c>
      <c r="AO235">
        <f ca="1">ROUND(SQRT((VLOOKUP($A235,városok!$A$2:$C$346,2,0)-VLOOKUP(AO$1,városok!$A$2:$C$346,2,0))^2+(VLOOKUP($A235,városok!$A$2:$C$346,3,0)-VLOOKUP(AO$1,városok!$A$2:$C$346,3,0))^2)/1000,0)</f>
        <v>69</v>
      </c>
      <c r="AP235">
        <f ca="1">ROUND(SQRT((VLOOKUP($A235,városok!$A$2:$C$346,2,0)-VLOOKUP(AP$1,városok!$A$2:$C$346,2,0))^2+(VLOOKUP($A235,városok!$A$2:$C$346,3,0)-VLOOKUP(AP$1,városok!$A$2:$C$346,3,0))^2)/1000,0)</f>
        <v>53</v>
      </c>
      <c r="AQ235">
        <f ca="1">ROUND(SQRT((VLOOKUP($A235,városok!$A$2:$C$346,2,0)-VLOOKUP(AQ$1,városok!$A$2:$C$346,2,0))^2+(VLOOKUP($A235,városok!$A$2:$C$346,3,0)-VLOOKUP(AQ$1,városok!$A$2:$C$346,3,0))^2)/1000,0)</f>
        <v>48</v>
      </c>
      <c r="AR235">
        <f ca="1">ROUND(SQRT((VLOOKUP($A235,városok!$A$2:$C$346,2,0)-VLOOKUP(AR$1,városok!$A$2:$C$346,2,0))^2+(VLOOKUP($A235,városok!$A$2:$C$346,3,0)-VLOOKUP(AR$1,városok!$A$2:$C$346,3,0))^2)/1000,0)</f>
        <v>58</v>
      </c>
      <c r="AS235">
        <f ca="1">ROUND(SQRT((VLOOKUP($A235,városok!$A$2:$C$346,2,0)-VLOOKUP(AS$1,városok!$A$2:$C$346,2,0))^2+(VLOOKUP($A235,városok!$A$2:$C$346,3,0)-VLOOKUP(AS$1,városok!$A$2:$C$346,3,0))^2)/1000,0)</f>
        <v>78</v>
      </c>
      <c r="AT235">
        <f ca="1">ROUND(SQRT((VLOOKUP($A235,városok!$A$2:$C$346,2,0)-VLOOKUP(AT$1,városok!$A$2:$C$346,2,0))^2+(VLOOKUP($A235,városok!$A$2:$C$346,3,0)-VLOOKUP(AT$1,városok!$A$2:$C$346,3,0))^2)/1000,0)</f>
        <v>25</v>
      </c>
      <c r="AU235">
        <f ca="1">ROUND(SQRT((VLOOKUP($A235,városok!$A$2:$C$346,2,0)-VLOOKUP(AU$1,városok!$A$2:$C$346,2,0))^2+(VLOOKUP($A235,városok!$A$2:$C$346,3,0)-VLOOKUP(AU$1,városok!$A$2:$C$346,3,0))^2)/1000,0)</f>
        <v>21</v>
      </c>
      <c r="AV235">
        <f ca="1">ROUND(SQRT((VLOOKUP($A235,városok!$A$2:$C$346,2,0)-VLOOKUP(AV$1,városok!$A$2:$C$346,2,0))^2+(VLOOKUP($A235,városok!$A$2:$C$346,3,0)-VLOOKUP(AV$1,városok!$A$2:$C$346,3,0))^2)/1000,0)</f>
        <v>27</v>
      </c>
      <c r="AW235">
        <f ca="1">ROUND(SQRT((VLOOKUP($A235,városok!$A$2:$C$346,2,0)-VLOOKUP(AW$1,városok!$A$2:$C$346,2,0))^2+(VLOOKUP($A235,városok!$A$2:$C$346,3,0)-VLOOKUP(AW$1,városok!$A$2:$C$346,3,0))^2)/1000,0)</f>
        <v>29</v>
      </c>
      <c r="AX235">
        <f ca="1">ROUND(SQRT((VLOOKUP($A235,városok!$A$2:$C$346,2,0)-VLOOKUP(AX$1,városok!$A$2:$C$346,2,0))^2+(VLOOKUP($A235,városok!$A$2:$C$346,3,0)-VLOOKUP(AX$1,városok!$A$2:$C$346,3,0))^2)/1000,0)</f>
        <v>89</v>
      </c>
      <c r="AY235">
        <f ca="1">ROUND(SQRT((VLOOKUP($A235,városok!$A$2:$C$346,2,0)-VLOOKUP(AY$1,városok!$A$2:$C$346,2,0))^2+(VLOOKUP($A235,városok!$A$2:$C$346,3,0)-VLOOKUP(AY$1,városok!$A$2:$C$346,3,0))^2)/1000,0)</f>
        <v>5</v>
      </c>
      <c r="AZ235">
        <f ca="1">ROUND(SQRT((VLOOKUP($A235,városok!$A$2:$C$346,2,0)-VLOOKUP(AZ$1,városok!$A$2:$C$346,2,0))^2+(VLOOKUP($A235,városok!$A$2:$C$346,3,0)-VLOOKUP(AZ$1,városok!$A$2:$C$346,3,0))^2)/1000,0)</f>
        <v>16</v>
      </c>
      <c r="BA235">
        <f ca="1">ROUND(SQRT((VLOOKUP($A235,városok!$A$2:$C$346,2,0)-VLOOKUP(BA$1,városok!$A$2:$C$346,2,0))^2+(VLOOKUP($A235,városok!$A$2:$C$346,3,0)-VLOOKUP(BA$1,városok!$A$2:$C$346,3,0))^2)/1000,0)</f>
        <v>139</v>
      </c>
      <c r="BB235">
        <f ca="1">ROUND(SQRT((VLOOKUP($A235,városok!$A$2:$C$346,2,0)-VLOOKUP(BB$1,városok!$A$2:$C$346,2,0))^2+(VLOOKUP($A235,városok!$A$2:$C$346,3,0)-VLOOKUP(BB$1,városok!$A$2:$C$346,3,0))^2)/1000,0)</f>
        <v>148</v>
      </c>
      <c r="BC235">
        <f ca="1">ROUND(SQRT((VLOOKUP($A235,városok!$A$2:$C$346,2,0)-VLOOKUP(BC$1,városok!$A$2:$C$346,2,0))^2+(VLOOKUP($A235,városok!$A$2:$C$346,3,0)-VLOOKUP(BC$1,városok!$A$2:$C$346,3,0))^2)/1000,0)</f>
        <v>171</v>
      </c>
      <c r="BD235">
        <f ca="1">ROUND(SQRT((VLOOKUP($A235,városok!$A$2:$C$346,2,0)-VLOOKUP(BD$1,városok!$A$2:$C$346,2,0))^2+(VLOOKUP($A235,városok!$A$2:$C$346,3,0)-VLOOKUP(BD$1,városok!$A$2:$C$346,3,0))^2)/1000,0)</f>
        <v>110</v>
      </c>
      <c r="BE235">
        <f ca="1">ROUND(SQRT((VLOOKUP($A235,városok!$A$2:$C$346,2,0)-VLOOKUP(BE$1,városok!$A$2:$C$346,2,0))^2+(VLOOKUP($A235,városok!$A$2:$C$346,3,0)-VLOOKUP(BE$1,városok!$A$2:$C$346,3,0))^2)/1000,0)</f>
        <v>274</v>
      </c>
      <c r="BF235">
        <f ca="1">ROUND(SQRT((VLOOKUP($A235,városok!$A$2:$C$346,2,0)-VLOOKUP(BF$1,városok!$A$2:$C$346,2,0))^2+(VLOOKUP($A235,városok!$A$2:$C$346,3,0)-VLOOKUP(BF$1,városok!$A$2:$C$346,3,0))^2)/1000,0)</f>
        <v>236</v>
      </c>
      <c r="BG235">
        <f ca="1">ROUND(SQRT((VLOOKUP($A235,városok!$A$2:$C$346,2,0)-VLOOKUP(BG$1,városok!$A$2:$C$346,2,0))^2+(VLOOKUP($A235,városok!$A$2:$C$346,3,0)-VLOOKUP(BG$1,városok!$A$2:$C$346,3,0))^2)/1000,0)</f>
        <v>190</v>
      </c>
      <c r="BH235">
        <f ca="1">ROUND(SQRT((VLOOKUP($A235,városok!$A$2:$C$346,2,0)-VLOOKUP(BH$1,városok!$A$2:$C$346,2,0))^2+(VLOOKUP($A235,városok!$A$2:$C$346,3,0)-VLOOKUP(BH$1,városok!$A$2:$C$346,3,0))^2)/1000,0)</f>
        <v>190</v>
      </c>
      <c r="BI235">
        <f ca="1">ROUND(SQRT((VLOOKUP($A235,városok!$A$2:$C$346,2,0)-VLOOKUP(BI$1,városok!$A$2:$C$346,2,0))^2+(VLOOKUP($A235,városok!$A$2:$C$346,3,0)-VLOOKUP(BI$1,városok!$A$2:$C$346,3,0))^2)/1000,0)</f>
        <v>142</v>
      </c>
      <c r="BJ235">
        <f ca="1">ROUND(SQRT((VLOOKUP($A235,városok!$A$2:$C$346,2,0)-VLOOKUP(BJ$1,városok!$A$2:$C$346,2,0))^2+(VLOOKUP($A235,városok!$A$2:$C$346,3,0)-VLOOKUP(BJ$1,városok!$A$2:$C$346,3,0))^2)/1000,0)</f>
        <v>157</v>
      </c>
      <c r="BK235">
        <f ca="1">ROUND(SQRT((VLOOKUP($A235,városok!$A$2:$C$346,2,0)-VLOOKUP(BK$1,városok!$A$2:$C$346,2,0))^2+(VLOOKUP($A235,városok!$A$2:$C$346,3,0)-VLOOKUP(BK$1,városok!$A$2:$C$346,3,0))^2)/1000,0)</f>
        <v>146</v>
      </c>
      <c r="BL235">
        <f ca="1">ROUND(SQRT((VLOOKUP($A235,városok!$A$2:$C$346,2,0)-VLOOKUP(BL$1,városok!$A$2:$C$346,2,0))^2+(VLOOKUP($A235,városok!$A$2:$C$346,3,0)-VLOOKUP(BL$1,városok!$A$2:$C$346,3,0))^2)/1000,0)</f>
        <v>196</v>
      </c>
      <c r="BM235">
        <f ca="1">ROUND(SQRT((VLOOKUP($A235,városok!$A$2:$C$346,2,0)-VLOOKUP(BM$1,városok!$A$2:$C$346,2,0))^2+(VLOOKUP($A235,városok!$A$2:$C$346,3,0)-VLOOKUP(BM$1,városok!$A$2:$C$346,3,0))^2)/1000,0)</f>
        <v>164</v>
      </c>
      <c r="BN235">
        <f ca="1">ROUND(SQRT((VLOOKUP($A235,városok!$A$2:$C$346,2,0)-VLOOKUP(BN$1,városok!$A$2:$C$346,2,0))^2+(VLOOKUP($A235,városok!$A$2:$C$346,3,0)-VLOOKUP(BN$1,városok!$A$2:$C$346,3,0))^2)/1000,0)</f>
        <v>187</v>
      </c>
      <c r="BO235">
        <f ca="1">ROUND(SQRT((VLOOKUP($A235,városok!$A$2:$C$346,2,0)-VLOOKUP(BO$1,városok!$A$2:$C$346,2,0))^2+(VLOOKUP($A235,városok!$A$2:$C$346,3,0)-VLOOKUP(BO$1,városok!$A$2:$C$346,3,0))^2)/1000,0)</f>
        <v>103</v>
      </c>
      <c r="BP235">
        <f ca="1">ROUND(SQRT((VLOOKUP($A235,városok!$A$2:$C$346,2,0)-VLOOKUP(BP$1,városok!$A$2:$C$346,2,0))^2+(VLOOKUP($A235,városok!$A$2:$C$346,3,0)-VLOOKUP(BP$1,városok!$A$2:$C$346,3,0))^2)/1000,0)</f>
        <v>97</v>
      </c>
      <c r="BQ235">
        <f ca="1">ROUND(SQRT((VLOOKUP($A235,városok!$A$2:$C$346,2,0)-VLOOKUP(BQ$1,városok!$A$2:$C$346,2,0))^2+(VLOOKUP($A235,városok!$A$2:$C$346,3,0)-VLOOKUP(BQ$1,városok!$A$2:$C$346,3,0))^2)/1000,0)</f>
        <v>105</v>
      </c>
      <c r="BR235">
        <f ca="1">ROUND(SQRT((VLOOKUP($A235,városok!$A$2:$C$346,2,0)-VLOOKUP(BR$1,városok!$A$2:$C$346,2,0))^2+(VLOOKUP($A235,városok!$A$2:$C$346,3,0)-VLOOKUP(BR$1,városok!$A$2:$C$346,3,0))^2)/1000,0)</f>
        <v>166</v>
      </c>
      <c r="BS235">
        <f ca="1">ROUND(SQRT((VLOOKUP($A235,városok!$A$2:$C$346,2,0)-VLOOKUP(BS$1,városok!$A$2:$C$346,2,0))^2+(VLOOKUP($A235,városok!$A$2:$C$346,3,0)-VLOOKUP(BS$1,városok!$A$2:$C$346,3,0))^2)/1000,0)</f>
        <v>204</v>
      </c>
      <c r="BT235">
        <f ca="1">ROUND(SQRT((VLOOKUP($A235,városok!$A$2:$C$346,2,0)-VLOOKUP(BT$1,városok!$A$2:$C$346,2,0))^2+(VLOOKUP($A235,városok!$A$2:$C$346,3,0)-VLOOKUP(BT$1,városok!$A$2:$C$346,3,0))^2)/1000,0)</f>
        <v>189</v>
      </c>
    </row>
    <row r="236" spans="1:72" x14ac:dyDescent="0.2">
      <c r="A236" t="str">
        <f>városok!A236</f>
        <v>Ráckeve</v>
      </c>
      <c r="B236">
        <f ca="1">ROUND(SQRT((VLOOKUP($A236,városok!$A$2:$C$346,2,0)-VLOOKUP(B$1,városok!$A$2:$C$346,2,0))^2+(VLOOKUP($A236,városok!$A$2:$C$346,3,0)-VLOOKUP(B$1,városok!$A$2:$C$346,3,0))^2)/1000,0)</f>
        <v>108</v>
      </c>
      <c r="C236">
        <f ca="1">ROUND(SQRT((VLOOKUP($A236,városok!$A$2:$C$346,2,0)-VLOOKUP(C$1,városok!$A$2:$C$346,2,0))^2+(VLOOKUP($A236,városok!$A$2:$C$346,3,0)-VLOOKUP(C$1,városok!$A$2:$C$346,3,0))^2)/1000,0)</f>
        <v>70</v>
      </c>
      <c r="D236">
        <f ca="1">ROUND(SQRT((VLOOKUP($A236,városok!$A$2:$C$346,2,0)-VLOOKUP(D$1,városok!$A$2:$C$346,2,0))^2+(VLOOKUP($A236,városok!$A$2:$C$346,3,0)-VLOOKUP(D$1,városok!$A$2:$C$346,3,0))^2)/1000,0)</f>
        <v>63</v>
      </c>
      <c r="E236">
        <f ca="1">ROUND(SQRT((VLOOKUP($A236,városok!$A$2:$C$346,2,0)-VLOOKUP(E$1,városok!$A$2:$C$346,2,0))^2+(VLOOKUP($A236,városok!$A$2:$C$346,3,0)-VLOOKUP(E$1,városok!$A$2:$C$346,3,0))^2)/1000,0)</f>
        <v>120</v>
      </c>
      <c r="F236">
        <f ca="1">ROUND(SQRT((VLOOKUP($A236,városok!$A$2:$C$346,2,0)-VLOOKUP(F$1,városok!$A$2:$C$346,2,0))^2+(VLOOKUP($A236,városok!$A$2:$C$346,3,0)-VLOOKUP(F$1,városok!$A$2:$C$346,3,0))^2)/1000,0)</f>
        <v>131</v>
      </c>
      <c r="G236">
        <f ca="1">ROUND(SQRT((VLOOKUP($A236,városok!$A$2:$C$346,2,0)-VLOOKUP(G$1,városok!$A$2:$C$346,2,0))^2+(VLOOKUP($A236,városok!$A$2:$C$346,3,0)-VLOOKUP(G$1,városok!$A$2:$C$346,3,0))^2)/1000,0)</f>
        <v>131</v>
      </c>
      <c r="H236">
        <f ca="1">ROUND(SQRT((VLOOKUP($A236,városok!$A$2:$C$346,2,0)-VLOOKUP(H$1,városok!$A$2:$C$346,2,0))^2+(VLOOKUP($A236,városok!$A$2:$C$346,3,0)-VLOOKUP(H$1,városok!$A$2:$C$346,3,0))^2)/1000,0)</f>
        <v>152</v>
      </c>
      <c r="I236">
        <f ca="1">ROUND(SQRT((VLOOKUP($A236,városok!$A$2:$C$346,2,0)-VLOOKUP(I$1,városok!$A$2:$C$346,2,0))^2+(VLOOKUP($A236,városok!$A$2:$C$346,3,0)-VLOOKUP(I$1,városok!$A$2:$C$346,3,0))^2)/1000,0)</f>
        <v>171</v>
      </c>
      <c r="J236">
        <f ca="1">ROUND(SQRT((VLOOKUP($A236,városok!$A$2:$C$346,2,0)-VLOOKUP(J$1,városok!$A$2:$C$346,2,0))^2+(VLOOKUP($A236,városok!$A$2:$C$346,3,0)-VLOOKUP(J$1,városok!$A$2:$C$346,3,0))^2)/1000,0)</f>
        <v>187</v>
      </c>
      <c r="K236">
        <f ca="1">ROUND(SQRT((VLOOKUP($A236,városok!$A$2:$C$346,2,0)-VLOOKUP(K$1,városok!$A$2:$C$346,2,0))^2+(VLOOKUP($A236,városok!$A$2:$C$346,3,0)-VLOOKUP(K$1,városok!$A$2:$C$346,3,0))^2)/1000,0)</f>
        <v>147</v>
      </c>
      <c r="L236">
        <f ca="1">ROUND(SQRT((VLOOKUP($A236,városok!$A$2:$C$346,2,0)-VLOOKUP(L$1,városok!$A$2:$C$346,2,0))^2+(VLOOKUP($A236,városok!$A$2:$C$346,3,0)-VLOOKUP(L$1,városok!$A$2:$C$346,3,0))^2)/1000,0)</f>
        <v>176</v>
      </c>
      <c r="M236">
        <f ca="1">ROUND(SQRT((VLOOKUP($A236,városok!$A$2:$C$346,2,0)-VLOOKUP(M$1,városok!$A$2:$C$346,2,0))^2+(VLOOKUP($A236,városok!$A$2:$C$346,3,0)-VLOOKUP(M$1,városok!$A$2:$C$346,3,0))^2)/1000,0)</f>
        <v>174</v>
      </c>
      <c r="N236">
        <f ca="1">ROUND(SQRT((VLOOKUP($A236,városok!$A$2:$C$346,2,0)-VLOOKUP(N$1,városok!$A$2:$C$346,2,0))^2+(VLOOKUP($A236,városok!$A$2:$C$346,3,0)-VLOOKUP(N$1,városok!$A$2:$C$346,3,0))^2)/1000,0)</f>
        <v>156</v>
      </c>
      <c r="O236">
        <f ca="1">ROUND(SQRT((VLOOKUP($A236,városok!$A$2:$C$346,2,0)-VLOOKUP(O$1,városok!$A$2:$C$346,2,0))^2+(VLOOKUP($A236,városok!$A$2:$C$346,3,0)-VLOOKUP(O$1,városok!$A$2:$C$346,3,0))^2)/1000,0)</f>
        <v>245</v>
      </c>
      <c r="P236">
        <f ca="1">ROUND(SQRT((VLOOKUP($A236,városok!$A$2:$C$346,2,0)-VLOOKUP(P$1,városok!$A$2:$C$346,2,0))^2+(VLOOKUP($A236,városok!$A$2:$C$346,3,0)-VLOOKUP(P$1,városok!$A$2:$C$346,3,0))^2)/1000,0)</f>
        <v>245</v>
      </c>
      <c r="Q236">
        <f ca="1">ROUND(SQRT((VLOOKUP($A236,városok!$A$2:$C$346,2,0)-VLOOKUP(Q$1,városok!$A$2:$C$346,2,0))^2+(VLOOKUP($A236,városok!$A$2:$C$346,3,0)-VLOOKUP(Q$1,városok!$A$2:$C$346,3,0))^2)/1000,0)</f>
        <v>133</v>
      </c>
      <c r="R236">
        <f ca="1">ROUND(SQRT((VLOOKUP($A236,városok!$A$2:$C$346,2,0)-VLOOKUP(R$1,városok!$A$2:$C$346,2,0))^2+(VLOOKUP($A236,városok!$A$2:$C$346,3,0)-VLOOKUP(R$1,városok!$A$2:$C$346,3,0))^2)/1000,0)</f>
        <v>157</v>
      </c>
      <c r="S236">
        <f ca="1">ROUND(SQRT((VLOOKUP($A236,városok!$A$2:$C$346,2,0)-VLOOKUP(S$1,városok!$A$2:$C$346,2,0))^2+(VLOOKUP($A236,városok!$A$2:$C$346,3,0)-VLOOKUP(S$1,városok!$A$2:$C$346,3,0))^2)/1000,0)</f>
        <v>137</v>
      </c>
      <c r="T236">
        <f ca="1">ROUND(SQRT((VLOOKUP($A236,városok!$A$2:$C$346,2,0)-VLOOKUP(T$1,városok!$A$2:$C$346,2,0))^2+(VLOOKUP($A236,városok!$A$2:$C$346,3,0)-VLOOKUP(T$1,városok!$A$2:$C$346,3,0))^2)/1000,0)</f>
        <v>44</v>
      </c>
      <c r="U236">
        <f ca="1">ROUND(SQRT((VLOOKUP($A236,városok!$A$2:$C$346,2,0)-VLOOKUP(U$1,városok!$A$2:$C$346,2,0))^2+(VLOOKUP($A236,városok!$A$2:$C$346,3,0)-VLOOKUP(U$1,városok!$A$2:$C$346,3,0))^2)/1000,0)</f>
        <v>21</v>
      </c>
      <c r="V236">
        <f ca="1">ROUND(SQRT((VLOOKUP($A236,városok!$A$2:$C$346,2,0)-VLOOKUP(V$1,városok!$A$2:$C$346,2,0))^2+(VLOOKUP($A236,városok!$A$2:$C$346,3,0)-VLOOKUP(V$1,városok!$A$2:$C$346,3,0))^2)/1000,0)</f>
        <v>50</v>
      </c>
      <c r="W236">
        <f ca="1">ROUND(SQRT((VLOOKUP($A236,városok!$A$2:$C$346,2,0)-VLOOKUP(W$1,városok!$A$2:$C$346,2,0))^2+(VLOOKUP($A236,városok!$A$2:$C$346,3,0)-VLOOKUP(W$1,városok!$A$2:$C$346,3,0))^2)/1000,0)</f>
        <v>39</v>
      </c>
      <c r="X236">
        <f ca="1">ROUND(SQRT((VLOOKUP($A236,városok!$A$2:$C$346,2,0)-VLOOKUP(X$1,városok!$A$2:$C$346,2,0))^2+(VLOOKUP($A236,városok!$A$2:$C$346,3,0)-VLOOKUP(X$1,városok!$A$2:$C$346,3,0))^2)/1000,0)</f>
        <v>49</v>
      </c>
      <c r="Y236">
        <f ca="1">ROUND(SQRT((VLOOKUP($A236,városok!$A$2:$C$346,2,0)-VLOOKUP(Y$1,városok!$A$2:$C$346,2,0))^2+(VLOOKUP($A236,városok!$A$2:$C$346,3,0)-VLOOKUP(Y$1,városok!$A$2:$C$346,3,0))^2)/1000,0)</f>
        <v>115</v>
      </c>
      <c r="Z236">
        <f ca="1">ROUND(SQRT((VLOOKUP($A236,városok!$A$2:$C$346,2,0)-VLOOKUP(Z$1,városok!$A$2:$C$346,2,0))^2+(VLOOKUP($A236,városok!$A$2:$C$346,3,0)-VLOOKUP(Z$1,városok!$A$2:$C$346,3,0))^2)/1000,0)</f>
        <v>134</v>
      </c>
      <c r="AA236">
        <f ca="1">ROUND(SQRT((VLOOKUP($A236,városok!$A$2:$C$346,2,0)-VLOOKUP(AA$1,városok!$A$2:$C$346,2,0))^2+(VLOOKUP($A236,városok!$A$2:$C$346,3,0)-VLOOKUP(AA$1,városok!$A$2:$C$346,3,0))^2)/1000,0)</f>
        <v>187</v>
      </c>
      <c r="AB236">
        <f ca="1">ROUND(SQRT((VLOOKUP($A236,városok!$A$2:$C$346,2,0)-VLOOKUP(AB$1,városok!$A$2:$C$346,2,0))^2+(VLOOKUP($A236,városok!$A$2:$C$346,3,0)-VLOOKUP(AB$1,városok!$A$2:$C$346,3,0))^2)/1000,0)</f>
        <v>207</v>
      </c>
      <c r="AC236">
        <f ca="1">ROUND(SQRT((VLOOKUP($A236,városok!$A$2:$C$346,2,0)-VLOOKUP(AC$1,városok!$A$2:$C$346,2,0))^2+(VLOOKUP($A236,városok!$A$2:$C$346,3,0)-VLOOKUP(AC$1,városok!$A$2:$C$346,3,0))^2)/1000,0)</f>
        <v>188</v>
      </c>
      <c r="AD236">
        <f ca="1">ROUND(SQRT((VLOOKUP($A236,városok!$A$2:$C$346,2,0)-VLOOKUP(AD$1,városok!$A$2:$C$346,2,0))^2+(VLOOKUP($A236,városok!$A$2:$C$346,3,0)-VLOOKUP(AD$1,városok!$A$2:$C$346,3,0))^2)/1000,0)</f>
        <v>170</v>
      </c>
      <c r="AE236">
        <f ca="1">ROUND(SQRT((VLOOKUP($A236,városok!$A$2:$C$346,2,0)-VLOOKUP(AE$1,városok!$A$2:$C$346,2,0))^2+(VLOOKUP($A236,városok!$A$2:$C$346,3,0)-VLOOKUP(AE$1,városok!$A$2:$C$346,3,0))^2)/1000,0)</f>
        <v>169</v>
      </c>
      <c r="AF236">
        <f ca="1">ROUND(SQRT((VLOOKUP($A236,városok!$A$2:$C$346,2,0)-VLOOKUP(AF$1,városok!$A$2:$C$346,2,0))^2+(VLOOKUP($A236,városok!$A$2:$C$346,3,0)-VLOOKUP(AF$1,városok!$A$2:$C$346,3,0))^2)/1000,0)</f>
        <v>136</v>
      </c>
      <c r="AG236">
        <f ca="1">ROUND(SQRT((VLOOKUP($A236,városok!$A$2:$C$346,2,0)-VLOOKUP(AG$1,városok!$A$2:$C$346,2,0))^2+(VLOOKUP($A236,városok!$A$2:$C$346,3,0)-VLOOKUP(AG$1,városok!$A$2:$C$346,3,0))^2)/1000,0)</f>
        <v>101</v>
      </c>
      <c r="AH236">
        <f ca="1">ROUND(SQRT((VLOOKUP($A236,városok!$A$2:$C$346,2,0)-VLOOKUP(AH$1,városok!$A$2:$C$346,2,0))^2+(VLOOKUP($A236,városok!$A$2:$C$346,3,0)-VLOOKUP(AH$1,városok!$A$2:$C$346,3,0))^2)/1000,0)</f>
        <v>79</v>
      </c>
      <c r="AI236">
        <f ca="1">ROUND(SQRT((VLOOKUP($A236,városok!$A$2:$C$346,2,0)-VLOOKUP(AI$1,városok!$A$2:$C$346,2,0))^2+(VLOOKUP($A236,városok!$A$2:$C$346,3,0)-VLOOKUP(AI$1,városok!$A$2:$C$346,3,0))^2)/1000,0)</f>
        <v>129</v>
      </c>
      <c r="AJ236">
        <f ca="1">ROUND(SQRT((VLOOKUP($A236,városok!$A$2:$C$346,2,0)-VLOOKUP(AJ$1,városok!$A$2:$C$346,2,0))^2+(VLOOKUP($A236,városok!$A$2:$C$346,3,0)-VLOOKUP(AJ$1,városok!$A$2:$C$346,3,0))^2)/1000,0)</f>
        <v>95</v>
      </c>
      <c r="AK236">
        <f ca="1">ROUND(SQRT((VLOOKUP($A236,városok!$A$2:$C$346,2,0)-VLOOKUP(AK$1,városok!$A$2:$C$346,2,0))^2+(VLOOKUP($A236,városok!$A$2:$C$346,3,0)-VLOOKUP(AK$1,városok!$A$2:$C$346,3,0))^2)/1000,0)</f>
        <v>154</v>
      </c>
      <c r="AL236">
        <f ca="1">ROUND(SQRT((VLOOKUP($A236,városok!$A$2:$C$346,2,0)-VLOOKUP(AL$1,városok!$A$2:$C$346,2,0))^2+(VLOOKUP($A236,városok!$A$2:$C$346,3,0)-VLOOKUP(AL$1,városok!$A$2:$C$346,3,0))^2)/1000,0)</f>
        <v>130</v>
      </c>
      <c r="AM236">
        <f ca="1">ROUND(SQRT((VLOOKUP($A236,városok!$A$2:$C$346,2,0)-VLOOKUP(AM$1,városok!$A$2:$C$346,2,0))^2+(VLOOKUP($A236,városok!$A$2:$C$346,3,0)-VLOOKUP(AM$1,városok!$A$2:$C$346,3,0))^2)/1000,0)</f>
        <v>94</v>
      </c>
      <c r="AN236">
        <f ca="1">ROUND(SQRT((VLOOKUP($A236,városok!$A$2:$C$346,2,0)-VLOOKUP(AN$1,városok!$A$2:$C$346,2,0))^2+(VLOOKUP($A236,városok!$A$2:$C$346,3,0)-VLOOKUP(AN$1,városok!$A$2:$C$346,3,0))^2)/1000,0)</f>
        <v>72</v>
      </c>
      <c r="AO236">
        <f ca="1">ROUND(SQRT((VLOOKUP($A236,városok!$A$2:$C$346,2,0)-VLOOKUP(AO$1,városok!$A$2:$C$346,2,0))^2+(VLOOKUP($A236,városok!$A$2:$C$346,3,0)-VLOOKUP(AO$1,városok!$A$2:$C$346,3,0))^2)/1000,0)</f>
        <v>90</v>
      </c>
      <c r="AP236">
        <f ca="1">ROUND(SQRT((VLOOKUP($A236,városok!$A$2:$C$346,2,0)-VLOOKUP(AP$1,városok!$A$2:$C$346,2,0))^2+(VLOOKUP($A236,városok!$A$2:$C$346,3,0)-VLOOKUP(AP$1,városok!$A$2:$C$346,3,0))^2)/1000,0)</f>
        <v>71</v>
      </c>
      <c r="AQ236">
        <f ca="1">ROUND(SQRT((VLOOKUP($A236,városok!$A$2:$C$346,2,0)-VLOOKUP(AQ$1,városok!$A$2:$C$346,2,0))^2+(VLOOKUP($A236,városok!$A$2:$C$346,3,0)-VLOOKUP(AQ$1,városok!$A$2:$C$346,3,0))^2)/1000,0)</f>
        <v>61</v>
      </c>
      <c r="AR236">
        <f ca="1">ROUND(SQRT((VLOOKUP($A236,városok!$A$2:$C$346,2,0)-VLOOKUP(AR$1,városok!$A$2:$C$346,2,0))^2+(VLOOKUP($A236,városok!$A$2:$C$346,3,0)-VLOOKUP(AR$1,városok!$A$2:$C$346,3,0))^2)/1000,0)</f>
        <v>102</v>
      </c>
      <c r="AS236">
        <f ca="1">ROUND(SQRT((VLOOKUP($A236,városok!$A$2:$C$346,2,0)-VLOOKUP(AS$1,városok!$A$2:$C$346,2,0))^2+(VLOOKUP($A236,városok!$A$2:$C$346,3,0)-VLOOKUP(AS$1,városok!$A$2:$C$346,3,0))^2)/1000,0)</f>
        <v>125</v>
      </c>
      <c r="AT236">
        <f ca="1">ROUND(SQRT((VLOOKUP($A236,városok!$A$2:$C$346,2,0)-VLOOKUP(AT$1,városok!$A$2:$C$346,2,0))^2+(VLOOKUP($A236,városok!$A$2:$C$346,3,0)-VLOOKUP(AT$1,városok!$A$2:$C$346,3,0))^2)/1000,0)</f>
        <v>36</v>
      </c>
      <c r="AU236">
        <f ca="1">ROUND(SQRT((VLOOKUP($A236,városok!$A$2:$C$346,2,0)-VLOOKUP(AU$1,városok!$A$2:$C$346,2,0))^2+(VLOOKUP($A236,városok!$A$2:$C$346,3,0)-VLOOKUP(AU$1,városok!$A$2:$C$346,3,0))^2)/1000,0)</f>
        <v>33</v>
      </c>
      <c r="AV236">
        <f ca="1">ROUND(SQRT((VLOOKUP($A236,városok!$A$2:$C$346,2,0)-VLOOKUP(AV$1,városok!$A$2:$C$346,2,0))^2+(VLOOKUP($A236,városok!$A$2:$C$346,3,0)-VLOOKUP(AV$1,városok!$A$2:$C$346,3,0))^2)/1000,0)</f>
        <v>28</v>
      </c>
      <c r="AW236">
        <f ca="1">ROUND(SQRT((VLOOKUP($A236,városok!$A$2:$C$346,2,0)-VLOOKUP(AW$1,városok!$A$2:$C$346,2,0))^2+(VLOOKUP($A236,városok!$A$2:$C$346,3,0)-VLOOKUP(AW$1,városok!$A$2:$C$346,3,0))^2)/1000,0)</f>
        <v>27</v>
      </c>
      <c r="AX236">
        <f ca="1">ROUND(SQRT((VLOOKUP($A236,városok!$A$2:$C$346,2,0)-VLOOKUP(AX$1,városok!$A$2:$C$346,2,0))^2+(VLOOKUP($A236,városok!$A$2:$C$346,3,0)-VLOOKUP(AX$1,városok!$A$2:$C$346,3,0))^2)/1000,0)</f>
        <v>65</v>
      </c>
      <c r="AY236">
        <f ca="1">ROUND(SQRT((VLOOKUP($A236,városok!$A$2:$C$346,2,0)-VLOOKUP(AY$1,városok!$A$2:$C$346,2,0))^2+(VLOOKUP($A236,városok!$A$2:$C$346,3,0)-VLOOKUP(AY$1,városok!$A$2:$C$346,3,0))^2)/1000,0)</f>
        <v>59</v>
      </c>
      <c r="AZ236">
        <f ca="1">ROUND(SQRT((VLOOKUP($A236,városok!$A$2:$C$346,2,0)-VLOOKUP(AZ$1,városok!$A$2:$C$346,2,0))^2+(VLOOKUP($A236,városok!$A$2:$C$346,3,0)-VLOOKUP(AZ$1,városok!$A$2:$C$346,3,0))^2)/1000,0)</f>
        <v>70</v>
      </c>
      <c r="BA236">
        <f ca="1">ROUND(SQRT((VLOOKUP($A236,városok!$A$2:$C$346,2,0)-VLOOKUP(BA$1,városok!$A$2:$C$346,2,0))^2+(VLOOKUP($A236,városok!$A$2:$C$346,3,0)-VLOOKUP(BA$1,városok!$A$2:$C$346,3,0))^2)/1000,0)</f>
        <v>103</v>
      </c>
      <c r="BB236">
        <f ca="1">ROUND(SQRT((VLOOKUP($A236,városok!$A$2:$C$346,2,0)-VLOOKUP(BB$1,városok!$A$2:$C$346,2,0))^2+(VLOOKUP($A236,városok!$A$2:$C$346,3,0)-VLOOKUP(BB$1,városok!$A$2:$C$346,3,0))^2)/1000,0)</f>
        <v>103</v>
      </c>
      <c r="BC236">
        <f ca="1">ROUND(SQRT((VLOOKUP($A236,városok!$A$2:$C$346,2,0)-VLOOKUP(BC$1,városok!$A$2:$C$346,2,0))^2+(VLOOKUP($A236,városok!$A$2:$C$346,3,0)-VLOOKUP(BC$1,városok!$A$2:$C$346,3,0))^2)/1000,0)</f>
        <v>125</v>
      </c>
      <c r="BD236">
        <f ca="1">ROUND(SQRT((VLOOKUP($A236,városok!$A$2:$C$346,2,0)-VLOOKUP(BD$1,városok!$A$2:$C$346,2,0))^2+(VLOOKUP($A236,városok!$A$2:$C$346,3,0)-VLOOKUP(BD$1,városok!$A$2:$C$346,3,0))^2)/1000,0)</f>
        <v>72</v>
      </c>
      <c r="BE236">
        <f ca="1">ROUND(SQRT((VLOOKUP($A236,városok!$A$2:$C$346,2,0)-VLOOKUP(BE$1,városok!$A$2:$C$346,2,0))^2+(VLOOKUP($A236,városok!$A$2:$C$346,3,0)-VLOOKUP(BE$1,városok!$A$2:$C$346,3,0))^2)/1000,0)</f>
        <v>291</v>
      </c>
      <c r="BF236">
        <f ca="1">ROUND(SQRT((VLOOKUP($A236,városok!$A$2:$C$346,2,0)-VLOOKUP(BF$1,városok!$A$2:$C$346,2,0))^2+(VLOOKUP($A236,városok!$A$2:$C$346,3,0)-VLOOKUP(BF$1,városok!$A$2:$C$346,3,0))^2)/1000,0)</f>
        <v>263</v>
      </c>
      <c r="BG236">
        <f ca="1">ROUND(SQRT((VLOOKUP($A236,városok!$A$2:$C$346,2,0)-VLOOKUP(BG$1,városok!$A$2:$C$346,2,0))^2+(VLOOKUP($A236,városok!$A$2:$C$346,3,0)-VLOOKUP(BG$1,városok!$A$2:$C$346,3,0))^2)/1000,0)</f>
        <v>218</v>
      </c>
      <c r="BH236">
        <f ca="1">ROUND(SQRT((VLOOKUP($A236,városok!$A$2:$C$346,2,0)-VLOOKUP(BH$1,városok!$A$2:$C$346,2,0))^2+(VLOOKUP($A236,városok!$A$2:$C$346,3,0)-VLOOKUP(BH$1,városok!$A$2:$C$346,3,0))^2)/1000,0)</f>
        <v>218</v>
      </c>
      <c r="BI236">
        <f ca="1">ROUND(SQRT((VLOOKUP($A236,városok!$A$2:$C$346,2,0)-VLOOKUP(BI$1,városok!$A$2:$C$346,2,0))^2+(VLOOKUP($A236,városok!$A$2:$C$346,3,0)-VLOOKUP(BI$1,városok!$A$2:$C$346,3,0))^2)/1000,0)</f>
        <v>88</v>
      </c>
      <c r="BJ236">
        <f ca="1">ROUND(SQRT((VLOOKUP($A236,városok!$A$2:$C$346,2,0)-VLOOKUP(BJ$1,városok!$A$2:$C$346,2,0))^2+(VLOOKUP($A236,városok!$A$2:$C$346,3,0)-VLOOKUP(BJ$1,városok!$A$2:$C$346,3,0))^2)/1000,0)</f>
        <v>104</v>
      </c>
      <c r="BK236">
        <f ca="1">ROUND(SQRT((VLOOKUP($A236,városok!$A$2:$C$346,2,0)-VLOOKUP(BK$1,városok!$A$2:$C$346,2,0))^2+(VLOOKUP($A236,városok!$A$2:$C$346,3,0)-VLOOKUP(BK$1,városok!$A$2:$C$346,3,0))^2)/1000,0)</f>
        <v>92</v>
      </c>
      <c r="BL236">
        <f ca="1">ROUND(SQRT((VLOOKUP($A236,városok!$A$2:$C$346,2,0)-VLOOKUP(BL$1,városok!$A$2:$C$346,2,0))^2+(VLOOKUP($A236,városok!$A$2:$C$346,3,0)-VLOOKUP(BL$1,városok!$A$2:$C$346,3,0))^2)/1000,0)</f>
        <v>178</v>
      </c>
      <c r="BM236">
        <f ca="1">ROUND(SQRT((VLOOKUP($A236,városok!$A$2:$C$346,2,0)-VLOOKUP(BM$1,városok!$A$2:$C$346,2,0))^2+(VLOOKUP($A236,városok!$A$2:$C$346,3,0)-VLOOKUP(BM$1,városok!$A$2:$C$346,3,0))^2)/1000,0)</f>
        <v>153</v>
      </c>
      <c r="BN236">
        <f ca="1">ROUND(SQRT((VLOOKUP($A236,városok!$A$2:$C$346,2,0)-VLOOKUP(BN$1,városok!$A$2:$C$346,2,0))^2+(VLOOKUP($A236,városok!$A$2:$C$346,3,0)-VLOOKUP(BN$1,városok!$A$2:$C$346,3,0))^2)/1000,0)</f>
        <v>176</v>
      </c>
      <c r="BO236">
        <f ca="1">ROUND(SQRT((VLOOKUP($A236,városok!$A$2:$C$346,2,0)-VLOOKUP(BO$1,városok!$A$2:$C$346,2,0))^2+(VLOOKUP($A236,városok!$A$2:$C$346,3,0)-VLOOKUP(BO$1,városok!$A$2:$C$346,3,0))^2)/1000,0)</f>
        <v>72</v>
      </c>
      <c r="BP236">
        <f ca="1">ROUND(SQRT((VLOOKUP($A236,városok!$A$2:$C$346,2,0)-VLOOKUP(BP$1,városok!$A$2:$C$346,2,0))^2+(VLOOKUP($A236,városok!$A$2:$C$346,3,0)-VLOOKUP(BP$1,városok!$A$2:$C$346,3,0))^2)/1000,0)</f>
        <v>65</v>
      </c>
      <c r="BQ236">
        <f ca="1">ROUND(SQRT((VLOOKUP($A236,városok!$A$2:$C$346,2,0)-VLOOKUP(BQ$1,városok!$A$2:$C$346,2,0))^2+(VLOOKUP($A236,városok!$A$2:$C$346,3,0)-VLOOKUP(BQ$1,városok!$A$2:$C$346,3,0))^2)/1000,0)</f>
        <v>79</v>
      </c>
      <c r="BR236">
        <f ca="1">ROUND(SQRT((VLOOKUP($A236,városok!$A$2:$C$346,2,0)-VLOOKUP(BR$1,városok!$A$2:$C$346,2,0))^2+(VLOOKUP($A236,városok!$A$2:$C$346,3,0)-VLOOKUP(BR$1,városok!$A$2:$C$346,3,0))^2)/1000,0)</f>
        <v>136</v>
      </c>
      <c r="BS236">
        <f ca="1">ROUND(SQRT((VLOOKUP($A236,városok!$A$2:$C$346,2,0)-VLOOKUP(BS$1,városok!$A$2:$C$346,2,0))^2+(VLOOKUP($A236,városok!$A$2:$C$346,3,0)-VLOOKUP(BS$1,városok!$A$2:$C$346,3,0))^2)/1000,0)</f>
        <v>168</v>
      </c>
      <c r="BT236">
        <f ca="1">ROUND(SQRT((VLOOKUP($A236,városok!$A$2:$C$346,2,0)-VLOOKUP(BT$1,városok!$A$2:$C$346,2,0))^2+(VLOOKUP($A236,városok!$A$2:$C$346,3,0)-VLOOKUP(BT$1,városok!$A$2:$C$346,3,0))^2)/1000,0)</f>
        <v>164</v>
      </c>
    </row>
    <row r="237" spans="1:72" x14ac:dyDescent="0.2">
      <c r="A237" t="str">
        <f>városok!A237</f>
        <v>Sülysáp</v>
      </c>
      <c r="B237">
        <f ca="1">ROUND(SQRT((VLOOKUP($A237,városok!$A$2:$C$346,2,0)-VLOOKUP(B$1,városok!$A$2:$C$346,2,0))^2+(VLOOKUP($A237,városok!$A$2:$C$346,3,0)-VLOOKUP(B$1,városok!$A$2:$C$346,3,0))^2)/1000,0)</f>
        <v>147</v>
      </c>
      <c r="C237">
        <f ca="1">ROUND(SQRT((VLOOKUP($A237,városok!$A$2:$C$346,2,0)-VLOOKUP(C$1,városok!$A$2:$C$346,2,0))^2+(VLOOKUP($A237,városok!$A$2:$C$346,3,0)-VLOOKUP(C$1,városok!$A$2:$C$346,3,0))^2)/1000,0)</f>
        <v>111</v>
      </c>
      <c r="D237">
        <f ca="1">ROUND(SQRT((VLOOKUP($A237,városok!$A$2:$C$346,2,0)-VLOOKUP(D$1,városok!$A$2:$C$346,2,0))^2+(VLOOKUP($A237,városok!$A$2:$C$346,3,0)-VLOOKUP(D$1,városok!$A$2:$C$346,3,0))^2)/1000,0)</f>
        <v>61</v>
      </c>
      <c r="E237">
        <f ca="1">ROUND(SQRT((VLOOKUP($A237,városok!$A$2:$C$346,2,0)-VLOOKUP(E$1,városok!$A$2:$C$346,2,0))^2+(VLOOKUP($A237,városok!$A$2:$C$346,3,0)-VLOOKUP(E$1,városok!$A$2:$C$346,3,0))^2)/1000,0)</f>
        <v>171</v>
      </c>
      <c r="F237">
        <f ca="1">ROUND(SQRT((VLOOKUP($A237,városok!$A$2:$C$346,2,0)-VLOOKUP(F$1,városok!$A$2:$C$346,2,0))^2+(VLOOKUP($A237,városok!$A$2:$C$346,3,0)-VLOOKUP(F$1,városok!$A$2:$C$346,3,0))^2)/1000,0)</f>
        <v>175</v>
      </c>
      <c r="G237">
        <f ca="1">ROUND(SQRT((VLOOKUP($A237,városok!$A$2:$C$346,2,0)-VLOOKUP(G$1,városok!$A$2:$C$346,2,0))^2+(VLOOKUP($A237,városok!$A$2:$C$346,3,0)-VLOOKUP(G$1,városok!$A$2:$C$346,3,0))^2)/1000,0)</f>
        <v>182</v>
      </c>
      <c r="H237">
        <f ca="1">ROUND(SQRT((VLOOKUP($A237,városok!$A$2:$C$346,2,0)-VLOOKUP(H$1,városok!$A$2:$C$346,2,0))^2+(VLOOKUP($A237,városok!$A$2:$C$346,3,0)-VLOOKUP(H$1,városok!$A$2:$C$346,3,0))^2)/1000,0)</f>
        <v>205</v>
      </c>
      <c r="I237">
        <f ca="1">ROUND(SQRT((VLOOKUP($A237,városok!$A$2:$C$346,2,0)-VLOOKUP(I$1,városok!$A$2:$C$346,2,0))^2+(VLOOKUP($A237,városok!$A$2:$C$346,3,0)-VLOOKUP(I$1,városok!$A$2:$C$346,3,0))^2)/1000,0)</f>
        <v>146</v>
      </c>
      <c r="J237">
        <f ca="1">ROUND(SQRT((VLOOKUP($A237,városok!$A$2:$C$346,2,0)-VLOOKUP(J$1,városok!$A$2:$C$346,2,0))^2+(VLOOKUP($A237,városok!$A$2:$C$346,3,0)-VLOOKUP(J$1,városok!$A$2:$C$346,3,0))^2)/1000,0)</f>
        <v>160</v>
      </c>
      <c r="K237">
        <f ca="1">ROUND(SQRT((VLOOKUP($A237,városok!$A$2:$C$346,2,0)-VLOOKUP(K$1,városok!$A$2:$C$346,2,0))^2+(VLOOKUP($A237,városok!$A$2:$C$346,3,0)-VLOOKUP(K$1,városok!$A$2:$C$346,3,0))^2)/1000,0)</f>
        <v>131</v>
      </c>
      <c r="L237">
        <f ca="1">ROUND(SQRT((VLOOKUP($A237,városok!$A$2:$C$346,2,0)-VLOOKUP(L$1,városok!$A$2:$C$346,2,0))^2+(VLOOKUP($A237,városok!$A$2:$C$346,3,0)-VLOOKUP(L$1,városok!$A$2:$C$346,3,0))^2)/1000,0)</f>
        <v>121</v>
      </c>
      <c r="M237">
        <f ca="1">ROUND(SQRT((VLOOKUP($A237,városok!$A$2:$C$346,2,0)-VLOOKUP(M$1,városok!$A$2:$C$346,2,0))^2+(VLOOKUP($A237,városok!$A$2:$C$346,3,0)-VLOOKUP(M$1,városok!$A$2:$C$346,3,0))^2)/1000,0)</f>
        <v>119</v>
      </c>
      <c r="N237">
        <f ca="1">ROUND(SQRT((VLOOKUP($A237,városok!$A$2:$C$346,2,0)-VLOOKUP(N$1,városok!$A$2:$C$346,2,0))^2+(VLOOKUP($A237,városok!$A$2:$C$346,3,0)-VLOOKUP(N$1,városok!$A$2:$C$346,3,0))^2)/1000,0)</f>
        <v>103</v>
      </c>
      <c r="O237">
        <f ca="1">ROUND(SQRT((VLOOKUP($A237,városok!$A$2:$C$346,2,0)-VLOOKUP(O$1,városok!$A$2:$C$346,2,0))^2+(VLOOKUP($A237,városok!$A$2:$C$346,3,0)-VLOOKUP(O$1,városok!$A$2:$C$346,3,0))^2)/1000,0)</f>
        <v>190</v>
      </c>
      <c r="P237">
        <f ca="1">ROUND(SQRT((VLOOKUP($A237,városok!$A$2:$C$346,2,0)-VLOOKUP(P$1,városok!$A$2:$C$346,2,0))^2+(VLOOKUP($A237,városok!$A$2:$C$346,3,0)-VLOOKUP(P$1,városok!$A$2:$C$346,3,0))^2)/1000,0)</f>
        <v>190</v>
      </c>
      <c r="Q237">
        <f ca="1">ROUND(SQRT((VLOOKUP($A237,városok!$A$2:$C$346,2,0)-VLOOKUP(Q$1,városok!$A$2:$C$346,2,0))^2+(VLOOKUP($A237,városok!$A$2:$C$346,3,0)-VLOOKUP(Q$1,városok!$A$2:$C$346,3,0))^2)/1000,0)</f>
        <v>129</v>
      </c>
      <c r="R237">
        <f ca="1">ROUND(SQRT((VLOOKUP($A237,városok!$A$2:$C$346,2,0)-VLOOKUP(R$1,városok!$A$2:$C$346,2,0))^2+(VLOOKUP($A237,városok!$A$2:$C$346,3,0)-VLOOKUP(R$1,városok!$A$2:$C$346,3,0))^2)/1000,0)</f>
        <v>155</v>
      </c>
      <c r="S237">
        <f ca="1">ROUND(SQRT((VLOOKUP($A237,városok!$A$2:$C$346,2,0)-VLOOKUP(S$1,városok!$A$2:$C$346,2,0))^2+(VLOOKUP($A237,városok!$A$2:$C$346,3,0)-VLOOKUP(S$1,városok!$A$2:$C$346,3,0))^2)/1000,0)</f>
        <v>142</v>
      </c>
      <c r="T237">
        <f ca="1">ROUND(SQRT((VLOOKUP($A237,városok!$A$2:$C$346,2,0)-VLOOKUP(T$1,városok!$A$2:$C$346,2,0))^2+(VLOOKUP($A237,városok!$A$2:$C$346,3,0)-VLOOKUP(T$1,városok!$A$2:$C$346,3,0))^2)/1000,0)</f>
        <v>68</v>
      </c>
      <c r="U237">
        <f ca="1">ROUND(SQRT((VLOOKUP($A237,városok!$A$2:$C$346,2,0)-VLOOKUP(U$1,városok!$A$2:$C$346,2,0))^2+(VLOOKUP($A237,városok!$A$2:$C$346,3,0)-VLOOKUP(U$1,városok!$A$2:$C$346,3,0))^2)/1000,0)</f>
        <v>71</v>
      </c>
      <c r="V237">
        <f ca="1">ROUND(SQRT((VLOOKUP($A237,városok!$A$2:$C$346,2,0)-VLOOKUP(V$1,városok!$A$2:$C$346,2,0))^2+(VLOOKUP($A237,városok!$A$2:$C$346,3,0)-VLOOKUP(V$1,városok!$A$2:$C$346,3,0))^2)/1000,0)</f>
        <v>103</v>
      </c>
      <c r="W237">
        <f ca="1">ROUND(SQRT((VLOOKUP($A237,városok!$A$2:$C$346,2,0)-VLOOKUP(W$1,városok!$A$2:$C$346,2,0))^2+(VLOOKUP($A237,városok!$A$2:$C$346,3,0)-VLOOKUP(W$1,városok!$A$2:$C$346,3,0))^2)/1000,0)</f>
        <v>93</v>
      </c>
      <c r="X237">
        <f ca="1">ROUND(SQRT((VLOOKUP($A237,városok!$A$2:$C$346,2,0)-VLOOKUP(X$1,városok!$A$2:$C$346,2,0))^2+(VLOOKUP($A237,városok!$A$2:$C$346,3,0)-VLOOKUP(X$1,városok!$A$2:$C$346,3,0))^2)/1000,0)</f>
        <v>93</v>
      </c>
      <c r="Y237">
        <f ca="1">ROUND(SQRT((VLOOKUP($A237,városok!$A$2:$C$346,2,0)-VLOOKUP(Y$1,városok!$A$2:$C$346,2,0))^2+(VLOOKUP($A237,városok!$A$2:$C$346,3,0)-VLOOKUP(Y$1,városok!$A$2:$C$346,3,0))^2)/1000,0)</f>
        <v>146</v>
      </c>
      <c r="Z237">
        <f ca="1">ROUND(SQRT((VLOOKUP($A237,városok!$A$2:$C$346,2,0)-VLOOKUP(Z$1,városok!$A$2:$C$346,2,0))^2+(VLOOKUP($A237,városok!$A$2:$C$346,3,0)-VLOOKUP(Z$1,városok!$A$2:$C$346,3,0))^2)/1000,0)</f>
        <v>165</v>
      </c>
      <c r="AA237">
        <f ca="1">ROUND(SQRT((VLOOKUP($A237,városok!$A$2:$C$346,2,0)-VLOOKUP(AA$1,városok!$A$2:$C$346,2,0))^2+(VLOOKUP($A237,városok!$A$2:$C$346,3,0)-VLOOKUP(AA$1,városok!$A$2:$C$346,3,0))^2)/1000,0)</f>
        <v>224</v>
      </c>
      <c r="AB237">
        <f ca="1">ROUND(SQRT((VLOOKUP($A237,városok!$A$2:$C$346,2,0)-VLOOKUP(AB$1,városok!$A$2:$C$346,2,0))^2+(VLOOKUP($A237,városok!$A$2:$C$346,3,0)-VLOOKUP(AB$1,városok!$A$2:$C$346,3,0))^2)/1000,0)</f>
        <v>158</v>
      </c>
      <c r="AC237">
        <f ca="1">ROUND(SQRT((VLOOKUP($A237,városok!$A$2:$C$346,2,0)-VLOOKUP(AC$1,városok!$A$2:$C$346,2,0))^2+(VLOOKUP($A237,városok!$A$2:$C$346,3,0)-VLOOKUP(AC$1,városok!$A$2:$C$346,3,0))^2)/1000,0)</f>
        <v>140</v>
      </c>
      <c r="AD237">
        <f ca="1">ROUND(SQRT((VLOOKUP($A237,városok!$A$2:$C$346,2,0)-VLOOKUP(AD$1,városok!$A$2:$C$346,2,0))^2+(VLOOKUP($A237,városok!$A$2:$C$346,3,0)-VLOOKUP(AD$1,városok!$A$2:$C$346,3,0))^2)/1000,0)</f>
        <v>122</v>
      </c>
      <c r="AE237">
        <f ca="1">ROUND(SQRT((VLOOKUP($A237,városok!$A$2:$C$346,2,0)-VLOOKUP(AE$1,városok!$A$2:$C$346,2,0))^2+(VLOOKUP($A237,városok!$A$2:$C$346,3,0)-VLOOKUP(AE$1,városok!$A$2:$C$346,3,0))^2)/1000,0)</f>
        <v>125</v>
      </c>
      <c r="AF237">
        <f ca="1">ROUND(SQRT((VLOOKUP($A237,városok!$A$2:$C$346,2,0)-VLOOKUP(AF$1,városok!$A$2:$C$346,2,0))^2+(VLOOKUP($A237,városok!$A$2:$C$346,3,0)-VLOOKUP(AF$1,városok!$A$2:$C$346,3,0))^2)/1000,0)</f>
        <v>81</v>
      </c>
      <c r="AG237">
        <f ca="1">ROUND(SQRT((VLOOKUP($A237,városok!$A$2:$C$346,2,0)-VLOOKUP(AG$1,városok!$A$2:$C$346,2,0))^2+(VLOOKUP($A237,városok!$A$2:$C$346,3,0)-VLOOKUP(AG$1,városok!$A$2:$C$346,3,0))^2)/1000,0)</f>
        <v>47</v>
      </c>
      <c r="AH237">
        <f ca="1">ROUND(SQRT((VLOOKUP($A237,városok!$A$2:$C$346,2,0)-VLOOKUP(AH$1,városok!$A$2:$C$346,2,0))^2+(VLOOKUP($A237,városok!$A$2:$C$346,3,0)-VLOOKUP(AH$1,városok!$A$2:$C$346,3,0))^2)/1000,0)</f>
        <v>26</v>
      </c>
      <c r="AI237">
        <f ca="1">ROUND(SQRT((VLOOKUP($A237,városok!$A$2:$C$346,2,0)-VLOOKUP(AI$1,városok!$A$2:$C$346,2,0))^2+(VLOOKUP($A237,városok!$A$2:$C$346,3,0)-VLOOKUP(AI$1,városok!$A$2:$C$346,3,0))^2)/1000,0)</f>
        <v>76</v>
      </c>
      <c r="AJ237">
        <f ca="1">ROUND(SQRT((VLOOKUP($A237,városok!$A$2:$C$346,2,0)-VLOOKUP(AJ$1,városok!$A$2:$C$346,2,0))^2+(VLOOKUP($A237,városok!$A$2:$C$346,3,0)-VLOOKUP(AJ$1,városok!$A$2:$C$346,3,0))^2)/1000,0)</f>
        <v>39</v>
      </c>
      <c r="AK237">
        <f ca="1">ROUND(SQRT((VLOOKUP($A237,városok!$A$2:$C$346,2,0)-VLOOKUP(AK$1,városok!$A$2:$C$346,2,0))^2+(VLOOKUP($A237,városok!$A$2:$C$346,3,0)-VLOOKUP(AK$1,városok!$A$2:$C$346,3,0))^2)/1000,0)</f>
        <v>110</v>
      </c>
      <c r="AL237">
        <f ca="1">ROUND(SQRT((VLOOKUP($A237,városok!$A$2:$C$346,2,0)-VLOOKUP(AL$1,városok!$A$2:$C$346,2,0))^2+(VLOOKUP($A237,városok!$A$2:$C$346,3,0)-VLOOKUP(AL$1,városok!$A$2:$C$346,3,0))^2)/1000,0)</f>
        <v>83</v>
      </c>
      <c r="AM237">
        <f ca="1">ROUND(SQRT((VLOOKUP($A237,városok!$A$2:$C$346,2,0)-VLOOKUP(AM$1,városok!$A$2:$C$346,2,0))^2+(VLOOKUP($A237,városok!$A$2:$C$346,3,0)-VLOOKUP(AM$1,városok!$A$2:$C$346,3,0))^2)/1000,0)</f>
        <v>58</v>
      </c>
      <c r="AN237">
        <f ca="1">ROUND(SQRT((VLOOKUP($A237,városok!$A$2:$C$346,2,0)-VLOOKUP(AN$1,városok!$A$2:$C$346,2,0))^2+(VLOOKUP($A237,városok!$A$2:$C$346,3,0)-VLOOKUP(AN$1,városok!$A$2:$C$346,3,0))^2)/1000,0)</f>
        <v>71</v>
      </c>
      <c r="AO237">
        <f ca="1">ROUND(SQRT((VLOOKUP($A237,városok!$A$2:$C$346,2,0)-VLOOKUP(AO$1,városok!$A$2:$C$346,2,0))^2+(VLOOKUP($A237,városok!$A$2:$C$346,3,0)-VLOOKUP(AO$1,városok!$A$2:$C$346,3,0))^2)/1000,0)</f>
        <v>111</v>
      </c>
      <c r="AP237">
        <f ca="1">ROUND(SQRT((VLOOKUP($A237,városok!$A$2:$C$346,2,0)-VLOOKUP(AP$1,városok!$A$2:$C$346,2,0))^2+(VLOOKUP($A237,városok!$A$2:$C$346,3,0)-VLOOKUP(AP$1,városok!$A$2:$C$346,3,0))^2)/1000,0)</f>
        <v>93</v>
      </c>
      <c r="AQ237">
        <f ca="1">ROUND(SQRT((VLOOKUP($A237,városok!$A$2:$C$346,2,0)-VLOOKUP(AQ$1,városok!$A$2:$C$346,2,0))^2+(VLOOKUP($A237,városok!$A$2:$C$346,3,0)-VLOOKUP(AQ$1,városok!$A$2:$C$346,3,0))^2)/1000,0)</f>
        <v>86</v>
      </c>
      <c r="AR237">
        <f ca="1">ROUND(SQRT((VLOOKUP($A237,városok!$A$2:$C$346,2,0)-VLOOKUP(AR$1,városok!$A$2:$C$346,2,0))^2+(VLOOKUP($A237,városok!$A$2:$C$346,3,0)-VLOOKUP(AR$1,városok!$A$2:$C$346,3,0))^2)/1000,0)</f>
        <v>54</v>
      </c>
      <c r="AS237">
        <f ca="1">ROUND(SQRT((VLOOKUP($A237,városok!$A$2:$C$346,2,0)-VLOOKUP(AS$1,városok!$A$2:$C$346,2,0))^2+(VLOOKUP($A237,városok!$A$2:$C$346,3,0)-VLOOKUP(AS$1,városok!$A$2:$C$346,3,0))^2)/1000,0)</f>
        <v>76</v>
      </c>
      <c r="AT237">
        <f ca="1">ROUND(SQRT((VLOOKUP($A237,városok!$A$2:$C$346,2,0)-VLOOKUP(AT$1,városok!$A$2:$C$346,2,0))^2+(VLOOKUP($A237,városok!$A$2:$C$346,3,0)-VLOOKUP(AT$1,városok!$A$2:$C$346,3,0))^2)/1000,0)</f>
        <v>54</v>
      </c>
      <c r="AU237">
        <f ca="1">ROUND(SQRT((VLOOKUP($A237,városok!$A$2:$C$346,2,0)-VLOOKUP(AU$1,városok!$A$2:$C$346,2,0))^2+(VLOOKUP($A237,városok!$A$2:$C$346,3,0)-VLOOKUP(AU$1,városok!$A$2:$C$346,3,0))^2)/1000,0)</f>
        <v>43</v>
      </c>
      <c r="AV237">
        <f ca="1">ROUND(SQRT((VLOOKUP($A237,városok!$A$2:$C$346,2,0)-VLOOKUP(AV$1,városok!$A$2:$C$346,2,0))^2+(VLOOKUP($A237,városok!$A$2:$C$346,3,0)-VLOOKUP(AV$1,városok!$A$2:$C$346,3,0))^2)/1000,0)</f>
        <v>45</v>
      </c>
      <c r="AW237">
        <f ca="1">ROUND(SQRT((VLOOKUP($A237,városok!$A$2:$C$346,2,0)-VLOOKUP(AW$1,városok!$A$2:$C$346,2,0))^2+(VLOOKUP($A237,városok!$A$2:$C$346,3,0)-VLOOKUP(AW$1,városok!$A$2:$C$346,3,0))^2)/1000,0)</f>
        <v>48</v>
      </c>
      <c r="AX237">
        <f ca="1">ROUND(SQRT((VLOOKUP($A237,városok!$A$2:$C$346,2,0)-VLOOKUP(AX$1,városok!$A$2:$C$346,2,0))^2+(VLOOKUP($A237,városok!$A$2:$C$346,3,0)-VLOOKUP(AX$1,városok!$A$2:$C$346,3,0))^2)/1000,0)</f>
        <v>50</v>
      </c>
      <c r="AY237">
        <f ca="1">ROUND(SQRT((VLOOKUP($A237,városok!$A$2:$C$346,2,0)-VLOOKUP(AY$1,városok!$A$2:$C$346,2,0))^2+(VLOOKUP($A237,városok!$A$2:$C$346,3,0)-VLOOKUP(AY$1,városok!$A$2:$C$346,3,0))^2)/1000,0)</f>
        <v>44</v>
      </c>
      <c r="AZ237">
        <f ca="1">ROUND(SQRT((VLOOKUP($A237,városok!$A$2:$C$346,2,0)-VLOOKUP(AZ$1,városok!$A$2:$C$346,2,0))^2+(VLOOKUP($A237,városok!$A$2:$C$346,3,0)-VLOOKUP(AZ$1,városok!$A$2:$C$346,3,0))^2)/1000,0)</f>
        <v>57</v>
      </c>
      <c r="BA237">
        <f ca="1">ROUND(SQRT((VLOOKUP($A237,városok!$A$2:$C$346,2,0)-VLOOKUP(BA$1,városok!$A$2:$C$346,2,0))^2+(VLOOKUP($A237,városok!$A$2:$C$346,3,0)-VLOOKUP(BA$1,városok!$A$2:$C$346,3,0))^2)/1000,0)</f>
        <v>158</v>
      </c>
      <c r="BB237">
        <f ca="1">ROUND(SQRT((VLOOKUP($A237,városok!$A$2:$C$346,2,0)-VLOOKUP(BB$1,városok!$A$2:$C$346,2,0))^2+(VLOOKUP($A237,városok!$A$2:$C$346,3,0)-VLOOKUP(BB$1,városok!$A$2:$C$346,3,0))^2)/1000,0)</f>
        <v>158</v>
      </c>
      <c r="BC237">
        <f ca="1">ROUND(SQRT((VLOOKUP($A237,városok!$A$2:$C$346,2,0)-VLOOKUP(BC$1,városok!$A$2:$C$346,2,0))^2+(VLOOKUP($A237,városok!$A$2:$C$346,3,0)-VLOOKUP(BC$1,városok!$A$2:$C$346,3,0))^2)/1000,0)</f>
        <v>180</v>
      </c>
      <c r="BD237">
        <f ca="1">ROUND(SQRT((VLOOKUP($A237,városok!$A$2:$C$346,2,0)-VLOOKUP(BD$1,városok!$A$2:$C$346,2,0))^2+(VLOOKUP($A237,városok!$A$2:$C$346,3,0)-VLOOKUP(BD$1,városok!$A$2:$C$346,3,0))^2)/1000,0)</f>
        <v>127</v>
      </c>
      <c r="BE237">
        <f ca="1">ROUND(SQRT((VLOOKUP($A237,városok!$A$2:$C$346,2,0)-VLOOKUP(BE$1,városok!$A$2:$C$346,2,0))^2+(VLOOKUP($A237,városok!$A$2:$C$346,3,0)-VLOOKUP(BE$1,városok!$A$2:$C$346,3,0))^2)/1000,0)</f>
        <v>239</v>
      </c>
      <c r="BF237">
        <f ca="1">ROUND(SQRT((VLOOKUP($A237,városok!$A$2:$C$346,2,0)-VLOOKUP(BF$1,városok!$A$2:$C$346,2,0))^2+(VLOOKUP($A237,városok!$A$2:$C$346,3,0)-VLOOKUP(BF$1,városok!$A$2:$C$346,3,0))^2)/1000,0)</f>
        <v>209</v>
      </c>
      <c r="BG237">
        <f ca="1">ROUND(SQRT((VLOOKUP($A237,városok!$A$2:$C$346,2,0)-VLOOKUP(BG$1,városok!$A$2:$C$346,2,0))^2+(VLOOKUP($A237,városok!$A$2:$C$346,3,0)-VLOOKUP(BG$1,városok!$A$2:$C$346,3,0))^2)/1000,0)</f>
        <v>163</v>
      </c>
      <c r="BH237">
        <f ca="1">ROUND(SQRT((VLOOKUP($A237,városok!$A$2:$C$346,2,0)-VLOOKUP(BH$1,városok!$A$2:$C$346,2,0))^2+(VLOOKUP($A237,városok!$A$2:$C$346,3,0)-VLOOKUP(BH$1,városok!$A$2:$C$346,3,0))^2)/1000,0)</f>
        <v>163</v>
      </c>
      <c r="BI237">
        <f ca="1">ROUND(SQRT((VLOOKUP($A237,városok!$A$2:$C$346,2,0)-VLOOKUP(BI$1,városok!$A$2:$C$346,2,0))^2+(VLOOKUP($A237,városok!$A$2:$C$346,3,0)-VLOOKUP(BI$1,városok!$A$2:$C$346,3,0))^2)/1000,0)</f>
        <v>136</v>
      </c>
      <c r="BJ237">
        <f ca="1">ROUND(SQRT((VLOOKUP($A237,városok!$A$2:$C$346,2,0)-VLOOKUP(BJ$1,városok!$A$2:$C$346,2,0))^2+(VLOOKUP($A237,városok!$A$2:$C$346,3,0)-VLOOKUP(BJ$1,városok!$A$2:$C$346,3,0))^2)/1000,0)</f>
        <v>154</v>
      </c>
      <c r="BK237">
        <f ca="1">ROUND(SQRT((VLOOKUP($A237,városok!$A$2:$C$346,2,0)-VLOOKUP(BK$1,városok!$A$2:$C$346,2,0))^2+(VLOOKUP($A237,városok!$A$2:$C$346,3,0)-VLOOKUP(BK$1,városok!$A$2:$C$346,3,0))^2)/1000,0)</f>
        <v>138</v>
      </c>
      <c r="BL237">
        <f ca="1">ROUND(SQRT((VLOOKUP($A237,városok!$A$2:$C$346,2,0)-VLOOKUP(BL$1,városok!$A$2:$C$346,2,0))^2+(VLOOKUP($A237,városok!$A$2:$C$346,3,0)-VLOOKUP(BL$1,városok!$A$2:$C$346,3,0))^2)/1000,0)</f>
        <v>227</v>
      </c>
      <c r="BM237">
        <f ca="1">ROUND(SQRT((VLOOKUP($A237,városok!$A$2:$C$346,2,0)-VLOOKUP(BM$1,városok!$A$2:$C$346,2,0))^2+(VLOOKUP($A237,városok!$A$2:$C$346,3,0)-VLOOKUP(BM$1,városok!$A$2:$C$346,3,0))^2)/1000,0)</f>
        <v>198</v>
      </c>
      <c r="BN237">
        <f ca="1">ROUND(SQRT((VLOOKUP($A237,városok!$A$2:$C$346,2,0)-VLOOKUP(BN$1,városok!$A$2:$C$346,2,0))^2+(VLOOKUP($A237,városok!$A$2:$C$346,3,0)-VLOOKUP(BN$1,városok!$A$2:$C$346,3,0))^2)/1000,0)</f>
        <v>221</v>
      </c>
      <c r="BO237">
        <f ca="1">ROUND(SQRT((VLOOKUP($A237,városok!$A$2:$C$346,2,0)-VLOOKUP(BO$1,városok!$A$2:$C$346,2,0))^2+(VLOOKUP($A237,városok!$A$2:$C$346,3,0)-VLOOKUP(BO$1,városok!$A$2:$C$346,3,0))^2)/1000,0)</f>
        <v>124</v>
      </c>
      <c r="BP237">
        <f ca="1">ROUND(SQRT((VLOOKUP($A237,városok!$A$2:$C$346,2,0)-VLOOKUP(BP$1,városok!$A$2:$C$346,2,0))^2+(VLOOKUP($A237,városok!$A$2:$C$346,3,0)-VLOOKUP(BP$1,városok!$A$2:$C$346,3,0))^2)/1000,0)</f>
        <v>117</v>
      </c>
      <c r="BQ237">
        <f ca="1">ROUND(SQRT((VLOOKUP($A237,városok!$A$2:$C$346,2,0)-VLOOKUP(BQ$1,városok!$A$2:$C$346,2,0))^2+(VLOOKUP($A237,városok!$A$2:$C$346,3,0)-VLOOKUP(BQ$1,városok!$A$2:$C$346,3,0))^2)/1000,0)</f>
        <v>129</v>
      </c>
      <c r="BR237">
        <f ca="1">ROUND(SQRT((VLOOKUP($A237,városok!$A$2:$C$346,2,0)-VLOOKUP(BR$1,városok!$A$2:$C$346,2,0))^2+(VLOOKUP($A237,városok!$A$2:$C$346,3,0)-VLOOKUP(BR$1,városok!$A$2:$C$346,3,0))^2)/1000,0)</f>
        <v>189</v>
      </c>
      <c r="BS237">
        <f ca="1">ROUND(SQRT((VLOOKUP($A237,városok!$A$2:$C$346,2,0)-VLOOKUP(BS$1,városok!$A$2:$C$346,2,0))^2+(VLOOKUP($A237,városok!$A$2:$C$346,3,0)-VLOOKUP(BS$1,városok!$A$2:$C$346,3,0))^2)/1000,0)</f>
        <v>223</v>
      </c>
      <c r="BT237">
        <f ca="1">ROUND(SQRT((VLOOKUP($A237,városok!$A$2:$C$346,2,0)-VLOOKUP(BT$1,városok!$A$2:$C$346,2,0))^2+(VLOOKUP($A237,városok!$A$2:$C$346,3,0)-VLOOKUP(BT$1,városok!$A$2:$C$346,3,0))^2)/1000,0)</f>
        <v>216</v>
      </c>
    </row>
    <row r="238" spans="1:72" x14ac:dyDescent="0.2">
      <c r="A238" t="str">
        <f>városok!A238</f>
        <v>Százhalombatta</v>
      </c>
      <c r="B238">
        <f ca="1">ROUND(SQRT((VLOOKUP($A238,városok!$A$2:$C$346,2,0)-VLOOKUP(B$1,városok!$A$2:$C$346,2,0))^2+(VLOOKUP($A238,városok!$A$2:$C$346,3,0)-VLOOKUP(B$1,városok!$A$2:$C$346,3,0))^2)/1000,0)</f>
        <v>125</v>
      </c>
      <c r="C238">
        <f ca="1">ROUND(SQRT((VLOOKUP($A238,városok!$A$2:$C$346,2,0)-VLOOKUP(C$1,városok!$A$2:$C$346,2,0))^2+(VLOOKUP($A238,városok!$A$2:$C$346,3,0)-VLOOKUP(C$1,városok!$A$2:$C$346,3,0))^2)/1000,0)</f>
        <v>87</v>
      </c>
      <c r="D238">
        <f ca="1">ROUND(SQRT((VLOOKUP($A238,városok!$A$2:$C$346,2,0)-VLOOKUP(D$1,városok!$A$2:$C$346,2,0))^2+(VLOOKUP($A238,városok!$A$2:$C$346,3,0)-VLOOKUP(D$1,városok!$A$2:$C$346,3,0))^2)/1000,0)</f>
        <v>74</v>
      </c>
      <c r="E238">
        <f ca="1">ROUND(SQRT((VLOOKUP($A238,városok!$A$2:$C$346,2,0)-VLOOKUP(E$1,városok!$A$2:$C$346,2,0))^2+(VLOOKUP($A238,városok!$A$2:$C$346,3,0)-VLOOKUP(E$1,városok!$A$2:$C$346,3,0))^2)/1000,0)</f>
        <v>134</v>
      </c>
      <c r="F238">
        <f ca="1">ROUND(SQRT((VLOOKUP($A238,városok!$A$2:$C$346,2,0)-VLOOKUP(F$1,városok!$A$2:$C$346,2,0))^2+(VLOOKUP($A238,városok!$A$2:$C$346,3,0)-VLOOKUP(F$1,városok!$A$2:$C$346,3,0))^2)/1000,0)</f>
        <v>147</v>
      </c>
      <c r="G238">
        <f ca="1">ROUND(SQRT((VLOOKUP($A238,városok!$A$2:$C$346,2,0)-VLOOKUP(G$1,városok!$A$2:$C$346,2,0))^2+(VLOOKUP($A238,városok!$A$2:$C$346,3,0)-VLOOKUP(G$1,városok!$A$2:$C$346,3,0))^2)/1000,0)</f>
        <v>146</v>
      </c>
      <c r="H238">
        <f ca="1">ROUND(SQRT((VLOOKUP($A238,városok!$A$2:$C$346,2,0)-VLOOKUP(H$1,városok!$A$2:$C$346,2,0))^2+(VLOOKUP($A238,városok!$A$2:$C$346,3,0)-VLOOKUP(H$1,városok!$A$2:$C$346,3,0))^2)/1000,0)</f>
        <v>164</v>
      </c>
      <c r="I238">
        <f ca="1">ROUND(SQRT((VLOOKUP($A238,városok!$A$2:$C$346,2,0)-VLOOKUP(I$1,városok!$A$2:$C$346,2,0))^2+(VLOOKUP($A238,városok!$A$2:$C$346,3,0)-VLOOKUP(I$1,városok!$A$2:$C$346,3,0))^2)/1000,0)</f>
        <v>179</v>
      </c>
      <c r="J238">
        <f ca="1">ROUND(SQRT((VLOOKUP($A238,városok!$A$2:$C$346,2,0)-VLOOKUP(J$1,városok!$A$2:$C$346,2,0))^2+(VLOOKUP($A238,városok!$A$2:$C$346,3,0)-VLOOKUP(J$1,városok!$A$2:$C$346,3,0))^2)/1000,0)</f>
        <v>194</v>
      </c>
      <c r="K238">
        <f ca="1">ROUND(SQRT((VLOOKUP($A238,városok!$A$2:$C$346,2,0)-VLOOKUP(K$1,városok!$A$2:$C$346,2,0))^2+(VLOOKUP($A238,városok!$A$2:$C$346,3,0)-VLOOKUP(K$1,városok!$A$2:$C$346,3,0))^2)/1000,0)</f>
        <v>157</v>
      </c>
      <c r="L238">
        <f ca="1">ROUND(SQRT((VLOOKUP($A238,városok!$A$2:$C$346,2,0)-VLOOKUP(L$1,városok!$A$2:$C$346,2,0))^2+(VLOOKUP($A238,városok!$A$2:$C$346,3,0)-VLOOKUP(L$1,városok!$A$2:$C$346,3,0))^2)/1000,0)</f>
        <v>167</v>
      </c>
      <c r="M238">
        <f ca="1">ROUND(SQRT((VLOOKUP($A238,városok!$A$2:$C$346,2,0)-VLOOKUP(M$1,városok!$A$2:$C$346,2,0))^2+(VLOOKUP($A238,városok!$A$2:$C$346,3,0)-VLOOKUP(M$1,városok!$A$2:$C$346,3,0))^2)/1000,0)</f>
        <v>167</v>
      </c>
      <c r="N238">
        <f ca="1">ROUND(SQRT((VLOOKUP($A238,városok!$A$2:$C$346,2,0)-VLOOKUP(N$1,városok!$A$2:$C$346,2,0))^2+(VLOOKUP($A238,városok!$A$2:$C$346,3,0)-VLOOKUP(N$1,városok!$A$2:$C$346,3,0))^2)/1000,0)</f>
        <v>145</v>
      </c>
      <c r="O238">
        <f ca="1">ROUND(SQRT((VLOOKUP($A238,városok!$A$2:$C$346,2,0)-VLOOKUP(O$1,városok!$A$2:$C$346,2,0))^2+(VLOOKUP($A238,városok!$A$2:$C$346,3,0)-VLOOKUP(O$1,városok!$A$2:$C$346,3,0))^2)/1000,0)</f>
        <v>238</v>
      </c>
      <c r="P238">
        <f ca="1">ROUND(SQRT((VLOOKUP($A238,városok!$A$2:$C$346,2,0)-VLOOKUP(P$1,városok!$A$2:$C$346,2,0))^2+(VLOOKUP($A238,városok!$A$2:$C$346,3,0)-VLOOKUP(P$1,városok!$A$2:$C$346,3,0))^2)/1000,0)</f>
        <v>238</v>
      </c>
      <c r="Q238">
        <f ca="1">ROUND(SQRT((VLOOKUP($A238,városok!$A$2:$C$346,2,0)-VLOOKUP(Q$1,városok!$A$2:$C$346,2,0))^2+(VLOOKUP($A238,városok!$A$2:$C$346,3,0)-VLOOKUP(Q$1,városok!$A$2:$C$346,3,0))^2)/1000,0)</f>
        <v>146</v>
      </c>
      <c r="R238">
        <f ca="1">ROUND(SQRT((VLOOKUP($A238,városok!$A$2:$C$346,2,0)-VLOOKUP(R$1,városok!$A$2:$C$346,2,0))^2+(VLOOKUP($A238,városok!$A$2:$C$346,3,0)-VLOOKUP(R$1,városok!$A$2:$C$346,3,0))^2)/1000,0)</f>
        <v>170</v>
      </c>
      <c r="S238">
        <f ca="1">ROUND(SQRT((VLOOKUP($A238,városok!$A$2:$C$346,2,0)-VLOOKUP(S$1,városok!$A$2:$C$346,2,0))^2+(VLOOKUP($A238,városok!$A$2:$C$346,3,0)-VLOOKUP(S$1,városok!$A$2:$C$346,3,0))^2)/1000,0)</f>
        <v>151</v>
      </c>
      <c r="T238">
        <f ca="1">ROUND(SQRT((VLOOKUP($A238,városok!$A$2:$C$346,2,0)-VLOOKUP(T$1,városok!$A$2:$C$346,2,0))^2+(VLOOKUP($A238,városok!$A$2:$C$346,3,0)-VLOOKUP(T$1,városok!$A$2:$C$346,3,0))^2)/1000,0)</f>
        <v>29</v>
      </c>
      <c r="U238">
        <f ca="1">ROUND(SQRT((VLOOKUP($A238,városok!$A$2:$C$346,2,0)-VLOOKUP(U$1,városok!$A$2:$C$346,2,0))^2+(VLOOKUP($A238,városok!$A$2:$C$346,3,0)-VLOOKUP(U$1,városok!$A$2:$C$346,3,0))^2)/1000,0)</f>
        <v>38</v>
      </c>
      <c r="V238">
        <f ca="1">ROUND(SQRT((VLOOKUP($A238,városok!$A$2:$C$346,2,0)-VLOOKUP(V$1,városok!$A$2:$C$346,2,0))^2+(VLOOKUP($A238,városok!$A$2:$C$346,3,0)-VLOOKUP(V$1,városok!$A$2:$C$346,3,0))^2)/1000,0)</f>
        <v>54</v>
      </c>
      <c r="W238">
        <f ca="1">ROUND(SQRT((VLOOKUP($A238,városok!$A$2:$C$346,2,0)-VLOOKUP(W$1,városok!$A$2:$C$346,2,0))^2+(VLOOKUP($A238,városok!$A$2:$C$346,3,0)-VLOOKUP(W$1,városok!$A$2:$C$346,3,0))^2)/1000,0)</f>
        <v>51</v>
      </c>
      <c r="X238">
        <f ca="1">ROUND(SQRT((VLOOKUP($A238,városok!$A$2:$C$346,2,0)-VLOOKUP(X$1,városok!$A$2:$C$346,2,0))^2+(VLOOKUP($A238,városok!$A$2:$C$346,3,0)-VLOOKUP(X$1,városok!$A$2:$C$346,3,0))^2)/1000,0)</f>
        <v>44</v>
      </c>
      <c r="Y238">
        <f ca="1">ROUND(SQRT((VLOOKUP($A238,városok!$A$2:$C$346,2,0)-VLOOKUP(Y$1,városok!$A$2:$C$346,2,0))^2+(VLOOKUP($A238,városok!$A$2:$C$346,3,0)-VLOOKUP(Y$1,városok!$A$2:$C$346,3,0))^2)/1000,0)</f>
        <v>105</v>
      </c>
      <c r="Z238">
        <f ca="1">ROUND(SQRT((VLOOKUP($A238,városok!$A$2:$C$346,2,0)-VLOOKUP(Z$1,városok!$A$2:$C$346,2,0))^2+(VLOOKUP($A238,városok!$A$2:$C$346,3,0)-VLOOKUP(Z$1,városok!$A$2:$C$346,3,0))^2)/1000,0)</f>
        <v>124</v>
      </c>
      <c r="AA238">
        <f ca="1">ROUND(SQRT((VLOOKUP($A238,városok!$A$2:$C$346,2,0)-VLOOKUP(AA$1,városok!$A$2:$C$346,2,0))^2+(VLOOKUP($A238,városok!$A$2:$C$346,3,0)-VLOOKUP(AA$1,városok!$A$2:$C$346,3,0))^2)/1000,0)</f>
        <v>181</v>
      </c>
      <c r="AB238">
        <f ca="1">ROUND(SQRT((VLOOKUP($A238,városok!$A$2:$C$346,2,0)-VLOOKUP(AB$1,városok!$A$2:$C$346,2,0))^2+(VLOOKUP($A238,városok!$A$2:$C$346,3,0)-VLOOKUP(AB$1,városok!$A$2:$C$346,3,0))^2)/1000,0)</f>
        <v>207</v>
      </c>
      <c r="AC238">
        <f ca="1">ROUND(SQRT((VLOOKUP($A238,városok!$A$2:$C$346,2,0)-VLOOKUP(AC$1,városok!$A$2:$C$346,2,0))^2+(VLOOKUP($A238,városok!$A$2:$C$346,3,0)-VLOOKUP(AC$1,városok!$A$2:$C$346,3,0))^2)/1000,0)</f>
        <v>188</v>
      </c>
      <c r="AD238">
        <f ca="1">ROUND(SQRT((VLOOKUP($A238,városok!$A$2:$C$346,2,0)-VLOOKUP(AD$1,városok!$A$2:$C$346,2,0))^2+(VLOOKUP($A238,városok!$A$2:$C$346,3,0)-VLOOKUP(AD$1,városok!$A$2:$C$346,3,0))^2)/1000,0)</f>
        <v>170</v>
      </c>
      <c r="AE238">
        <f ca="1">ROUND(SQRT((VLOOKUP($A238,városok!$A$2:$C$346,2,0)-VLOOKUP(AE$1,városok!$A$2:$C$346,2,0))^2+(VLOOKUP($A238,városok!$A$2:$C$346,3,0)-VLOOKUP(AE$1,városok!$A$2:$C$346,3,0))^2)/1000,0)</f>
        <v>171</v>
      </c>
      <c r="AF238">
        <f ca="1">ROUND(SQRT((VLOOKUP($A238,városok!$A$2:$C$346,2,0)-VLOOKUP(AF$1,városok!$A$2:$C$346,2,0))^2+(VLOOKUP($A238,városok!$A$2:$C$346,3,0)-VLOOKUP(AF$1,városok!$A$2:$C$346,3,0))^2)/1000,0)</f>
        <v>128</v>
      </c>
      <c r="AG238">
        <f ca="1">ROUND(SQRT((VLOOKUP($A238,városok!$A$2:$C$346,2,0)-VLOOKUP(AG$1,városok!$A$2:$C$346,2,0))^2+(VLOOKUP($A238,városok!$A$2:$C$346,3,0)-VLOOKUP(AG$1,városok!$A$2:$C$346,3,0))^2)/1000,0)</f>
        <v>93</v>
      </c>
      <c r="AH238">
        <f ca="1">ROUND(SQRT((VLOOKUP($A238,városok!$A$2:$C$346,2,0)-VLOOKUP(AH$1,városok!$A$2:$C$346,2,0))^2+(VLOOKUP($A238,városok!$A$2:$C$346,3,0)-VLOOKUP(AH$1,városok!$A$2:$C$346,3,0))^2)/1000,0)</f>
        <v>70</v>
      </c>
      <c r="AI238">
        <f ca="1">ROUND(SQRT((VLOOKUP($A238,városok!$A$2:$C$346,2,0)-VLOOKUP(AI$1,városok!$A$2:$C$346,2,0))^2+(VLOOKUP($A238,városok!$A$2:$C$346,3,0)-VLOOKUP(AI$1,városok!$A$2:$C$346,3,0))^2)/1000,0)</f>
        <v>119</v>
      </c>
      <c r="AJ238">
        <f ca="1">ROUND(SQRT((VLOOKUP($A238,városok!$A$2:$C$346,2,0)-VLOOKUP(AJ$1,városok!$A$2:$C$346,2,0))^2+(VLOOKUP($A238,városok!$A$2:$C$346,3,0)-VLOOKUP(AJ$1,városok!$A$2:$C$346,3,0))^2)/1000,0)</f>
        <v>89</v>
      </c>
      <c r="AK238">
        <f ca="1">ROUND(SQRT((VLOOKUP($A238,városok!$A$2:$C$346,2,0)-VLOOKUP(AK$1,városok!$A$2:$C$346,2,0))^2+(VLOOKUP($A238,városok!$A$2:$C$346,3,0)-VLOOKUP(AK$1,városok!$A$2:$C$346,3,0))^2)/1000,0)</f>
        <v>156</v>
      </c>
      <c r="AL238">
        <f ca="1">ROUND(SQRT((VLOOKUP($A238,városok!$A$2:$C$346,2,0)-VLOOKUP(AL$1,városok!$A$2:$C$346,2,0))^2+(VLOOKUP($A238,városok!$A$2:$C$346,3,0)-VLOOKUP(AL$1,városok!$A$2:$C$346,3,0))^2)/1000,0)</f>
        <v>130</v>
      </c>
      <c r="AM238">
        <f ca="1">ROUND(SQRT((VLOOKUP($A238,városok!$A$2:$C$346,2,0)-VLOOKUP(AM$1,városok!$A$2:$C$346,2,0))^2+(VLOOKUP($A238,városok!$A$2:$C$346,3,0)-VLOOKUP(AM$1,városok!$A$2:$C$346,3,0))^2)/1000,0)</f>
        <v>97</v>
      </c>
      <c r="AN238">
        <f ca="1">ROUND(SQRT((VLOOKUP($A238,városok!$A$2:$C$346,2,0)-VLOOKUP(AN$1,városok!$A$2:$C$346,2,0))^2+(VLOOKUP($A238,városok!$A$2:$C$346,3,0)-VLOOKUP(AN$1,városok!$A$2:$C$346,3,0))^2)/1000,0)</f>
        <v>55</v>
      </c>
      <c r="AO238">
        <f ca="1">ROUND(SQRT((VLOOKUP($A238,városok!$A$2:$C$346,2,0)-VLOOKUP(AO$1,városok!$A$2:$C$346,2,0))^2+(VLOOKUP($A238,városok!$A$2:$C$346,3,0)-VLOOKUP(AO$1,városok!$A$2:$C$346,3,0))^2)/1000,0)</f>
        <v>77</v>
      </c>
      <c r="AP238">
        <f ca="1">ROUND(SQRT((VLOOKUP($A238,városok!$A$2:$C$346,2,0)-VLOOKUP(AP$1,városok!$A$2:$C$346,2,0))^2+(VLOOKUP($A238,városok!$A$2:$C$346,3,0)-VLOOKUP(AP$1,városok!$A$2:$C$346,3,0))^2)/1000,0)</f>
        <v>58</v>
      </c>
      <c r="AQ238">
        <f ca="1">ROUND(SQRT((VLOOKUP($A238,városok!$A$2:$C$346,2,0)-VLOOKUP(AQ$1,városok!$A$2:$C$346,2,0))^2+(VLOOKUP($A238,városok!$A$2:$C$346,3,0)-VLOOKUP(AQ$1,városok!$A$2:$C$346,3,0))^2)/1000,0)</f>
        <v>48</v>
      </c>
      <c r="AR238">
        <f ca="1">ROUND(SQRT((VLOOKUP($A238,városok!$A$2:$C$346,2,0)-VLOOKUP(AR$1,városok!$A$2:$C$346,2,0))^2+(VLOOKUP($A238,városok!$A$2:$C$346,3,0)-VLOOKUP(AR$1,városok!$A$2:$C$346,3,0))^2)/1000,0)</f>
        <v>90</v>
      </c>
      <c r="AS238">
        <f ca="1">ROUND(SQRT((VLOOKUP($A238,városok!$A$2:$C$346,2,0)-VLOOKUP(AS$1,városok!$A$2:$C$346,2,0))^2+(VLOOKUP($A238,városok!$A$2:$C$346,3,0)-VLOOKUP(AS$1,városok!$A$2:$C$346,3,0))^2)/1000,0)</f>
        <v>112</v>
      </c>
      <c r="AT238">
        <f ca="1">ROUND(SQRT((VLOOKUP($A238,városok!$A$2:$C$346,2,0)-VLOOKUP(AT$1,városok!$A$2:$C$346,2,0))^2+(VLOOKUP($A238,városok!$A$2:$C$346,3,0)-VLOOKUP(AT$1,városok!$A$2:$C$346,3,0))^2)/1000,0)</f>
        <v>20</v>
      </c>
      <c r="AU238">
        <f ca="1">ROUND(SQRT((VLOOKUP($A238,városok!$A$2:$C$346,2,0)-VLOOKUP(AU$1,városok!$A$2:$C$346,2,0))^2+(VLOOKUP($A238,városok!$A$2:$C$346,3,0)-VLOOKUP(AU$1,városok!$A$2:$C$346,3,0))^2)/1000,0)</f>
        <v>18</v>
      </c>
      <c r="AV238">
        <f ca="1">ROUND(SQRT((VLOOKUP($A238,városok!$A$2:$C$346,2,0)-VLOOKUP(AV$1,városok!$A$2:$C$346,2,0))^2+(VLOOKUP($A238,városok!$A$2:$C$346,3,0)-VLOOKUP(AV$1,városok!$A$2:$C$346,3,0))^2)/1000,0)</f>
        <v>12</v>
      </c>
      <c r="AW238">
        <f ca="1">ROUND(SQRT((VLOOKUP($A238,városok!$A$2:$C$346,2,0)-VLOOKUP(AW$1,városok!$A$2:$C$346,2,0))^2+(VLOOKUP($A238,városok!$A$2:$C$346,3,0)-VLOOKUP(AW$1,városok!$A$2:$C$346,3,0))^2)/1000,0)</f>
        <v>10</v>
      </c>
      <c r="AX238">
        <f ca="1">ROUND(SQRT((VLOOKUP($A238,városok!$A$2:$C$346,2,0)-VLOOKUP(AX$1,városok!$A$2:$C$346,2,0))^2+(VLOOKUP($A238,városok!$A$2:$C$346,3,0)-VLOOKUP(AX$1,városok!$A$2:$C$346,3,0))^2)/1000,0)</f>
        <v>73</v>
      </c>
      <c r="AY238">
        <f ca="1">ROUND(SQRT((VLOOKUP($A238,városok!$A$2:$C$346,2,0)-VLOOKUP(AY$1,városok!$A$2:$C$346,2,0))^2+(VLOOKUP($A238,városok!$A$2:$C$346,3,0)-VLOOKUP(AY$1,városok!$A$2:$C$346,3,0))^2)/1000,0)</f>
        <v>44</v>
      </c>
      <c r="AZ238">
        <f ca="1">ROUND(SQRT((VLOOKUP($A238,városok!$A$2:$C$346,2,0)-VLOOKUP(AZ$1,városok!$A$2:$C$346,2,0))^2+(VLOOKUP($A238,városok!$A$2:$C$346,3,0)-VLOOKUP(AZ$1,városok!$A$2:$C$346,3,0))^2)/1000,0)</f>
        <v>54</v>
      </c>
      <c r="BA238">
        <f ca="1">ROUND(SQRT((VLOOKUP($A238,városok!$A$2:$C$346,2,0)-VLOOKUP(BA$1,városok!$A$2:$C$346,2,0))^2+(VLOOKUP($A238,városok!$A$2:$C$346,3,0)-VLOOKUP(BA$1,városok!$A$2:$C$346,3,0))^2)/1000,0)</f>
        <v>109</v>
      </c>
      <c r="BB238">
        <f ca="1">ROUND(SQRT((VLOOKUP($A238,városok!$A$2:$C$346,2,0)-VLOOKUP(BB$1,városok!$A$2:$C$346,2,0))^2+(VLOOKUP($A238,városok!$A$2:$C$346,3,0)-VLOOKUP(BB$1,városok!$A$2:$C$346,3,0))^2)/1000,0)</f>
        <v>113</v>
      </c>
      <c r="BC238">
        <f ca="1">ROUND(SQRT((VLOOKUP($A238,városok!$A$2:$C$346,2,0)-VLOOKUP(BC$1,városok!$A$2:$C$346,2,0))^2+(VLOOKUP($A238,városok!$A$2:$C$346,3,0)-VLOOKUP(BC$1,városok!$A$2:$C$346,3,0))^2)/1000,0)</f>
        <v>136</v>
      </c>
      <c r="BD238">
        <f ca="1">ROUND(SQRT((VLOOKUP($A238,városok!$A$2:$C$346,2,0)-VLOOKUP(BD$1,városok!$A$2:$C$346,2,0))^2+(VLOOKUP($A238,városok!$A$2:$C$346,3,0)-VLOOKUP(BD$1,városok!$A$2:$C$346,3,0))^2)/1000,0)</f>
        <v>78</v>
      </c>
      <c r="BE238">
        <f ca="1">ROUND(SQRT((VLOOKUP($A238,városok!$A$2:$C$346,2,0)-VLOOKUP(BE$1,városok!$A$2:$C$346,2,0))^2+(VLOOKUP($A238,városok!$A$2:$C$346,3,0)-VLOOKUP(BE$1,városok!$A$2:$C$346,3,0))^2)/1000,0)</f>
        <v>289</v>
      </c>
      <c r="BF238">
        <f ca="1">ROUND(SQRT((VLOOKUP($A238,városok!$A$2:$C$346,2,0)-VLOOKUP(BF$1,városok!$A$2:$C$346,2,0))^2+(VLOOKUP($A238,városok!$A$2:$C$346,3,0)-VLOOKUP(BF$1,városok!$A$2:$C$346,3,0))^2)/1000,0)</f>
        <v>258</v>
      </c>
      <c r="BG238">
        <f ca="1">ROUND(SQRT((VLOOKUP($A238,városok!$A$2:$C$346,2,0)-VLOOKUP(BG$1,városok!$A$2:$C$346,2,0))^2+(VLOOKUP($A238,városok!$A$2:$C$346,3,0)-VLOOKUP(BG$1,városok!$A$2:$C$346,3,0))^2)/1000,0)</f>
        <v>212</v>
      </c>
      <c r="BH238">
        <f ca="1">ROUND(SQRT((VLOOKUP($A238,városok!$A$2:$C$346,2,0)-VLOOKUP(BH$1,városok!$A$2:$C$346,2,0))^2+(VLOOKUP($A238,városok!$A$2:$C$346,3,0)-VLOOKUP(BH$1,városok!$A$2:$C$346,3,0))^2)/1000,0)</f>
        <v>212</v>
      </c>
      <c r="BI238">
        <f ca="1">ROUND(SQRT((VLOOKUP($A238,városok!$A$2:$C$346,2,0)-VLOOKUP(BI$1,városok!$A$2:$C$346,2,0))^2+(VLOOKUP($A238,városok!$A$2:$C$346,3,0)-VLOOKUP(BI$1,városok!$A$2:$C$346,3,0))^2)/1000,0)</f>
        <v>103</v>
      </c>
      <c r="BJ238">
        <f ca="1">ROUND(SQRT((VLOOKUP($A238,városok!$A$2:$C$346,2,0)-VLOOKUP(BJ$1,városok!$A$2:$C$346,2,0))^2+(VLOOKUP($A238,városok!$A$2:$C$346,3,0)-VLOOKUP(BJ$1,városok!$A$2:$C$346,3,0))^2)/1000,0)</f>
        <v>119</v>
      </c>
      <c r="BK238">
        <f ca="1">ROUND(SQRT((VLOOKUP($A238,városok!$A$2:$C$346,2,0)-VLOOKUP(BK$1,városok!$A$2:$C$346,2,0))^2+(VLOOKUP($A238,városok!$A$2:$C$346,3,0)-VLOOKUP(BK$1,városok!$A$2:$C$346,3,0))^2)/1000,0)</f>
        <v>107</v>
      </c>
      <c r="BL238">
        <f ca="1">ROUND(SQRT((VLOOKUP($A238,városok!$A$2:$C$346,2,0)-VLOOKUP(BL$1,városok!$A$2:$C$346,2,0))^2+(VLOOKUP($A238,városok!$A$2:$C$346,3,0)-VLOOKUP(BL$1,városok!$A$2:$C$346,3,0))^2)/1000,0)</f>
        <v>178</v>
      </c>
      <c r="BM238">
        <f ca="1">ROUND(SQRT((VLOOKUP($A238,városok!$A$2:$C$346,2,0)-VLOOKUP(BM$1,városok!$A$2:$C$346,2,0))^2+(VLOOKUP($A238,városok!$A$2:$C$346,3,0)-VLOOKUP(BM$1,városok!$A$2:$C$346,3,0))^2)/1000,0)</f>
        <v>150</v>
      </c>
      <c r="BN238">
        <f ca="1">ROUND(SQRT((VLOOKUP($A238,városok!$A$2:$C$346,2,0)-VLOOKUP(BN$1,városok!$A$2:$C$346,2,0))^2+(VLOOKUP($A238,városok!$A$2:$C$346,3,0)-VLOOKUP(BN$1,városok!$A$2:$C$346,3,0))^2)/1000,0)</f>
        <v>173</v>
      </c>
      <c r="BO238">
        <f ca="1">ROUND(SQRT((VLOOKUP($A238,városok!$A$2:$C$346,2,0)-VLOOKUP(BO$1,városok!$A$2:$C$346,2,0))^2+(VLOOKUP($A238,városok!$A$2:$C$346,3,0)-VLOOKUP(BO$1,városok!$A$2:$C$346,3,0))^2)/1000,0)</f>
        <v>75</v>
      </c>
      <c r="BP238">
        <f ca="1">ROUND(SQRT((VLOOKUP($A238,városok!$A$2:$C$346,2,0)-VLOOKUP(BP$1,városok!$A$2:$C$346,2,0))^2+(VLOOKUP($A238,városok!$A$2:$C$346,3,0)-VLOOKUP(BP$1,városok!$A$2:$C$346,3,0))^2)/1000,0)</f>
        <v>68</v>
      </c>
      <c r="BQ238">
        <f ca="1">ROUND(SQRT((VLOOKUP($A238,városok!$A$2:$C$346,2,0)-VLOOKUP(BQ$1,városok!$A$2:$C$346,2,0))^2+(VLOOKUP($A238,városok!$A$2:$C$346,3,0)-VLOOKUP(BQ$1,városok!$A$2:$C$346,3,0))^2)/1000,0)</f>
        <v>79</v>
      </c>
      <c r="BR238">
        <f ca="1">ROUND(SQRT((VLOOKUP($A238,városok!$A$2:$C$346,2,0)-VLOOKUP(BR$1,városok!$A$2:$C$346,2,0))^2+(VLOOKUP($A238,városok!$A$2:$C$346,3,0)-VLOOKUP(BR$1,városok!$A$2:$C$346,3,0))^2)/1000,0)</f>
        <v>139</v>
      </c>
      <c r="BS238">
        <f ca="1">ROUND(SQRT((VLOOKUP($A238,városok!$A$2:$C$346,2,0)-VLOOKUP(BS$1,városok!$A$2:$C$346,2,0))^2+(VLOOKUP($A238,városok!$A$2:$C$346,3,0)-VLOOKUP(BS$1,városok!$A$2:$C$346,3,0))^2)/1000,0)</f>
        <v>174</v>
      </c>
      <c r="BT238">
        <f ca="1">ROUND(SQRT((VLOOKUP($A238,városok!$A$2:$C$346,2,0)-VLOOKUP(BT$1,városok!$A$2:$C$346,2,0))^2+(VLOOKUP($A238,városok!$A$2:$C$346,3,0)-VLOOKUP(BT$1,városok!$A$2:$C$346,3,0))^2)/1000,0)</f>
        <v>166</v>
      </c>
    </row>
    <row r="239" spans="1:72" x14ac:dyDescent="0.2">
      <c r="A239" t="str">
        <f>városok!A239</f>
        <v>Szentendre</v>
      </c>
      <c r="B239">
        <f ca="1">ROUND(SQRT((VLOOKUP($A239,városok!$A$2:$C$346,2,0)-VLOOKUP(B$1,városok!$A$2:$C$346,2,0))^2+(VLOOKUP($A239,városok!$A$2:$C$346,3,0)-VLOOKUP(B$1,városok!$A$2:$C$346,3,0))^2)/1000,0)</f>
        <v>167</v>
      </c>
      <c r="C239">
        <f ca="1">ROUND(SQRT((VLOOKUP($A239,városok!$A$2:$C$346,2,0)-VLOOKUP(C$1,városok!$A$2:$C$346,2,0))^2+(VLOOKUP($A239,városok!$A$2:$C$346,3,0)-VLOOKUP(C$1,városok!$A$2:$C$346,3,0))^2)/1000,0)</f>
        <v>129</v>
      </c>
      <c r="D239">
        <f ca="1">ROUND(SQRT((VLOOKUP($A239,városok!$A$2:$C$346,2,0)-VLOOKUP(D$1,városok!$A$2:$C$346,2,0))^2+(VLOOKUP($A239,városok!$A$2:$C$346,3,0)-VLOOKUP(D$1,városok!$A$2:$C$346,3,0))^2)/1000,0)</f>
        <v>98</v>
      </c>
      <c r="E239">
        <f ca="1">ROUND(SQRT((VLOOKUP($A239,városok!$A$2:$C$346,2,0)-VLOOKUP(E$1,városok!$A$2:$C$346,2,0))^2+(VLOOKUP($A239,városok!$A$2:$C$346,3,0)-VLOOKUP(E$1,városok!$A$2:$C$346,3,0))^2)/1000,0)</f>
        <v>177</v>
      </c>
      <c r="F239">
        <f ca="1">ROUND(SQRT((VLOOKUP($A239,városok!$A$2:$C$346,2,0)-VLOOKUP(F$1,városok!$A$2:$C$346,2,0))^2+(VLOOKUP($A239,városok!$A$2:$C$346,3,0)-VLOOKUP(F$1,városok!$A$2:$C$346,3,0))^2)/1000,0)</f>
        <v>190</v>
      </c>
      <c r="G239">
        <f ca="1">ROUND(SQRT((VLOOKUP($A239,városok!$A$2:$C$346,2,0)-VLOOKUP(G$1,városok!$A$2:$C$346,2,0))^2+(VLOOKUP($A239,városok!$A$2:$C$346,3,0)-VLOOKUP(G$1,városok!$A$2:$C$346,3,0))^2)/1000,0)</f>
        <v>189</v>
      </c>
      <c r="H239">
        <f ca="1">ROUND(SQRT((VLOOKUP($A239,városok!$A$2:$C$346,2,0)-VLOOKUP(H$1,városok!$A$2:$C$346,2,0))^2+(VLOOKUP($A239,városok!$A$2:$C$346,3,0)-VLOOKUP(H$1,városok!$A$2:$C$346,3,0))^2)/1000,0)</f>
        <v>206</v>
      </c>
      <c r="I239">
        <f ca="1">ROUND(SQRT((VLOOKUP($A239,városok!$A$2:$C$346,2,0)-VLOOKUP(I$1,városok!$A$2:$C$346,2,0))^2+(VLOOKUP($A239,városok!$A$2:$C$346,3,0)-VLOOKUP(I$1,városok!$A$2:$C$346,3,0))^2)/1000,0)</f>
        <v>190</v>
      </c>
      <c r="J239">
        <f ca="1">ROUND(SQRT((VLOOKUP($A239,városok!$A$2:$C$346,2,0)-VLOOKUP(J$1,városok!$A$2:$C$346,2,0))^2+(VLOOKUP($A239,városok!$A$2:$C$346,3,0)-VLOOKUP(J$1,városok!$A$2:$C$346,3,0))^2)/1000,0)</f>
        <v>204</v>
      </c>
      <c r="K239">
        <f ca="1">ROUND(SQRT((VLOOKUP($A239,városok!$A$2:$C$346,2,0)-VLOOKUP(K$1,városok!$A$2:$C$346,2,0))^2+(VLOOKUP($A239,városok!$A$2:$C$346,3,0)-VLOOKUP(K$1,városok!$A$2:$C$346,3,0))^2)/1000,0)</f>
        <v>174</v>
      </c>
      <c r="L239">
        <f ca="1">ROUND(SQRT((VLOOKUP($A239,városok!$A$2:$C$346,2,0)-VLOOKUP(L$1,városok!$A$2:$C$346,2,0))^2+(VLOOKUP($A239,városok!$A$2:$C$346,3,0)-VLOOKUP(L$1,városok!$A$2:$C$346,3,0))^2)/1000,0)</f>
        <v>133</v>
      </c>
      <c r="M239">
        <f ca="1">ROUND(SQRT((VLOOKUP($A239,városok!$A$2:$C$346,2,0)-VLOOKUP(M$1,városok!$A$2:$C$346,2,0))^2+(VLOOKUP($A239,városok!$A$2:$C$346,3,0)-VLOOKUP(M$1,városok!$A$2:$C$346,3,0))^2)/1000,0)</f>
        <v>138</v>
      </c>
      <c r="N239">
        <f ca="1">ROUND(SQRT((VLOOKUP($A239,városok!$A$2:$C$346,2,0)-VLOOKUP(N$1,városok!$A$2:$C$346,2,0))^2+(VLOOKUP($A239,városok!$A$2:$C$346,3,0)-VLOOKUP(N$1,városok!$A$2:$C$346,3,0))^2)/1000,0)</f>
        <v>110</v>
      </c>
      <c r="O239">
        <f ca="1">ROUND(SQRT((VLOOKUP($A239,városok!$A$2:$C$346,2,0)-VLOOKUP(O$1,városok!$A$2:$C$346,2,0))^2+(VLOOKUP($A239,városok!$A$2:$C$346,3,0)-VLOOKUP(O$1,városok!$A$2:$C$346,3,0))^2)/1000,0)</f>
        <v>209</v>
      </c>
      <c r="P239">
        <f ca="1">ROUND(SQRT((VLOOKUP($A239,városok!$A$2:$C$346,2,0)-VLOOKUP(P$1,városok!$A$2:$C$346,2,0))^2+(VLOOKUP($A239,városok!$A$2:$C$346,3,0)-VLOOKUP(P$1,városok!$A$2:$C$346,3,0))^2)/1000,0)</f>
        <v>209</v>
      </c>
      <c r="Q239">
        <f ca="1">ROUND(SQRT((VLOOKUP($A239,városok!$A$2:$C$346,2,0)-VLOOKUP(Q$1,városok!$A$2:$C$346,2,0))^2+(VLOOKUP($A239,városok!$A$2:$C$346,3,0)-VLOOKUP(Q$1,városok!$A$2:$C$346,3,0))^2)/1000,0)</f>
        <v>170</v>
      </c>
      <c r="R239">
        <f ca="1">ROUND(SQRT((VLOOKUP($A239,városok!$A$2:$C$346,2,0)-VLOOKUP(R$1,városok!$A$2:$C$346,2,0))^2+(VLOOKUP($A239,városok!$A$2:$C$346,3,0)-VLOOKUP(R$1,városok!$A$2:$C$346,3,0))^2)/1000,0)</f>
        <v>195</v>
      </c>
      <c r="S239">
        <f ca="1">ROUND(SQRT((VLOOKUP($A239,városok!$A$2:$C$346,2,0)-VLOOKUP(S$1,városok!$A$2:$C$346,2,0))^2+(VLOOKUP($A239,városok!$A$2:$C$346,3,0)-VLOOKUP(S$1,városok!$A$2:$C$346,3,0))^2)/1000,0)</f>
        <v>180</v>
      </c>
      <c r="T239">
        <f ca="1">ROUND(SQRT((VLOOKUP($A239,városok!$A$2:$C$346,2,0)-VLOOKUP(T$1,városok!$A$2:$C$346,2,0))^2+(VLOOKUP($A239,városok!$A$2:$C$346,3,0)-VLOOKUP(T$1,városok!$A$2:$C$346,3,0))^2)/1000,0)</f>
        <v>39</v>
      </c>
      <c r="U239">
        <f ca="1">ROUND(SQRT((VLOOKUP($A239,városok!$A$2:$C$346,2,0)-VLOOKUP(U$1,városok!$A$2:$C$346,2,0))^2+(VLOOKUP($A239,városok!$A$2:$C$346,3,0)-VLOOKUP(U$1,városok!$A$2:$C$346,3,0))^2)/1000,0)</f>
        <v>80</v>
      </c>
      <c r="V239">
        <f ca="1">ROUND(SQRT((VLOOKUP($A239,városok!$A$2:$C$346,2,0)-VLOOKUP(V$1,városok!$A$2:$C$346,2,0))^2+(VLOOKUP($A239,városok!$A$2:$C$346,3,0)-VLOOKUP(V$1,városok!$A$2:$C$346,3,0))^2)/1000,0)</f>
        <v>90</v>
      </c>
      <c r="W239">
        <f ca="1">ROUND(SQRT((VLOOKUP($A239,városok!$A$2:$C$346,2,0)-VLOOKUP(W$1,városok!$A$2:$C$346,2,0))^2+(VLOOKUP($A239,városok!$A$2:$C$346,3,0)-VLOOKUP(W$1,városok!$A$2:$C$346,3,0))^2)/1000,0)</f>
        <v>95</v>
      </c>
      <c r="X239">
        <f ca="1">ROUND(SQRT((VLOOKUP($A239,városok!$A$2:$C$346,2,0)-VLOOKUP(X$1,városok!$A$2:$C$346,2,0))^2+(VLOOKUP($A239,városok!$A$2:$C$346,3,0)-VLOOKUP(X$1,városok!$A$2:$C$346,3,0))^2)/1000,0)</f>
        <v>71</v>
      </c>
      <c r="Y239">
        <f ca="1">ROUND(SQRT((VLOOKUP($A239,városok!$A$2:$C$346,2,0)-VLOOKUP(Y$1,városok!$A$2:$C$346,2,0))^2+(VLOOKUP($A239,városok!$A$2:$C$346,3,0)-VLOOKUP(Y$1,városok!$A$2:$C$346,3,0))^2)/1000,0)</f>
        <v>107</v>
      </c>
      <c r="Z239">
        <f ca="1">ROUND(SQRT((VLOOKUP($A239,városok!$A$2:$C$346,2,0)-VLOOKUP(Z$1,városok!$A$2:$C$346,2,0))^2+(VLOOKUP($A239,városok!$A$2:$C$346,3,0)-VLOOKUP(Z$1,városok!$A$2:$C$346,3,0))^2)/1000,0)</f>
        <v>126</v>
      </c>
      <c r="AA239">
        <f ca="1">ROUND(SQRT((VLOOKUP($A239,városok!$A$2:$C$346,2,0)-VLOOKUP(AA$1,városok!$A$2:$C$346,2,0))^2+(VLOOKUP($A239,városok!$A$2:$C$346,3,0)-VLOOKUP(AA$1,városok!$A$2:$C$346,3,0))^2)/1000,0)</f>
        <v>186</v>
      </c>
      <c r="AB239">
        <f ca="1">ROUND(SQRT((VLOOKUP($A239,városok!$A$2:$C$346,2,0)-VLOOKUP(AB$1,városok!$A$2:$C$346,2,0))^2+(VLOOKUP($A239,városok!$A$2:$C$346,3,0)-VLOOKUP(AB$1,városok!$A$2:$C$346,3,0))^2)/1000,0)</f>
        <v>194</v>
      </c>
      <c r="AC239">
        <f ca="1">ROUND(SQRT((VLOOKUP($A239,városok!$A$2:$C$346,2,0)-VLOOKUP(AC$1,városok!$A$2:$C$346,2,0))^2+(VLOOKUP($A239,városok!$A$2:$C$346,3,0)-VLOOKUP(AC$1,városok!$A$2:$C$346,3,0))^2)/1000,0)</f>
        <v>178</v>
      </c>
      <c r="AD239">
        <f ca="1">ROUND(SQRT((VLOOKUP($A239,városok!$A$2:$C$346,2,0)-VLOOKUP(AD$1,városok!$A$2:$C$346,2,0))^2+(VLOOKUP($A239,városok!$A$2:$C$346,3,0)-VLOOKUP(AD$1,városok!$A$2:$C$346,3,0))^2)/1000,0)</f>
        <v>160</v>
      </c>
      <c r="AE239">
        <f ca="1">ROUND(SQRT((VLOOKUP($A239,városok!$A$2:$C$346,2,0)-VLOOKUP(AE$1,városok!$A$2:$C$346,2,0))^2+(VLOOKUP($A239,városok!$A$2:$C$346,3,0)-VLOOKUP(AE$1,városok!$A$2:$C$346,3,0))^2)/1000,0)</f>
        <v>165</v>
      </c>
      <c r="AF239">
        <f ca="1">ROUND(SQRT((VLOOKUP($A239,városok!$A$2:$C$346,2,0)-VLOOKUP(AF$1,városok!$A$2:$C$346,2,0))^2+(VLOOKUP($A239,városok!$A$2:$C$346,3,0)-VLOOKUP(AF$1,városok!$A$2:$C$346,3,0))^2)/1000,0)</f>
        <v>101</v>
      </c>
      <c r="AG239">
        <f ca="1">ROUND(SQRT((VLOOKUP($A239,városok!$A$2:$C$346,2,0)-VLOOKUP(AG$1,városok!$A$2:$C$346,2,0))^2+(VLOOKUP($A239,városok!$A$2:$C$346,3,0)-VLOOKUP(AG$1,városok!$A$2:$C$346,3,0))^2)/1000,0)</f>
        <v>66</v>
      </c>
      <c r="AH239">
        <f ca="1">ROUND(SQRT((VLOOKUP($A239,városok!$A$2:$C$346,2,0)-VLOOKUP(AH$1,városok!$A$2:$C$346,2,0))^2+(VLOOKUP($A239,városok!$A$2:$C$346,3,0)-VLOOKUP(AH$1,városok!$A$2:$C$346,3,0))^2)/1000,0)</f>
        <v>46</v>
      </c>
      <c r="AI239">
        <f ca="1">ROUND(SQRT((VLOOKUP($A239,városok!$A$2:$C$346,2,0)-VLOOKUP(AI$1,városok!$A$2:$C$346,2,0))^2+(VLOOKUP($A239,városok!$A$2:$C$346,3,0)-VLOOKUP(AI$1,városok!$A$2:$C$346,3,0))^2)/1000,0)</f>
        <v>86</v>
      </c>
      <c r="AJ239">
        <f ca="1">ROUND(SQRT((VLOOKUP($A239,városok!$A$2:$C$346,2,0)-VLOOKUP(AJ$1,városok!$A$2:$C$346,2,0))^2+(VLOOKUP($A239,városok!$A$2:$C$346,3,0)-VLOOKUP(AJ$1,városok!$A$2:$C$346,3,0))^2)/1000,0)</f>
        <v>69</v>
      </c>
      <c r="AK239">
        <f ca="1">ROUND(SQRT((VLOOKUP($A239,városok!$A$2:$C$346,2,0)-VLOOKUP(AK$1,városok!$A$2:$C$346,2,0))^2+(VLOOKUP($A239,városok!$A$2:$C$346,3,0)-VLOOKUP(AK$1,városok!$A$2:$C$346,3,0))^2)/1000,0)</f>
        <v>151</v>
      </c>
      <c r="AL239">
        <f ca="1">ROUND(SQRT((VLOOKUP($A239,városok!$A$2:$C$346,2,0)-VLOOKUP(AL$1,városok!$A$2:$C$346,2,0))^2+(VLOOKUP($A239,városok!$A$2:$C$346,3,0)-VLOOKUP(AL$1,városok!$A$2:$C$346,3,0))^2)/1000,0)</f>
        <v>123</v>
      </c>
      <c r="AM239">
        <f ca="1">ROUND(SQRT((VLOOKUP($A239,városok!$A$2:$C$346,2,0)-VLOOKUP(AM$1,városok!$A$2:$C$346,2,0))^2+(VLOOKUP($A239,városok!$A$2:$C$346,3,0)-VLOOKUP(AM$1,városok!$A$2:$C$346,3,0))^2)/1000,0)</f>
        <v>102</v>
      </c>
      <c r="AN239">
        <f ca="1">ROUND(SQRT((VLOOKUP($A239,városok!$A$2:$C$346,2,0)-VLOOKUP(AN$1,városok!$A$2:$C$346,2,0))^2+(VLOOKUP($A239,városok!$A$2:$C$346,3,0)-VLOOKUP(AN$1,városok!$A$2:$C$346,3,0))^2)/1000,0)</f>
        <v>27</v>
      </c>
      <c r="AO239">
        <f ca="1">ROUND(SQRT((VLOOKUP($A239,városok!$A$2:$C$346,2,0)-VLOOKUP(AO$1,városok!$A$2:$C$346,2,0))^2+(VLOOKUP($A239,városok!$A$2:$C$346,3,0)-VLOOKUP(AO$1,városok!$A$2:$C$346,3,0))^2)/1000,0)</f>
        <v>71</v>
      </c>
      <c r="AP239">
        <f ca="1">ROUND(SQRT((VLOOKUP($A239,városok!$A$2:$C$346,2,0)-VLOOKUP(AP$1,városok!$A$2:$C$346,2,0))^2+(VLOOKUP($A239,városok!$A$2:$C$346,3,0)-VLOOKUP(AP$1,városok!$A$2:$C$346,3,0))^2)/1000,0)</f>
        <v>55</v>
      </c>
      <c r="AQ239">
        <f ca="1">ROUND(SQRT((VLOOKUP($A239,városok!$A$2:$C$346,2,0)-VLOOKUP(AQ$1,városok!$A$2:$C$346,2,0))^2+(VLOOKUP($A239,városok!$A$2:$C$346,3,0)-VLOOKUP(AQ$1,városok!$A$2:$C$346,3,0))^2)/1000,0)</f>
        <v>51</v>
      </c>
      <c r="AR239">
        <f ca="1">ROUND(SQRT((VLOOKUP($A239,városok!$A$2:$C$346,2,0)-VLOOKUP(AR$1,városok!$A$2:$C$346,2,0))^2+(VLOOKUP($A239,városok!$A$2:$C$346,3,0)-VLOOKUP(AR$1,városok!$A$2:$C$346,3,0))^2)/1000,0)</f>
        <v>54</v>
      </c>
      <c r="AS239">
        <f ca="1">ROUND(SQRT((VLOOKUP($A239,városok!$A$2:$C$346,2,0)-VLOOKUP(AS$1,városok!$A$2:$C$346,2,0))^2+(VLOOKUP($A239,városok!$A$2:$C$346,3,0)-VLOOKUP(AS$1,városok!$A$2:$C$346,3,0))^2)/1000,0)</f>
        <v>74</v>
      </c>
      <c r="AT239">
        <f ca="1">ROUND(SQRT((VLOOKUP($A239,városok!$A$2:$C$346,2,0)-VLOOKUP(AT$1,városok!$A$2:$C$346,2,0))^2+(VLOOKUP($A239,városok!$A$2:$C$346,3,0)-VLOOKUP(AT$1,városok!$A$2:$C$346,3,0))^2)/1000,0)</f>
        <v>30</v>
      </c>
      <c r="AU239">
        <f ca="1">ROUND(SQRT((VLOOKUP($A239,városok!$A$2:$C$346,2,0)-VLOOKUP(AU$1,városok!$A$2:$C$346,2,0))^2+(VLOOKUP($A239,városok!$A$2:$C$346,3,0)-VLOOKUP(AU$1,városok!$A$2:$C$346,3,0))^2)/1000,0)</f>
        <v>26</v>
      </c>
      <c r="AV239">
        <f ca="1">ROUND(SQRT((VLOOKUP($A239,városok!$A$2:$C$346,2,0)-VLOOKUP(AV$1,városok!$A$2:$C$346,2,0))^2+(VLOOKUP($A239,városok!$A$2:$C$346,3,0)-VLOOKUP(AV$1,városok!$A$2:$C$346,3,0))^2)/1000,0)</f>
        <v>32</v>
      </c>
      <c r="AW239">
        <f ca="1">ROUND(SQRT((VLOOKUP($A239,városok!$A$2:$C$346,2,0)-VLOOKUP(AW$1,városok!$A$2:$C$346,2,0))^2+(VLOOKUP($A239,városok!$A$2:$C$346,3,0)-VLOOKUP(AW$1,városok!$A$2:$C$346,3,0))^2)/1000,0)</f>
        <v>34</v>
      </c>
      <c r="AX239">
        <f ca="1">ROUND(SQRT((VLOOKUP($A239,városok!$A$2:$C$346,2,0)-VLOOKUP(AX$1,városok!$A$2:$C$346,2,0))^2+(VLOOKUP($A239,városok!$A$2:$C$346,3,0)-VLOOKUP(AX$1,városok!$A$2:$C$346,3,0))^2)/1000,0)</f>
        <v>91</v>
      </c>
      <c r="AY239">
        <f ca="1">ROUND(SQRT((VLOOKUP($A239,városok!$A$2:$C$346,2,0)-VLOOKUP(AY$1,városok!$A$2:$C$346,2,0))^2+(VLOOKUP($A239,városok!$A$2:$C$346,3,0)-VLOOKUP(AY$1,városok!$A$2:$C$346,3,0))^2)/1000,0)</f>
        <v>0</v>
      </c>
      <c r="AZ239">
        <f ca="1">ROUND(SQRT((VLOOKUP($A239,városok!$A$2:$C$346,2,0)-VLOOKUP(AZ$1,városok!$A$2:$C$346,2,0))^2+(VLOOKUP($A239,városok!$A$2:$C$346,3,0)-VLOOKUP(AZ$1,városok!$A$2:$C$346,3,0))^2)/1000,0)</f>
        <v>13</v>
      </c>
      <c r="BA239">
        <f ca="1">ROUND(SQRT((VLOOKUP($A239,városok!$A$2:$C$346,2,0)-VLOOKUP(BA$1,városok!$A$2:$C$346,2,0))^2+(VLOOKUP($A239,városok!$A$2:$C$346,3,0)-VLOOKUP(BA$1,városok!$A$2:$C$346,3,0))^2)/1000,0)</f>
        <v>144</v>
      </c>
      <c r="BB239">
        <f ca="1">ROUND(SQRT((VLOOKUP($A239,városok!$A$2:$C$346,2,0)-VLOOKUP(BB$1,városok!$A$2:$C$346,2,0))^2+(VLOOKUP($A239,városok!$A$2:$C$346,3,0)-VLOOKUP(BB$1,városok!$A$2:$C$346,3,0))^2)/1000,0)</f>
        <v>153</v>
      </c>
      <c r="BC239">
        <f ca="1">ROUND(SQRT((VLOOKUP($A239,városok!$A$2:$C$346,2,0)-VLOOKUP(BC$1,városok!$A$2:$C$346,2,0))^2+(VLOOKUP($A239,városok!$A$2:$C$346,3,0)-VLOOKUP(BC$1,városok!$A$2:$C$346,3,0))^2)/1000,0)</f>
        <v>176</v>
      </c>
      <c r="BD239">
        <f ca="1">ROUND(SQRT((VLOOKUP($A239,városok!$A$2:$C$346,2,0)-VLOOKUP(BD$1,városok!$A$2:$C$346,2,0))^2+(VLOOKUP($A239,városok!$A$2:$C$346,3,0)-VLOOKUP(BD$1,városok!$A$2:$C$346,3,0))^2)/1000,0)</f>
        <v>114</v>
      </c>
      <c r="BE239">
        <f ca="1">ROUND(SQRT((VLOOKUP($A239,városok!$A$2:$C$346,2,0)-VLOOKUP(BE$1,városok!$A$2:$C$346,2,0))^2+(VLOOKUP($A239,városok!$A$2:$C$346,3,0)-VLOOKUP(BE$1,városok!$A$2:$C$346,3,0))^2)/1000,0)</f>
        <v>271</v>
      </c>
      <c r="BF239">
        <f ca="1">ROUND(SQRT((VLOOKUP($A239,városok!$A$2:$C$346,2,0)-VLOOKUP(BF$1,városok!$A$2:$C$346,2,0))^2+(VLOOKUP($A239,városok!$A$2:$C$346,3,0)-VLOOKUP(BF$1,városok!$A$2:$C$346,3,0))^2)/1000,0)</f>
        <v>233</v>
      </c>
      <c r="BG239">
        <f ca="1">ROUND(SQRT((VLOOKUP($A239,városok!$A$2:$C$346,2,0)-VLOOKUP(BG$1,városok!$A$2:$C$346,2,0))^2+(VLOOKUP($A239,városok!$A$2:$C$346,3,0)-VLOOKUP(BG$1,városok!$A$2:$C$346,3,0))^2)/1000,0)</f>
        <v>186</v>
      </c>
      <c r="BH239">
        <f ca="1">ROUND(SQRT((VLOOKUP($A239,városok!$A$2:$C$346,2,0)-VLOOKUP(BH$1,városok!$A$2:$C$346,2,0))^2+(VLOOKUP($A239,városok!$A$2:$C$346,3,0)-VLOOKUP(BH$1,városok!$A$2:$C$346,3,0))^2)/1000,0)</f>
        <v>186</v>
      </c>
      <c r="BI239">
        <f ca="1">ROUND(SQRT((VLOOKUP($A239,városok!$A$2:$C$346,2,0)-VLOOKUP(BI$1,városok!$A$2:$C$346,2,0))^2+(VLOOKUP($A239,városok!$A$2:$C$346,3,0)-VLOOKUP(BI$1,városok!$A$2:$C$346,3,0))^2)/1000,0)</f>
        <v>147</v>
      </c>
      <c r="BJ239">
        <f ca="1">ROUND(SQRT((VLOOKUP($A239,városok!$A$2:$C$346,2,0)-VLOOKUP(BJ$1,városok!$A$2:$C$346,2,0))^2+(VLOOKUP($A239,városok!$A$2:$C$346,3,0)-VLOOKUP(BJ$1,városok!$A$2:$C$346,3,0))^2)/1000,0)</f>
        <v>162</v>
      </c>
      <c r="BK239">
        <f ca="1">ROUND(SQRT((VLOOKUP($A239,városok!$A$2:$C$346,2,0)-VLOOKUP(BK$1,városok!$A$2:$C$346,2,0))^2+(VLOOKUP($A239,városok!$A$2:$C$346,3,0)-VLOOKUP(BK$1,városok!$A$2:$C$346,3,0))^2)/1000,0)</f>
        <v>151</v>
      </c>
      <c r="BL239">
        <f ca="1">ROUND(SQRT((VLOOKUP($A239,városok!$A$2:$C$346,2,0)-VLOOKUP(BL$1,városok!$A$2:$C$346,2,0))^2+(VLOOKUP($A239,városok!$A$2:$C$346,3,0)-VLOOKUP(BL$1,városok!$A$2:$C$346,3,0))^2)/1000,0)</f>
        <v>200</v>
      </c>
      <c r="BM239">
        <f ca="1">ROUND(SQRT((VLOOKUP($A239,városok!$A$2:$C$346,2,0)-VLOOKUP(BM$1,városok!$A$2:$C$346,2,0))^2+(VLOOKUP($A239,városok!$A$2:$C$346,3,0)-VLOOKUP(BM$1,városok!$A$2:$C$346,3,0))^2)/1000,0)</f>
        <v>167</v>
      </c>
      <c r="BN239">
        <f ca="1">ROUND(SQRT((VLOOKUP($A239,városok!$A$2:$C$346,2,0)-VLOOKUP(BN$1,városok!$A$2:$C$346,2,0))^2+(VLOOKUP($A239,városok!$A$2:$C$346,3,0)-VLOOKUP(BN$1,városok!$A$2:$C$346,3,0))^2)/1000,0)</f>
        <v>191</v>
      </c>
      <c r="BO239">
        <f ca="1">ROUND(SQRT((VLOOKUP($A239,városok!$A$2:$C$346,2,0)-VLOOKUP(BO$1,városok!$A$2:$C$346,2,0))^2+(VLOOKUP($A239,városok!$A$2:$C$346,3,0)-VLOOKUP(BO$1,városok!$A$2:$C$346,3,0))^2)/1000,0)</f>
        <v>107</v>
      </c>
      <c r="BP239">
        <f ca="1">ROUND(SQRT((VLOOKUP($A239,városok!$A$2:$C$346,2,0)-VLOOKUP(BP$1,városok!$A$2:$C$346,2,0))^2+(VLOOKUP($A239,városok!$A$2:$C$346,3,0)-VLOOKUP(BP$1,városok!$A$2:$C$346,3,0))^2)/1000,0)</f>
        <v>102</v>
      </c>
      <c r="BQ239">
        <f ca="1">ROUND(SQRT((VLOOKUP($A239,városok!$A$2:$C$346,2,0)-VLOOKUP(BQ$1,városok!$A$2:$C$346,2,0))^2+(VLOOKUP($A239,városok!$A$2:$C$346,3,0)-VLOOKUP(BQ$1,városok!$A$2:$C$346,3,0))^2)/1000,0)</f>
        <v>109</v>
      </c>
      <c r="BR239">
        <f ca="1">ROUND(SQRT((VLOOKUP($A239,városok!$A$2:$C$346,2,0)-VLOOKUP(BR$1,városok!$A$2:$C$346,2,0))^2+(VLOOKUP($A239,városok!$A$2:$C$346,3,0)-VLOOKUP(BR$1,városok!$A$2:$C$346,3,0))^2)/1000,0)</f>
        <v>170</v>
      </c>
      <c r="BS239">
        <f ca="1">ROUND(SQRT((VLOOKUP($A239,városok!$A$2:$C$346,2,0)-VLOOKUP(BS$1,városok!$A$2:$C$346,2,0))^2+(VLOOKUP($A239,városok!$A$2:$C$346,3,0)-VLOOKUP(BS$1,városok!$A$2:$C$346,3,0))^2)/1000,0)</f>
        <v>209</v>
      </c>
      <c r="BT239">
        <f ca="1">ROUND(SQRT((VLOOKUP($A239,városok!$A$2:$C$346,2,0)-VLOOKUP(BT$1,városok!$A$2:$C$346,2,0))^2+(VLOOKUP($A239,városok!$A$2:$C$346,3,0)-VLOOKUP(BT$1,városok!$A$2:$C$346,3,0))^2)/1000,0)</f>
        <v>193</v>
      </c>
    </row>
    <row r="240" spans="1:72" x14ac:dyDescent="0.2">
      <c r="A240" t="str">
        <f>városok!A240</f>
        <v>Szigethalom</v>
      </c>
      <c r="B240">
        <f ca="1">ROUND(SQRT((VLOOKUP($A240,városok!$A$2:$C$346,2,0)-VLOOKUP(B$1,városok!$A$2:$C$346,2,0))^2+(VLOOKUP($A240,városok!$A$2:$C$346,3,0)-VLOOKUP(B$1,városok!$A$2:$C$346,3,0))^2)/1000,0)</f>
        <v>126</v>
      </c>
      <c r="C240">
        <f ca="1">ROUND(SQRT((VLOOKUP($A240,városok!$A$2:$C$346,2,0)-VLOOKUP(C$1,városok!$A$2:$C$346,2,0))^2+(VLOOKUP($A240,városok!$A$2:$C$346,3,0)-VLOOKUP(C$1,városok!$A$2:$C$346,3,0))^2)/1000,0)</f>
        <v>88</v>
      </c>
      <c r="D240">
        <f ca="1">ROUND(SQRT((VLOOKUP($A240,városok!$A$2:$C$346,2,0)-VLOOKUP(D$1,városok!$A$2:$C$346,2,0))^2+(VLOOKUP($A240,városok!$A$2:$C$346,3,0)-VLOOKUP(D$1,városok!$A$2:$C$346,3,0))^2)/1000,0)</f>
        <v>69</v>
      </c>
      <c r="E240">
        <f ca="1">ROUND(SQRT((VLOOKUP($A240,városok!$A$2:$C$346,2,0)-VLOOKUP(E$1,városok!$A$2:$C$346,2,0))^2+(VLOOKUP($A240,városok!$A$2:$C$346,3,0)-VLOOKUP(E$1,városok!$A$2:$C$346,3,0))^2)/1000,0)</f>
        <v>138</v>
      </c>
      <c r="F240">
        <f ca="1">ROUND(SQRT((VLOOKUP($A240,városok!$A$2:$C$346,2,0)-VLOOKUP(F$1,városok!$A$2:$C$346,2,0))^2+(VLOOKUP($A240,városok!$A$2:$C$346,3,0)-VLOOKUP(F$1,városok!$A$2:$C$346,3,0))^2)/1000,0)</f>
        <v>150</v>
      </c>
      <c r="G240">
        <f ca="1">ROUND(SQRT((VLOOKUP($A240,városok!$A$2:$C$346,2,0)-VLOOKUP(G$1,városok!$A$2:$C$346,2,0))^2+(VLOOKUP($A240,városok!$A$2:$C$346,3,0)-VLOOKUP(G$1,városok!$A$2:$C$346,3,0))^2)/1000,0)</f>
        <v>150</v>
      </c>
      <c r="H240">
        <f ca="1">ROUND(SQRT((VLOOKUP($A240,városok!$A$2:$C$346,2,0)-VLOOKUP(H$1,városok!$A$2:$C$346,2,0))^2+(VLOOKUP($A240,városok!$A$2:$C$346,3,0)-VLOOKUP(H$1,városok!$A$2:$C$346,3,0))^2)/1000,0)</f>
        <v>169</v>
      </c>
      <c r="I240">
        <f ca="1">ROUND(SQRT((VLOOKUP($A240,városok!$A$2:$C$346,2,0)-VLOOKUP(I$1,városok!$A$2:$C$346,2,0))^2+(VLOOKUP($A240,városok!$A$2:$C$346,3,0)-VLOOKUP(I$1,városok!$A$2:$C$346,3,0))^2)/1000,0)</f>
        <v>173</v>
      </c>
      <c r="J240">
        <f ca="1">ROUND(SQRT((VLOOKUP($A240,városok!$A$2:$C$346,2,0)-VLOOKUP(J$1,városok!$A$2:$C$346,2,0))^2+(VLOOKUP($A240,városok!$A$2:$C$346,3,0)-VLOOKUP(J$1,városok!$A$2:$C$346,3,0))^2)/1000,0)</f>
        <v>188</v>
      </c>
      <c r="K240">
        <f ca="1">ROUND(SQRT((VLOOKUP($A240,városok!$A$2:$C$346,2,0)-VLOOKUP(K$1,városok!$A$2:$C$346,2,0))^2+(VLOOKUP($A240,városok!$A$2:$C$346,3,0)-VLOOKUP(K$1,városok!$A$2:$C$346,3,0))^2)/1000,0)</f>
        <v>152</v>
      </c>
      <c r="L240">
        <f ca="1">ROUND(SQRT((VLOOKUP($A240,városok!$A$2:$C$346,2,0)-VLOOKUP(L$1,városok!$A$2:$C$346,2,0))^2+(VLOOKUP($A240,városok!$A$2:$C$346,3,0)-VLOOKUP(L$1,városok!$A$2:$C$346,3,0))^2)/1000,0)</f>
        <v>160</v>
      </c>
      <c r="M240">
        <f ca="1">ROUND(SQRT((VLOOKUP($A240,városok!$A$2:$C$346,2,0)-VLOOKUP(M$1,városok!$A$2:$C$346,2,0))^2+(VLOOKUP($A240,városok!$A$2:$C$346,3,0)-VLOOKUP(M$1,városok!$A$2:$C$346,3,0))^2)/1000,0)</f>
        <v>160</v>
      </c>
      <c r="N240">
        <f ca="1">ROUND(SQRT((VLOOKUP($A240,városok!$A$2:$C$346,2,0)-VLOOKUP(N$1,városok!$A$2:$C$346,2,0))^2+(VLOOKUP($A240,városok!$A$2:$C$346,3,0)-VLOOKUP(N$1,városok!$A$2:$C$346,3,0))^2)/1000,0)</f>
        <v>139</v>
      </c>
      <c r="O240">
        <f ca="1">ROUND(SQRT((VLOOKUP($A240,városok!$A$2:$C$346,2,0)-VLOOKUP(O$1,városok!$A$2:$C$346,2,0))^2+(VLOOKUP($A240,városok!$A$2:$C$346,3,0)-VLOOKUP(O$1,városok!$A$2:$C$346,3,0))^2)/1000,0)</f>
        <v>231</v>
      </c>
      <c r="P240">
        <f ca="1">ROUND(SQRT((VLOOKUP($A240,városok!$A$2:$C$346,2,0)-VLOOKUP(P$1,városok!$A$2:$C$346,2,0))^2+(VLOOKUP($A240,városok!$A$2:$C$346,3,0)-VLOOKUP(P$1,városok!$A$2:$C$346,3,0))^2)/1000,0)</f>
        <v>231</v>
      </c>
      <c r="Q240">
        <f ca="1">ROUND(SQRT((VLOOKUP($A240,városok!$A$2:$C$346,2,0)-VLOOKUP(Q$1,városok!$A$2:$C$346,2,0))^2+(VLOOKUP($A240,városok!$A$2:$C$346,3,0)-VLOOKUP(Q$1,városok!$A$2:$C$346,3,0))^2)/1000,0)</f>
        <v>142</v>
      </c>
      <c r="R240">
        <f ca="1">ROUND(SQRT((VLOOKUP($A240,városok!$A$2:$C$346,2,0)-VLOOKUP(R$1,városok!$A$2:$C$346,2,0))^2+(VLOOKUP($A240,városok!$A$2:$C$346,3,0)-VLOOKUP(R$1,városok!$A$2:$C$346,3,0))^2)/1000,0)</f>
        <v>166</v>
      </c>
      <c r="S240">
        <f ca="1">ROUND(SQRT((VLOOKUP($A240,városok!$A$2:$C$346,2,0)-VLOOKUP(S$1,városok!$A$2:$C$346,2,0))^2+(VLOOKUP($A240,városok!$A$2:$C$346,3,0)-VLOOKUP(S$1,városok!$A$2:$C$346,3,0))^2)/1000,0)</f>
        <v>148</v>
      </c>
      <c r="T240">
        <f ca="1">ROUND(SQRT((VLOOKUP($A240,városok!$A$2:$C$346,2,0)-VLOOKUP(T$1,városok!$A$2:$C$346,2,0))^2+(VLOOKUP($A240,városok!$A$2:$C$346,3,0)-VLOOKUP(T$1,városok!$A$2:$C$346,3,0))^2)/1000,0)</f>
        <v>34</v>
      </c>
      <c r="U240">
        <f ca="1">ROUND(SQRT((VLOOKUP($A240,városok!$A$2:$C$346,2,0)-VLOOKUP(U$1,városok!$A$2:$C$346,2,0))^2+(VLOOKUP($A240,városok!$A$2:$C$346,3,0)-VLOOKUP(U$1,városok!$A$2:$C$346,3,0))^2)/1000,0)</f>
        <v>40</v>
      </c>
      <c r="V240">
        <f ca="1">ROUND(SQRT((VLOOKUP($A240,városok!$A$2:$C$346,2,0)-VLOOKUP(V$1,városok!$A$2:$C$346,2,0))^2+(VLOOKUP($A240,városok!$A$2:$C$346,3,0)-VLOOKUP(V$1,városok!$A$2:$C$346,3,0))^2)/1000,0)</f>
        <v>61</v>
      </c>
      <c r="W240">
        <f ca="1">ROUND(SQRT((VLOOKUP($A240,városok!$A$2:$C$346,2,0)-VLOOKUP(W$1,városok!$A$2:$C$346,2,0))^2+(VLOOKUP($A240,városok!$A$2:$C$346,3,0)-VLOOKUP(W$1,városok!$A$2:$C$346,3,0))^2)/1000,0)</f>
        <v>57</v>
      </c>
      <c r="X240">
        <f ca="1">ROUND(SQRT((VLOOKUP($A240,városok!$A$2:$C$346,2,0)-VLOOKUP(X$1,városok!$A$2:$C$346,2,0))^2+(VLOOKUP($A240,városok!$A$2:$C$346,3,0)-VLOOKUP(X$1,városok!$A$2:$C$346,3,0))^2)/1000,0)</f>
        <v>52</v>
      </c>
      <c r="Y240">
        <f ca="1">ROUND(SQRT((VLOOKUP($A240,városok!$A$2:$C$346,2,0)-VLOOKUP(Y$1,városok!$A$2:$C$346,2,0))^2+(VLOOKUP($A240,városok!$A$2:$C$346,3,0)-VLOOKUP(Y$1,városok!$A$2:$C$346,3,0))^2)/1000,0)</f>
        <v>111</v>
      </c>
      <c r="Z240">
        <f ca="1">ROUND(SQRT((VLOOKUP($A240,városok!$A$2:$C$346,2,0)-VLOOKUP(Z$1,városok!$A$2:$C$346,2,0))^2+(VLOOKUP($A240,városok!$A$2:$C$346,3,0)-VLOOKUP(Z$1,városok!$A$2:$C$346,3,0))^2)/1000,0)</f>
        <v>130</v>
      </c>
      <c r="AA240">
        <f ca="1">ROUND(SQRT((VLOOKUP($A240,városok!$A$2:$C$346,2,0)-VLOOKUP(AA$1,városok!$A$2:$C$346,2,0))^2+(VLOOKUP($A240,városok!$A$2:$C$346,3,0)-VLOOKUP(AA$1,városok!$A$2:$C$346,3,0))^2)/1000,0)</f>
        <v>187</v>
      </c>
      <c r="AB240">
        <f ca="1">ROUND(SQRT((VLOOKUP($A240,városok!$A$2:$C$346,2,0)-VLOOKUP(AB$1,városok!$A$2:$C$346,2,0))^2+(VLOOKUP($A240,városok!$A$2:$C$346,3,0)-VLOOKUP(AB$1,városok!$A$2:$C$346,3,0))^2)/1000,0)</f>
        <v>199</v>
      </c>
      <c r="AC240">
        <f ca="1">ROUND(SQRT((VLOOKUP($A240,városok!$A$2:$C$346,2,0)-VLOOKUP(AC$1,városok!$A$2:$C$346,2,0))^2+(VLOOKUP($A240,városok!$A$2:$C$346,3,0)-VLOOKUP(AC$1,városok!$A$2:$C$346,3,0))^2)/1000,0)</f>
        <v>181</v>
      </c>
      <c r="AD240">
        <f ca="1">ROUND(SQRT((VLOOKUP($A240,városok!$A$2:$C$346,2,0)-VLOOKUP(AD$1,városok!$A$2:$C$346,2,0))^2+(VLOOKUP($A240,városok!$A$2:$C$346,3,0)-VLOOKUP(AD$1,városok!$A$2:$C$346,3,0))^2)/1000,0)</f>
        <v>163</v>
      </c>
      <c r="AE240">
        <f ca="1">ROUND(SQRT((VLOOKUP($A240,városok!$A$2:$C$346,2,0)-VLOOKUP(AE$1,városok!$A$2:$C$346,2,0))^2+(VLOOKUP($A240,városok!$A$2:$C$346,3,0)-VLOOKUP(AE$1,városok!$A$2:$C$346,3,0))^2)/1000,0)</f>
        <v>163</v>
      </c>
      <c r="AF240">
        <f ca="1">ROUND(SQRT((VLOOKUP($A240,városok!$A$2:$C$346,2,0)-VLOOKUP(AF$1,városok!$A$2:$C$346,2,0))^2+(VLOOKUP($A240,városok!$A$2:$C$346,3,0)-VLOOKUP(AF$1,városok!$A$2:$C$346,3,0))^2)/1000,0)</f>
        <v>121</v>
      </c>
      <c r="AG240">
        <f ca="1">ROUND(SQRT((VLOOKUP($A240,városok!$A$2:$C$346,2,0)-VLOOKUP(AG$1,városok!$A$2:$C$346,2,0))^2+(VLOOKUP($A240,városok!$A$2:$C$346,3,0)-VLOOKUP(AG$1,városok!$A$2:$C$346,3,0))^2)/1000,0)</f>
        <v>86</v>
      </c>
      <c r="AH240">
        <f ca="1">ROUND(SQRT((VLOOKUP($A240,városok!$A$2:$C$346,2,0)-VLOOKUP(AH$1,városok!$A$2:$C$346,2,0))^2+(VLOOKUP($A240,városok!$A$2:$C$346,3,0)-VLOOKUP(AH$1,városok!$A$2:$C$346,3,0))^2)/1000,0)</f>
        <v>63</v>
      </c>
      <c r="AI240">
        <f ca="1">ROUND(SQRT((VLOOKUP($A240,városok!$A$2:$C$346,2,0)-VLOOKUP(AI$1,városok!$A$2:$C$346,2,0))^2+(VLOOKUP($A240,városok!$A$2:$C$346,3,0)-VLOOKUP(AI$1,városok!$A$2:$C$346,3,0))^2)/1000,0)</f>
        <v>113</v>
      </c>
      <c r="AJ240">
        <f ca="1">ROUND(SQRT((VLOOKUP($A240,városok!$A$2:$C$346,2,0)-VLOOKUP(AJ$1,városok!$A$2:$C$346,2,0))^2+(VLOOKUP($A240,városok!$A$2:$C$346,3,0)-VLOOKUP(AJ$1,városok!$A$2:$C$346,3,0))^2)/1000,0)</f>
        <v>81</v>
      </c>
      <c r="AK240">
        <f ca="1">ROUND(SQRT((VLOOKUP($A240,városok!$A$2:$C$346,2,0)-VLOOKUP(AK$1,városok!$A$2:$C$346,2,0))^2+(VLOOKUP($A240,városok!$A$2:$C$346,3,0)-VLOOKUP(AK$1,városok!$A$2:$C$346,3,0))^2)/1000,0)</f>
        <v>149</v>
      </c>
      <c r="AL240">
        <f ca="1">ROUND(SQRT((VLOOKUP($A240,városok!$A$2:$C$346,2,0)-VLOOKUP(AL$1,városok!$A$2:$C$346,2,0))^2+(VLOOKUP($A240,városok!$A$2:$C$346,3,0)-VLOOKUP(AL$1,városok!$A$2:$C$346,3,0))^2)/1000,0)</f>
        <v>122</v>
      </c>
      <c r="AM240">
        <f ca="1">ROUND(SQRT((VLOOKUP($A240,városok!$A$2:$C$346,2,0)-VLOOKUP(AM$1,városok!$A$2:$C$346,2,0))^2+(VLOOKUP($A240,városok!$A$2:$C$346,3,0)-VLOOKUP(AM$1,városok!$A$2:$C$346,3,0))^2)/1000,0)</f>
        <v>90</v>
      </c>
      <c r="AN240">
        <f ca="1">ROUND(SQRT((VLOOKUP($A240,városok!$A$2:$C$346,2,0)-VLOOKUP(AN$1,városok!$A$2:$C$346,2,0))^2+(VLOOKUP($A240,városok!$A$2:$C$346,3,0)-VLOOKUP(AN$1,városok!$A$2:$C$346,3,0))^2)/1000,0)</f>
        <v>56</v>
      </c>
      <c r="AO240">
        <f ca="1">ROUND(SQRT((VLOOKUP($A240,városok!$A$2:$C$346,2,0)-VLOOKUP(AO$1,városok!$A$2:$C$346,2,0))^2+(VLOOKUP($A240,városok!$A$2:$C$346,3,0)-VLOOKUP(AO$1,városok!$A$2:$C$346,3,0))^2)/1000,0)</f>
        <v>81</v>
      </c>
      <c r="AP240">
        <f ca="1">ROUND(SQRT((VLOOKUP($A240,városok!$A$2:$C$346,2,0)-VLOOKUP(AP$1,városok!$A$2:$C$346,2,0))^2+(VLOOKUP($A240,városok!$A$2:$C$346,3,0)-VLOOKUP(AP$1,városok!$A$2:$C$346,3,0))^2)/1000,0)</f>
        <v>62</v>
      </c>
      <c r="AQ240">
        <f ca="1">ROUND(SQRT((VLOOKUP($A240,városok!$A$2:$C$346,2,0)-VLOOKUP(AQ$1,városok!$A$2:$C$346,2,0))^2+(VLOOKUP($A240,városok!$A$2:$C$346,3,0)-VLOOKUP(AQ$1,városok!$A$2:$C$346,3,0))^2)/1000,0)</f>
        <v>53</v>
      </c>
      <c r="AR240">
        <f ca="1">ROUND(SQRT((VLOOKUP($A240,városok!$A$2:$C$346,2,0)-VLOOKUP(AR$1,városok!$A$2:$C$346,2,0))^2+(VLOOKUP($A240,városok!$A$2:$C$346,3,0)-VLOOKUP(AR$1,városok!$A$2:$C$346,3,0))^2)/1000,0)</f>
        <v>84</v>
      </c>
      <c r="AS240">
        <f ca="1">ROUND(SQRT((VLOOKUP($A240,városok!$A$2:$C$346,2,0)-VLOOKUP(AS$1,városok!$A$2:$C$346,2,0))^2+(VLOOKUP($A240,városok!$A$2:$C$346,3,0)-VLOOKUP(AS$1,városok!$A$2:$C$346,3,0))^2)/1000,0)</f>
        <v>107</v>
      </c>
      <c r="AT240">
        <f ca="1">ROUND(SQRT((VLOOKUP($A240,városok!$A$2:$C$346,2,0)-VLOOKUP(AT$1,városok!$A$2:$C$346,2,0))^2+(VLOOKUP($A240,városok!$A$2:$C$346,3,0)-VLOOKUP(AT$1,városok!$A$2:$C$346,3,0))^2)/1000,0)</f>
        <v>22</v>
      </c>
      <c r="AU240">
        <f ca="1">ROUND(SQRT((VLOOKUP($A240,városok!$A$2:$C$346,2,0)-VLOOKUP(AU$1,városok!$A$2:$C$346,2,0))^2+(VLOOKUP($A240,városok!$A$2:$C$346,3,0)-VLOOKUP(AU$1,városok!$A$2:$C$346,3,0))^2)/1000,0)</f>
        <v>16</v>
      </c>
      <c r="AV240">
        <f ca="1">ROUND(SQRT((VLOOKUP($A240,városok!$A$2:$C$346,2,0)-VLOOKUP(AV$1,városok!$A$2:$C$346,2,0))^2+(VLOOKUP($A240,városok!$A$2:$C$346,3,0)-VLOOKUP(AV$1,városok!$A$2:$C$346,3,0))^2)/1000,0)</f>
        <v>11</v>
      </c>
      <c r="AW240">
        <f ca="1">ROUND(SQRT((VLOOKUP($A240,városok!$A$2:$C$346,2,0)-VLOOKUP(AW$1,városok!$A$2:$C$346,2,0))^2+(VLOOKUP($A240,városok!$A$2:$C$346,3,0)-VLOOKUP(AW$1,városok!$A$2:$C$346,3,0))^2)/1000,0)</f>
        <v>11</v>
      </c>
      <c r="AX240">
        <f ca="1">ROUND(SQRT((VLOOKUP($A240,városok!$A$2:$C$346,2,0)-VLOOKUP(AX$1,városok!$A$2:$C$346,2,0))^2+(VLOOKUP($A240,városok!$A$2:$C$346,3,0)-VLOOKUP(AX$1,városok!$A$2:$C$346,3,0))^2)/1000,0)</f>
        <v>67</v>
      </c>
      <c r="AY240">
        <f ca="1">ROUND(SQRT((VLOOKUP($A240,városok!$A$2:$C$346,2,0)-VLOOKUP(AY$1,városok!$A$2:$C$346,2,0))^2+(VLOOKUP($A240,városok!$A$2:$C$346,3,0)-VLOOKUP(AY$1,városok!$A$2:$C$346,3,0))^2)/1000,0)</f>
        <v>40</v>
      </c>
      <c r="AZ240">
        <f ca="1">ROUND(SQRT((VLOOKUP($A240,városok!$A$2:$C$346,2,0)-VLOOKUP(AZ$1,városok!$A$2:$C$346,2,0))^2+(VLOOKUP($A240,városok!$A$2:$C$346,3,0)-VLOOKUP(AZ$1,városok!$A$2:$C$346,3,0))^2)/1000,0)</f>
        <v>52</v>
      </c>
      <c r="BA240">
        <f ca="1">ROUND(SQRT((VLOOKUP($A240,városok!$A$2:$C$346,2,0)-VLOOKUP(BA$1,városok!$A$2:$C$346,2,0))^2+(VLOOKUP($A240,városok!$A$2:$C$346,3,0)-VLOOKUP(BA$1,városok!$A$2:$C$346,3,0))^2)/1000,0)</f>
        <v>116</v>
      </c>
      <c r="BB240">
        <f ca="1">ROUND(SQRT((VLOOKUP($A240,városok!$A$2:$C$346,2,0)-VLOOKUP(BB$1,városok!$A$2:$C$346,2,0))^2+(VLOOKUP($A240,városok!$A$2:$C$346,3,0)-VLOOKUP(BB$1,városok!$A$2:$C$346,3,0))^2)/1000,0)</f>
        <v>119</v>
      </c>
      <c r="BC240">
        <f ca="1">ROUND(SQRT((VLOOKUP($A240,városok!$A$2:$C$346,2,0)-VLOOKUP(BC$1,városok!$A$2:$C$346,2,0))^2+(VLOOKUP($A240,városok!$A$2:$C$346,3,0)-VLOOKUP(BC$1,városok!$A$2:$C$346,3,0))^2)/1000,0)</f>
        <v>142</v>
      </c>
      <c r="BD240">
        <f ca="1">ROUND(SQRT((VLOOKUP($A240,városok!$A$2:$C$346,2,0)-VLOOKUP(BD$1,városok!$A$2:$C$346,2,0))^2+(VLOOKUP($A240,városok!$A$2:$C$346,3,0)-VLOOKUP(BD$1,városok!$A$2:$C$346,3,0))^2)/1000,0)</f>
        <v>85</v>
      </c>
      <c r="BE240">
        <f ca="1">ROUND(SQRT((VLOOKUP($A240,városok!$A$2:$C$346,2,0)-VLOOKUP(BE$1,városok!$A$2:$C$346,2,0))^2+(VLOOKUP($A240,városok!$A$2:$C$346,3,0)-VLOOKUP(BE$1,városok!$A$2:$C$346,3,0))^2)/1000,0)</f>
        <v>281</v>
      </c>
      <c r="BF240">
        <f ca="1">ROUND(SQRT((VLOOKUP($A240,városok!$A$2:$C$346,2,0)-VLOOKUP(BF$1,városok!$A$2:$C$346,2,0))^2+(VLOOKUP($A240,városok!$A$2:$C$346,3,0)-VLOOKUP(BF$1,városok!$A$2:$C$346,3,0))^2)/1000,0)</f>
        <v>251</v>
      </c>
      <c r="BG240">
        <f ca="1">ROUND(SQRT((VLOOKUP($A240,városok!$A$2:$C$346,2,0)-VLOOKUP(BG$1,városok!$A$2:$C$346,2,0))^2+(VLOOKUP($A240,városok!$A$2:$C$346,3,0)-VLOOKUP(BG$1,városok!$A$2:$C$346,3,0))^2)/1000,0)</f>
        <v>205</v>
      </c>
      <c r="BH240">
        <f ca="1">ROUND(SQRT((VLOOKUP($A240,városok!$A$2:$C$346,2,0)-VLOOKUP(BH$1,városok!$A$2:$C$346,2,0))^2+(VLOOKUP($A240,városok!$A$2:$C$346,3,0)-VLOOKUP(BH$1,városok!$A$2:$C$346,3,0))^2)/1000,0)</f>
        <v>205</v>
      </c>
      <c r="BI240">
        <f ca="1">ROUND(SQRT((VLOOKUP($A240,városok!$A$2:$C$346,2,0)-VLOOKUP(BI$1,városok!$A$2:$C$346,2,0))^2+(VLOOKUP($A240,városok!$A$2:$C$346,3,0)-VLOOKUP(BI$1,városok!$A$2:$C$346,3,0))^2)/1000,0)</f>
        <v>107</v>
      </c>
      <c r="BJ240">
        <f ca="1">ROUND(SQRT((VLOOKUP($A240,városok!$A$2:$C$346,2,0)-VLOOKUP(BJ$1,városok!$A$2:$C$346,2,0))^2+(VLOOKUP($A240,városok!$A$2:$C$346,3,0)-VLOOKUP(BJ$1,városok!$A$2:$C$346,3,0))^2)/1000,0)</f>
        <v>123</v>
      </c>
      <c r="BK240">
        <f ca="1">ROUND(SQRT((VLOOKUP($A240,városok!$A$2:$C$346,2,0)-VLOOKUP(BK$1,városok!$A$2:$C$346,2,0))^2+(VLOOKUP($A240,városok!$A$2:$C$346,3,0)-VLOOKUP(BK$1,városok!$A$2:$C$346,3,0))^2)/1000,0)</f>
        <v>110</v>
      </c>
      <c r="BL240">
        <f ca="1">ROUND(SQRT((VLOOKUP($A240,városok!$A$2:$C$346,2,0)-VLOOKUP(BL$1,városok!$A$2:$C$346,2,0))^2+(VLOOKUP($A240,városok!$A$2:$C$346,3,0)-VLOOKUP(BL$1,városok!$A$2:$C$346,3,0))^2)/1000,0)</f>
        <v>185</v>
      </c>
      <c r="BM240">
        <f ca="1">ROUND(SQRT((VLOOKUP($A240,városok!$A$2:$C$346,2,0)-VLOOKUP(BM$1,városok!$A$2:$C$346,2,0))^2+(VLOOKUP($A240,városok!$A$2:$C$346,3,0)-VLOOKUP(BM$1,városok!$A$2:$C$346,3,0))^2)/1000,0)</f>
        <v>157</v>
      </c>
      <c r="BN240">
        <f ca="1">ROUND(SQRT((VLOOKUP($A240,városok!$A$2:$C$346,2,0)-VLOOKUP(BN$1,városok!$A$2:$C$346,2,0))^2+(VLOOKUP($A240,városok!$A$2:$C$346,3,0)-VLOOKUP(BN$1,városok!$A$2:$C$346,3,0))^2)/1000,0)</f>
        <v>181</v>
      </c>
      <c r="BO240">
        <f ca="1">ROUND(SQRT((VLOOKUP($A240,városok!$A$2:$C$346,2,0)-VLOOKUP(BO$1,városok!$A$2:$C$346,2,0))^2+(VLOOKUP($A240,városok!$A$2:$C$346,3,0)-VLOOKUP(BO$1,városok!$A$2:$C$346,3,0))^2)/1000,0)</f>
        <v>82</v>
      </c>
      <c r="BP240">
        <f ca="1">ROUND(SQRT((VLOOKUP($A240,városok!$A$2:$C$346,2,0)-VLOOKUP(BP$1,városok!$A$2:$C$346,2,0))^2+(VLOOKUP($A240,városok!$A$2:$C$346,3,0)-VLOOKUP(BP$1,városok!$A$2:$C$346,3,0))^2)/1000,0)</f>
        <v>75</v>
      </c>
      <c r="BQ240">
        <f ca="1">ROUND(SQRT((VLOOKUP($A240,városok!$A$2:$C$346,2,0)-VLOOKUP(BQ$1,városok!$A$2:$C$346,2,0))^2+(VLOOKUP($A240,városok!$A$2:$C$346,3,0)-VLOOKUP(BQ$1,városok!$A$2:$C$346,3,0))^2)/1000,0)</f>
        <v>87</v>
      </c>
      <c r="BR240">
        <f ca="1">ROUND(SQRT((VLOOKUP($A240,városok!$A$2:$C$346,2,0)-VLOOKUP(BR$1,városok!$A$2:$C$346,2,0))^2+(VLOOKUP($A240,városok!$A$2:$C$346,3,0)-VLOOKUP(BR$1,városok!$A$2:$C$346,3,0))^2)/1000,0)</f>
        <v>147</v>
      </c>
      <c r="BS240">
        <f ca="1">ROUND(SQRT((VLOOKUP($A240,városok!$A$2:$C$346,2,0)-VLOOKUP(BS$1,városok!$A$2:$C$346,2,0))^2+(VLOOKUP($A240,városok!$A$2:$C$346,3,0)-VLOOKUP(BS$1,városok!$A$2:$C$346,3,0))^2)/1000,0)</f>
        <v>182</v>
      </c>
      <c r="BT240">
        <f ca="1">ROUND(SQRT((VLOOKUP($A240,városok!$A$2:$C$346,2,0)-VLOOKUP(BT$1,városok!$A$2:$C$346,2,0))^2+(VLOOKUP($A240,városok!$A$2:$C$346,3,0)-VLOOKUP(BT$1,városok!$A$2:$C$346,3,0))^2)/1000,0)</f>
        <v>173</v>
      </c>
    </row>
    <row r="241" spans="1:72" x14ac:dyDescent="0.2">
      <c r="A241" t="str">
        <f>városok!A241</f>
        <v>Szigetszentmiklós</v>
      </c>
      <c r="B241">
        <f ca="1">ROUND(SQRT((VLOOKUP($A241,városok!$A$2:$C$346,2,0)-VLOOKUP(B$1,városok!$A$2:$C$346,2,0))^2+(VLOOKUP($A241,városok!$A$2:$C$346,3,0)-VLOOKUP(B$1,városok!$A$2:$C$346,3,0))^2)/1000,0)</f>
        <v>129</v>
      </c>
      <c r="C241">
        <f ca="1">ROUND(SQRT((VLOOKUP($A241,városok!$A$2:$C$346,2,0)-VLOOKUP(C$1,városok!$A$2:$C$346,2,0))^2+(VLOOKUP($A241,városok!$A$2:$C$346,3,0)-VLOOKUP(C$1,városok!$A$2:$C$346,3,0))^2)/1000,0)</f>
        <v>90</v>
      </c>
      <c r="D241">
        <f ca="1">ROUND(SQRT((VLOOKUP($A241,városok!$A$2:$C$346,2,0)-VLOOKUP(D$1,városok!$A$2:$C$346,2,0))^2+(VLOOKUP($A241,városok!$A$2:$C$346,3,0)-VLOOKUP(D$1,városok!$A$2:$C$346,3,0))^2)/1000,0)</f>
        <v>69</v>
      </c>
      <c r="E241">
        <f ca="1">ROUND(SQRT((VLOOKUP($A241,városok!$A$2:$C$346,2,0)-VLOOKUP(E$1,városok!$A$2:$C$346,2,0))^2+(VLOOKUP($A241,városok!$A$2:$C$346,3,0)-VLOOKUP(E$1,városok!$A$2:$C$346,3,0))^2)/1000,0)</f>
        <v>141</v>
      </c>
      <c r="F241">
        <f ca="1">ROUND(SQRT((VLOOKUP($A241,városok!$A$2:$C$346,2,0)-VLOOKUP(F$1,városok!$A$2:$C$346,2,0))^2+(VLOOKUP($A241,városok!$A$2:$C$346,3,0)-VLOOKUP(F$1,városok!$A$2:$C$346,3,0))^2)/1000,0)</f>
        <v>152</v>
      </c>
      <c r="G241">
        <f ca="1">ROUND(SQRT((VLOOKUP($A241,városok!$A$2:$C$346,2,0)-VLOOKUP(G$1,városok!$A$2:$C$346,2,0))^2+(VLOOKUP($A241,városok!$A$2:$C$346,3,0)-VLOOKUP(G$1,városok!$A$2:$C$346,3,0))^2)/1000,0)</f>
        <v>153</v>
      </c>
      <c r="H241">
        <f ca="1">ROUND(SQRT((VLOOKUP($A241,városok!$A$2:$C$346,2,0)-VLOOKUP(H$1,városok!$A$2:$C$346,2,0))^2+(VLOOKUP($A241,városok!$A$2:$C$346,3,0)-VLOOKUP(H$1,városok!$A$2:$C$346,3,0))^2)/1000,0)</f>
        <v>172</v>
      </c>
      <c r="I241">
        <f ca="1">ROUND(SQRT((VLOOKUP($A241,városok!$A$2:$C$346,2,0)-VLOOKUP(I$1,városok!$A$2:$C$346,2,0))^2+(VLOOKUP($A241,városok!$A$2:$C$346,3,0)-VLOOKUP(I$1,városok!$A$2:$C$346,3,0))^2)/1000,0)</f>
        <v>172</v>
      </c>
      <c r="J241">
        <f ca="1">ROUND(SQRT((VLOOKUP($A241,városok!$A$2:$C$346,2,0)-VLOOKUP(J$1,városok!$A$2:$C$346,2,0))^2+(VLOOKUP($A241,városok!$A$2:$C$346,3,0)-VLOOKUP(J$1,városok!$A$2:$C$346,3,0))^2)/1000,0)</f>
        <v>187</v>
      </c>
      <c r="K241">
        <f ca="1">ROUND(SQRT((VLOOKUP($A241,városok!$A$2:$C$346,2,0)-VLOOKUP(K$1,városok!$A$2:$C$346,2,0))^2+(VLOOKUP($A241,városok!$A$2:$C$346,3,0)-VLOOKUP(K$1,városok!$A$2:$C$346,3,0))^2)/1000,0)</f>
        <v>151</v>
      </c>
      <c r="L241">
        <f ca="1">ROUND(SQRT((VLOOKUP($A241,városok!$A$2:$C$346,2,0)-VLOOKUP(L$1,városok!$A$2:$C$346,2,0))^2+(VLOOKUP($A241,városok!$A$2:$C$346,3,0)-VLOOKUP(L$1,városok!$A$2:$C$346,3,0))^2)/1000,0)</f>
        <v>157</v>
      </c>
      <c r="M241">
        <f ca="1">ROUND(SQRT((VLOOKUP($A241,városok!$A$2:$C$346,2,0)-VLOOKUP(M$1,városok!$A$2:$C$346,2,0))^2+(VLOOKUP($A241,városok!$A$2:$C$346,3,0)-VLOOKUP(M$1,városok!$A$2:$C$346,3,0))^2)/1000,0)</f>
        <v>157</v>
      </c>
      <c r="N241">
        <f ca="1">ROUND(SQRT((VLOOKUP($A241,városok!$A$2:$C$346,2,0)-VLOOKUP(N$1,városok!$A$2:$C$346,2,0))^2+(VLOOKUP($A241,városok!$A$2:$C$346,3,0)-VLOOKUP(N$1,városok!$A$2:$C$346,3,0))^2)/1000,0)</f>
        <v>136</v>
      </c>
      <c r="O241">
        <f ca="1">ROUND(SQRT((VLOOKUP($A241,városok!$A$2:$C$346,2,0)-VLOOKUP(O$1,városok!$A$2:$C$346,2,0))^2+(VLOOKUP($A241,városok!$A$2:$C$346,3,0)-VLOOKUP(O$1,városok!$A$2:$C$346,3,0))^2)/1000,0)</f>
        <v>228</v>
      </c>
      <c r="P241">
        <f ca="1">ROUND(SQRT((VLOOKUP($A241,városok!$A$2:$C$346,2,0)-VLOOKUP(P$1,városok!$A$2:$C$346,2,0))^2+(VLOOKUP($A241,városok!$A$2:$C$346,3,0)-VLOOKUP(P$1,városok!$A$2:$C$346,3,0))^2)/1000,0)</f>
        <v>228</v>
      </c>
      <c r="Q241">
        <f ca="1">ROUND(SQRT((VLOOKUP($A241,városok!$A$2:$C$346,2,0)-VLOOKUP(Q$1,városok!$A$2:$C$346,2,0))^2+(VLOOKUP($A241,városok!$A$2:$C$346,3,0)-VLOOKUP(Q$1,városok!$A$2:$C$346,3,0))^2)/1000,0)</f>
        <v>141</v>
      </c>
      <c r="R241">
        <f ca="1">ROUND(SQRT((VLOOKUP($A241,városok!$A$2:$C$346,2,0)-VLOOKUP(R$1,városok!$A$2:$C$346,2,0))^2+(VLOOKUP($A241,városok!$A$2:$C$346,3,0)-VLOOKUP(R$1,városok!$A$2:$C$346,3,0))^2)/1000,0)</f>
        <v>166</v>
      </c>
      <c r="S241">
        <f ca="1">ROUND(SQRT((VLOOKUP($A241,városok!$A$2:$C$346,2,0)-VLOOKUP(S$1,városok!$A$2:$C$346,2,0))^2+(VLOOKUP($A241,városok!$A$2:$C$346,3,0)-VLOOKUP(S$1,városok!$A$2:$C$346,3,0))^2)/1000,0)</f>
        <v>148</v>
      </c>
      <c r="T241">
        <f ca="1">ROUND(SQRT((VLOOKUP($A241,városok!$A$2:$C$346,2,0)-VLOOKUP(T$1,városok!$A$2:$C$346,2,0))^2+(VLOOKUP($A241,városok!$A$2:$C$346,3,0)-VLOOKUP(T$1,városok!$A$2:$C$346,3,0))^2)/1000,0)</f>
        <v>35</v>
      </c>
      <c r="U241">
        <f ca="1">ROUND(SQRT((VLOOKUP($A241,városok!$A$2:$C$346,2,0)-VLOOKUP(U$1,városok!$A$2:$C$346,2,0))^2+(VLOOKUP($A241,városok!$A$2:$C$346,3,0)-VLOOKUP(U$1,városok!$A$2:$C$346,3,0))^2)/1000,0)</f>
        <v>42</v>
      </c>
      <c r="V241">
        <f ca="1">ROUND(SQRT((VLOOKUP($A241,városok!$A$2:$C$346,2,0)-VLOOKUP(V$1,városok!$A$2:$C$346,2,0))^2+(VLOOKUP($A241,városok!$A$2:$C$346,3,0)-VLOOKUP(V$1,városok!$A$2:$C$346,3,0))^2)/1000,0)</f>
        <v>64</v>
      </c>
      <c r="W241">
        <f ca="1">ROUND(SQRT((VLOOKUP($A241,városok!$A$2:$C$346,2,0)-VLOOKUP(W$1,városok!$A$2:$C$346,2,0))^2+(VLOOKUP($A241,városok!$A$2:$C$346,3,0)-VLOOKUP(W$1,városok!$A$2:$C$346,3,0))^2)/1000,0)</f>
        <v>60</v>
      </c>
      <c r="X241">
        <f ca="1">ROUND(SQRT((VLOOKUP($A241,városok!$A$2:$C$346,2,0)-VLOOKUP(X$1,városok!$A$2:$C$346,2,0))^2+(VLOOKUP($A241,városok!$A$2:$C$346,3,0)-VLOOKUP(X$1,városok!$A$2:$C$346,3,0))^2)/1000,0)</f>
        <v>54</v>
      </c>
      <c r="Y241">
        <f ca="1">ROUND(SQRT((VLOOKUP($A241,városok!$A$2:$C$346,2,0)-VLOOKUP(Y$1,városok!$A$2:$C$346,2,0))^2+(VLOOKUP($A241,városok!$A$2:$C$346,3,0)-VLOOKUP(Y$1,városok!$A$2:$C$346,3,0))^2)/1000,0)</f>
        <v>113</v>
      </c>
      <c r="Z241">
        <f ca="1">ROUND(SQRT((VLOOKUP($A241,városok!$A$2:$C$346,2,0)-VLOOKUP(Z$1,városok!$A$2:$C$346,2,0))^2+(VLOOKUP($A241,városok!$A$2:$C$346,3,0)-VLOOKUP(Z$1,városok!$A$2:$C$346,3,0))^2)/1000,0)</f>
        <v>132</v>
      </c>
      <c r="AA241">
        <f ca="1">ROUND(SQRT((VLOOKUP($A241,városok!$A$2:$C$346,2,0)-VLOOKUP(AA$1,városok!$A$2:$C$346,2,0))^2+(VLOOKUP($A241,városok!$A$2:$C$346,3,0)-VLOOKUP(AA$1,városok!$A$2:$C$346,3,0))^2)/1000,0)</f>
        <v>189</v>
      </c>
      <c r="AB241">
        <f ca="1">ROUND(SQRT((VLOOKUP($A241,városok!$A$2:$C$346,2,0)-VLOOKUP(AB$1,városok!$A$2:$C$346,2,0))^2+(VLOOKUP($A241,városok!$A$2:$C$346,3,0)-VLOOKUP(AB$1,városok!$A$2:$C$346,3,0))^2)/1000,0)</f>
        <v>197</v>
      </c>
      <c r="AC241">
        <f ca="1">ROUND(SQRT((VLOOKUP($A241,városok!$A$2:$C$346,2,0)-VLOOKUP(AC$1,városok!$A$2:$C$346,2,0))^2+(VLOOKUP($A241,városok!$A$2:$C$346,3,0)-VLOOKUP(AC$1,városok!$A$2:$C$346,3,0))^2)/1000,0)</f>
        <v>178</v>
      </c>
      <c r="AD241">
        <f ca="1">ROUND(SQRT((VLOOKUP($A241,városok!$A$2:$C$346,2,0)-VLOOKUP(AD$1,városok!$A$2:$C$346,2,0))^2+(VLOOKUP($A241,városok!$A$2:$C$346,3,0)-VLOOKUP(AD$1,városok!$A$2:$C$346,3,0))^2)/1000,0)</f>
        <v>160</v>
      </c>
      <c r="AE241">
        <f ca="1">ROUND(SQRT((VLOOKUP($A241,városok!$A$2:$C$346,2,0)-VLOOKUP(AE$1,városok!$A$2:$C$346,2,0))^2+(VLOOKUP($A241,városok!$A$2:$C$346,3,0)-VLOOKUP(AE$1,városok!$A$2:$C$346,3,0))^2)/1000,0)</f>
        <v>161</v>
      </c>
      <c r="AF241">
        <f ca="1">ROUND(SQRT((VLOOKUP($A241,városok!$A$2:$C$346,2,0)-VLOOKUP(AF$1,városok!$A$2:$C$346,2,0))^2+(VLOOKUP($A241,városok!$A$2:$C$346,3,0)-VLOOKUP(AF$1,városok!$A$2:$C$346,3,0))^2)/1000,0)</f>
        <v>118</v>
      </c>
      <c r="AG241">
        <f ca="1">ROUND(SQRT((VLOOKUP($A241,városok!$A$2:$C$346,2,0)-VLOOKUP(AG$1,városok!$A$2:$C$346,2,0))^2+(VLOOKUP($A241,városok!$A$2:$C$346,3,0)-VLOOKUP(AG$1,városok!$A$2:$C$346,3,0))^2)/1000,0)</f>
        <v>83</v>
      </c>
      <c r="AH241">
        <f ca="1">ROUND(SQRT((VLOOKUP($A241,városok!$A$2:$C$346,2,0)-VLOOKUP(AH$1,városok!$A$2:$C$346,2,0))^2+(VLOOKUP($A241,városok!$A$2:$C$346,3,0)-VLOOKUP(AH$1,városok!$A$2:$C$346,3,0))^2)/1000,0)</f>
        <v>60</v>
      </c>
      <c r="AI241">
        <f ca="1">ROUND(SQRT((VLOOKUP($A241,városok!$A$2:$C$346,2,0)-VLOOKUP(AI$1,városok!$A$2:$C$346,2,0))^2+(VLOOKUP($A241,városok!$A$2:$C$346,3,0)-VLOOKUP(AI$1,városok!$A$2:$C$346,3,0))^2)/1000,0)</f>
        <v>110</v>
      </c>
      <c r="AJ241">
        <f ca="1">ROUND(SQRT((VLOOKUP($A241,városok!$A$2:$C$346,2,0)-VLOOKUP(AJ$1,városok!$A$2:$C$346,2,0))^2+(VLOOKUP($A241,városok!$A$2:$C$346,3,0)-VLOOKUP(AJ$1,városok!$A$2:$C$346,3,0))^2)/1000,0)</f>
        <v>78</v>
      </c>
      <c r="AK241">
        <f ca="1">ROUND(SQRT((VLOOKUP($A241,városok!$A$2:$C$346,2,0)-VLOOKUP(AK$1,városok!$A$2:$C$346,2,0))^2+(VLOOKUP($A241,városok!$A$2:$C$346,3,0)-VLOOKUP(AK$1,városok!$A$2:$C$346,3,0))^2)/1000,0)</f>
        <v>146</v>
      </c>
      <c r="AL241">
        <f ca="1">ROUND(SQRT((VLOOKUP($A241,városok!$A$2:$C$346,2,0)-VLOOKUP(AL$1,városok!$A$2:$C$346,2,0))^2+(VLOOKUP($A241,városok!$A$2:$C$346,3,0)-VLOOKUP(AL$1,városok!$A$2:$C$346,3,0))^2)/1000,0)</f>
        <v>120</v>
      </c>
      <c r="AM241">
        <f ca="1">ROUND(SQRT((VLOOKUP($A241,városok!$A$2:$C$346,2,0)-VLOOKUP(AM$1,városok!$A$2:$C$346,2,0))^2+(VLOOKUP($A241,városok!$A$2:$C$346,3,0)-VLOOKUP(AM$1,városok!$A$2:$C$346,3,0))^2)/1000,0)</f>
        <v>88</v>
      </c>
      <c r="AN241">
        <f ca="1">ROUND(SQRT((VLOOKUP($A241,városok!$A$2:$C$346,2,0)-VLOOKUP(AN$1,városok!$A$2:$C$346,2,0))^2+(VLOOKUP($A241,városok!$A$2:$C$346,3,0)-VLOOKUP(AN$1,városok!$A$2:$C$346,3,0))^2)/1000,0)</f>
        <v>55</v>
      </c>
      <c r="AO241">
        <f ca="1">ROUND(SQRT((VLOOKUP($A241,városok!$A$2:$C$346,2,0)-VLOOKUP(AO$1,városok!$A$2:$C$346,2,0))^2+(VLOOKUP($A241,városok!$A$2:$C$346,3,0)-VLOOKUP(AO$1,városok!$A$2:$C$346,3,0))^2)/1000,0)</f>
        <v>82</v>
      </c>
      <c r="AP241">
        <f ca="1">ROUND(SQRT((VLOOKUP($A241,városok!$A$2:$C$346,2,0)-VLOOKUP(AP$1,városok!$A$2:$C$346,2,0))^2+(VLOOKUP($A241,városok!$A$2:$C$346,3,0)-VLOOKUP(AP$1,városok!$A$2:$C$346,3,0))^2)/1000,0)</f>
        <v>63</v>
      </c>
      <c r="AQ241">
        <f ca="1">ROUND(SQRT((VLOOKUP($A241,városok!$A$2:$C$346,2,0)-VLOOKUP(AQ$1,városok!$A$2:$C$346,2,0))^2+(VLOOKUP($A241,városok!$A$2:$C$346,3,0)-VLOOKUP(AQ$1,városok!$A$2:$C$346,3,0))^2)/1000,0)</f>
        <v>54</v>
      </c>
      <c r="AR241">
        <f ca="1">ROUND(SQRT((VLOOKUP($A241,városok!$A$2:$C$346,2,0)-VLOOKUP(AR$1,városok!$A$2:$C$346,2,0))^2+(VLOOKUP($A241,városok!$A$2:$C$346,3,0)-VLOOKUP(AR$1,városok!$A$2:$C$346,3,0))^2)/1000,0)</f>
        <v>81</v>
      </c>
      <c r="AS241">
        <f ca="1">ROUND(SQRT((VLOOKUP($A241,városok!$A$2:$C$346,2,0)-VLOOKUP(AS$1,városok!$A$2:$C$346,2,0))^2+(VLOOKUP($A241,városok!$A$2:$C$346,3,0)-VLOOKUP(AS$1,városok!$A$2:$C$346,3,0))^2)/1000,0)</f>
        <v>104</v>
      </c>
      <c r="AT241">
        <f ca="1">ROUND(SQRT((VLOOKUP($A241,városok!$A$2:$C$346,2,0)-VLOOKUP(AT$1,városok!$A$2:$C$346,2,0))^2+(VLOOKUP($A241,városok!$A$2:$C$346,3,0)-VLOOKUP(AT$1,városok!$A$2:$C$346,3,0))^2)/1000,0)</f>
        <v>22</v>
      </c>
      <c r="AU241">
        <f ca="1">ROUND(SQRT((VLOOKUP($A241,városok!$A$2:$C$346,2,0)-VLOOKUP(AU$1,városok!$A$2:$C$346,2,0))^2+(VLOOKUP($A241,városok!$A$2:$C$346,3,0)-VLOOKUP(AU$1,városok!$A$2:$C$346,3,0))^2)/1000,0)</f>
        <v>15</v>
      </c>
      <c r="AV241">
        <f ca="1">ROUND(SQRT((VLOOKUP($A241,városok!$A$2:$C$346,2,0)-VLOOKUP(AV$1,városok!$A$2:$C$346,2,0))^2+(VLOOKUP($A241,városok!$A$2:$C$346,3,0)-VLOOKUP(AV$1,városok!$A$2:$C$346,3,0))^2)/1000,0)</f>
        <v>10</v>
      </c>
      <c r="AW241">
        <f ca="1">ROUND(SQRT((VLOOKUP($A241,városok!$A$2:$C$346,2,0)-VLOOKUP(AW$1,városok!$A$2:$C$346,2,0))^2+(VLOOKUP($A241,városok!$A$2:$C$346,3,0)-VLOOKUP(AW$1,városok!$A$2:$C$346,3,0))^2)/1000,0)</f>
        <v>12</v>
      </c>
      <c r="AX241">
        <f ca="1">ROUND(SQRT((VLOOKUP($A241,városok!$A$2:$C$346,2,0)-VLOOKUP(AX$1,városok!$A$2:$C$346,2,0))^2+(VLOOKUP($A241,városok!$A$2:$C$346,3,0)-VLOOKUP(AX$1,városok!$A$2:$C$346,3,0))^2)/1000,0)</f>
        <v>66</v>
      </c>
      <c r="AY241">
        <f ca="1">ROUND(SQRT((VLOOKUP($A241,városok!$A$2:$C$346,2,0)-VLOOKUP(AY$1,városok!$A$2:$C$346,2,0))^2+(VLOOKUP($A241,városok!$A$2:$C$346,3,0)-VLOOKUP(AY$1,városok!$A$2:$C$346,3,0))^2)/1000,0)</f>
        <v>38</v>
      </c>
      <c r="AZ241">
        <f ca="1">ROUND(SQRT((VLOOKUP($A241,városok!$A$2:$C$346,2,0)-VLOOKUP(AZ$1,városok!$A$2:$C$346,2,0))^2+(VLOOKUP($A241,városok!$A$2:$C$346,3,0)-VLOOKUP(AZ$1,városok!$A$2:$C$346,3,0))^2)/1000,0)</f>
        <v>50</v>
      </c>
      <c r="BA241">
        <f ca="1">ROUND(SQRT((VLOOKUP($A241,városok!$A$2:$C$346,2,0)-VLOOKUP(BA$1,városok!$A$2:$C$346,2,0))^2+(VLOOKUP($A241,városok!$A$2:$C$346,3,0)-VLOOKUP(BA$1,városok!$A$2:$C$346,3,0))^2)/1000,0)</f>
        <v>119</v>
      </c>
      <c r="BB241">
        <f ca="1">ROUND(SQRT((VLOOKUP($A241,városok!$A$2:$C$346,2,0)-VLOOKUP(BB$1,városok!$A$2:$C$346,2,0))^2+(VLOOKUP($A241,városok!$A$2:$C$346,3,0)-VLOOKUP(BB$1,városok!$A$2:$C$346,3,0))^2)/1000,0)</f>
        <v>122</v>
      </c>
      <c r="BC241">
        <f ca="1">ROUND(SQRT((VLOOKUP($A241,városok!$A$2:$C$346,2,0)-VLOOKUP(BC$1,városok!$A$2:$C$346,2,0))^2+(VLOOKUP($A241,városok!$A$2:$C$346,3,0)-VLOOKUP(BC$1,városok!$A$2:$C$346,3,0))^2)/1000,0)</f>
        <v>145</v>
      </c>
      <c r="BD241">
        <f ca="1">ROUND(SQRT((VLOOKUP($A241,városok!$A$2:$C$346,2,0)-VLOOKUP(BD$1,városok!$A$2:$C$346,2,0))^2+(VLOOKUP($A241,városok!$A$2:$C$346,3,0)-VLOOKUP(BD$1,városok!$A$2:$C$346,3,0))^2)/1000,0)</f>
        <v>88</v>
      </c>
      <c r="BE241">
        <f ca="1">ROUND(SQRT((VLOOKUP($A241,városok!$A$2:$C$346,2,0)-VLOOKUP(BE$1,városok!$A$2:$C$346,2,0))^2+(VLOOKUP($A241,városok!$A$2:$C$346,3,0)-VLOOKUP(BE$1,városok!$A$2:$C$346,3,0))^2)/1000,0)</f>
        <v>278</v>
      </c>
      <c r="BF241">
        <f ca="1">ROUND(SQRT((VLOOKUP($A241,városok!$A$2:$C$346,2,0)-VLOOKUP(BF$1,városok!$A$2:$C$346,2,0))^2+(VLOOKUP($A241,városok!$A$2:$C$346,3,0)-VLOOKUP(BF$1,városok!$A$2:$C$346,3,0))^2)/1000,0)</f>
        <v>248</v>
      </c>
      <c r="BG241">
        <f ca="1">ROUND(SQRT((VLOOKUP($A241,városok!$A$2:$C$346,2,0)-VLOOKUP(BG$1,városok!$A$2:$C$346,2,0))^2+(VLOOKUP($A241,városok!$A$2:$C$346,3,0)-VLOOKUP(BG$1,városok!$A$2:$C$346,3,0))^2)/1000,0)</f>
        <v>202</v>
      </c>
      <c r="BH241">
        <f ca="1">ROUND(SQRT((VLOOKUP($A241,városok!$A$2:$C$346,2,0)-VLOOKUP(BH$1,városok!$A$2:$C$346,2,0))^2+(VLOOKUP($A241,városok!$A$2:$C$346,3,0)-VLOOKUP(BH$1,városok!$A$2:$C$346,3,0))^2)/1000,0)</f>
        <v>202</v>
      </c>
      <c r="BI241">
        <f ca="1">ROUND(SQRT((VLOOKUP($A241,városok!$A$2:$C$346,2,0)-VLOOKUP(BI$1,városok!$A$2:$C$346,2,0))^2+(VLOOKUP($A241,városok!$A$2:$C$346,3,0)-VLOOKUP(BI$1,városok!$A$2:$C$346,3,0))^2)/1000,0)</f>
        <v>109</v>
      </c>
      <c r="BJ241">
        <f ca="1">ROUND(SQRT((VLOOKUP($A241,városok!$A$2:$C$346,2,0)-VLOOKUP(BJ$1,városok!$A$2:$C$346,2,0))^2+(VLOOKUP($A241,városok!$A$2:$C$346,3,0)-VLOOKUP(BJ$1,városok!$A$2:$C$346,3,0))^2)/1000,0)</f>
        <v>125</v>
      </c>
      <c r="BK241">
        <f ca="1">ROUND(SQRT((VLOOKUP($A241,városok!$A$2:$C$346,2,0)-VLOOKUP(BK$1,városok!$A$2:$C$346,2,0))^2+(VLOOKUP($A241,városok!$A$2:$C$346,3,0)-VLOOKUP(BK$1,városok!$A$2:$C$346,3,0))^2)/1000,0)</f>
        <v>113</v>
      </c>
      <c r="BL241">
        <f ca="1">ROUND(SQRT((VLOOKUP($A241,városok!$A$2:$C$346,2,0)-VLOOKUP(BL$1,városok!$A$2:$C$346,2,0))^2+(VLOOKUP($A241,városok!$A$2:$C$346,3,0)-VLOOKUP(BL$1,városok!$A$2:$C$346,3,0))^2)/1000,0)</f>
        <v>188</v>
      </c>
      <c r="BM241">
        <f ca="1">ROUND(SQRT((VLOOKUP($A241,városok!$A$2:$C$346,2,0)-VLOOKUP(BM$1,városok!$A$2:$C$346,2,0))^2+(VLOOKUP($A241,városok!$A$2:$C$346,3,0)-VLOOKUP(BM$1,városok!$A$2:$C$346,3,0))^2)/1000,0)</f>
        <v>160</v>
      </c>
      <c r="BN241">
        <f ca="1">ROUND(SQRT((VLOOKUP($A241,városok!$A$2:$C$346,2,0)-VLOOKUP(BN$1,városok!$A$2:$C$346,2,0))^2+(VLOOKUP($A241,városok!$A$2:$C$346,3,0)-VLOOKUP(BN$1,városok!$A$2:$C$346,3,0))^2)/1000,0)</f>
        <v>183</v>
      </c>
      <c r="BO241">
        <f ca="1">ROUND(SQRT((VLOOKUP($A241,városok!$A$2:$C$346,2,0)-VLOOKUP(BO$1,városok!$A$2:$C$346,2,0))^2+(VLOOKUP($A241,városok!$A$2:$C$346,3,0)-VLOOKUP(BO$1,városok!$A$2:$C$346,3,0))^2)/1000,0)</f>
        <v>85</v>
      </c>
      <c r="BP241">
        <f ca="1">ROUND(SQRT((VLOOKUP($A241,városok!$A$2:$C$346,2,0)-VLOOKUP(BP$1,városok!$A$2:$C$346,2,0))^2+(VLOOKUP($A241,városok!$A$2:$C$346,3,0)-VLOOKUP(BP$1,városok!$A$2:$C$346,3,0))^2)/1000,0)</f>
        <v>78</v>
      </c>
      <c r="BQ241">
        <f ca="1">ROUND(SQRT((VLOOKUP($A241,városok!$A$2:$C$346,2,0)-VLOOKUP(BQ$1,városok!$A$2:$C$346,2,0))^2+(VLOOKUP($A241,városok!$A$2:$C$346,3,0)-VLOOKUP(BQ$1,városok!$A$2:$C$346,3,0))^2)/1000,0)</f>
        <v>90</v>
      </c>
      <c r="BR241">
        <f ca="1">ROUND(SQRT((VLOOKUP($A241,városok!$A$2:$C$346,2,0)-VLOOKUP(BR$1,városok!$A$2:$C$346,2,0))^2+(VLOOKUP($A241,városok!$A$2:$C$346,3,0)-VLOOKUP(BR$1,városok!$A$2:$C$346,3,0))^2)/1000,0)</f>
        <v>150</v>
      </c>
      <c r="BS241">
        <f ca="1">ROUND(SQRT((VLOOKUP($A241,városok!$A$2:$C$346,2,0)-VLOOKUP(BS$1,városok!$A$2:$C$346,2,0))^2+(VLOOKUP($A241,városok!$A$2:$C$346,3,0)-VLOOKUP(BS$1,városok!$A$2:$C$346,3,0))^2)/1000,0)</f>
        <v>185</v>
      </c>
      <c r="BT241">
        <f ca="1">ROUND(SQRT((VLOOKUP($A241,városok!$A$2:$C$346,2,0)-VLOOKUP(BT$1,városok!$A$2:$C$346,2,0))^2+(VLOOKUP($A241,városok!$A$2:$C$346,3,0)-VLOOKUP(BT$1,városok!$A$2:$C$346,3,0))^2)/1000,0)</f>
        <v>176</v>
      </c>
    </row>
    <row r="242" spans="1:72" x14ac:dyDescent="0.2">
      <c r="A242" t="str">
        <f>városok!A242</f>
        <v>Szob</v>
      </c>
      <c r="B242">
        <f ca="1">ROUND(SQRT((VLOOKUP($A242,városok!$A$2:$C$346,2,0)-VLOOKUP(B$1,városok!$A$2:$C$346,2,0))^2+(VLOOKUP($A242,városok!$A$2:$C$346,3,0)-VLOOKUP(B$1,városok!$A$2:$C$346,3,0))^2)/1000,0)</f>
        <v>182</v>
      </c>
      <c r="C242">
        <f ca="1">ROUND(SQRT((VLOOKUP($A242,városok!$A$2:$C$346,2,0)-VLOOKUP(C$1,városok!$A$2:$C$346,2,0))^2+(VLOOKUP($A242,városok!$A$2:$C$346,3,0)-VLOOKUP(C$1,városok!$A$2:$C$346,3,0))^2)/1000,0)</f>
        <v>144</v>
      </c>
      <c r="D242">
        <f ca="1">ROUND(SQRT((VLOOKUP($A242,városok!$A$2:$C$346,2,0)-VLOOKUP(D$1,városok!$A$2:$C$346,2,0))^2+(VLOOKUP($A242,városok!$A$2:$C$346,3,0)-VLOOKUP(D$1,városok!$A$2:$C$346,3,0))^2)/1000,0)</f>
        <v>119</v>
      </c>
      <c r="E242">
        <f ca="1">ROUND(SQRT((VLOOKUP($A242,városok!$A$2:$C$346,2,0)-VLOOKUP(E$1,városok!$A$2:$C$346,2,0))^2+(VLOOKUP($A242,városok!$A$2:$C$346,3,0)-VLOOKUP(E$1,városok!$A$2:$C$346,3,0))^2)/1000,0)</f>
        <v>187</v>
      </c>
      <c r="F242">
        <f ca="1">ROUND(SQRT((VLOOKUP($A242,városok!$A$2:$C$346,2,0)-VLOOKUP(F$1,városok!$A$2:$C$346,2,0))^2+(VLOOKUP($A242,városok!$A$2:$C$346,3,0)-VLOOKUP(F$1,városok!$A$2:$C$346,3,0))^2)/1000,0)</f>
        <v>204</v>
      </c>
      <c r="G242">
        <f ca="1">ROUND(SQRT((VLOOKUP($A242,városok!$A$2:$C$346,2,0)-VLOOKUP(G$1,városok!$A$2:$C$346,2,0))^2+(VLOOKUP($A242,városok!$A$2:$C$346,3,0)-VLOOKUP(G$1,városok!$A$2:$C$346,3,0))^2)/1000,0)</f>
        <v>199</v>
      </c>
      <c r="H242">
        <f ca="1">ROUND(SQRT((VLOOKUP($A242,városok!$A$2:$C$346,2,0)-VLOOKUP(H$1,városok!$A$2:$C$346,2,0))^2+(VLOOKUP($A242,városok!$A$2:$C$346,3,0)-VLOOKUP(H$1,városok!$A$2:$C$346,3,0))^2)/1000,0)</f>
        <v>213</v>
      </c>
      <c r="I242">
        <f ca="1">ROUND(SQRT((VLOOKUP($A242,városok!$A$2:$C$346,2,0)-VLOOKUP(I$1,városok!$A$2:$C$346,2,0))^2+(VLOOKUP($A242,városok!$A$2:$C$346,3,0)-VLOOKUP(I$1,városok!$A$2:$C$346,3,0))^2)/1000,0)</f>
        <v>210</v>
      </c>
      <c r="J242">
        <f ca="1">ROUND(SQRT((VLOOKUP($A242,városok!$A$2:$C$346,2,0)-VLOOKUP(J$1,városok!$A$2:$C$346,2,0))^2+(VLOOKUP($A242,városok!$A$2:$C$346,3,0)-VLOOKUP(J$1,városok!$A$2:$C$346,3,0))^2)/1000,0)</f>
        <v>224</v>
      </c>
      <c r="K242">
        <f ca="1">ROUND(SQRT((VLOOKUP($A242,városok!$A$2:$C$346,2,0)-VLOOKUP(K$1,városok!$A$2:$C$346,2,0))^2+(VLOOKUP($A242,városok!$A$2:$C$346,3,0)-VLOOKUP(K$1,városok!$A$2:$C$346,3,0))^2)/1000,0)</f>
        <v>195</v>
      </c>
      <c r="L242">
        <f ca="1">ROUND(SQRT((VLOOKUP($A242,városok!$A$2:$C$346,2,0)-VLOOKUP(L$1,városok!$A$2:$C$346,2,0))^2+(VLOOKUP($A242,városok!$A$2:$C$346,3,0)-VLOOKUP(L$1,városok!$A$2:$C$346,3,0))^2)/1000,0)</f>
        <v>140</v>
      </c>
      <c r="M242">
        <f ca="1">ROUND(SQRT((VLOOKUP($A242,városok!$A$2:$C$346,2,0)-VLOOKUP(M$1,városok!$A$2:$C$346,2,0))^2+(VLOOKUP($A242,városok!$A$2:$C$346,3,0)-VLOOKUP(M$1,városok!$A$2:$C$346,3,0))^2)/1000,0)</f>
        <v>147</v>
      </c>
      <c r="N242">
        <f ca="1">ROUND(SQRT((VLOOKUP($A242,városok!$A$2:$C$346,2,0)-VLOOKUP(N$1,városok!$A$2:$C$346,2,0))^2+(VLOOKUP($A242,városok!$A$2:$C$346,3,0)-VLOOKUP(N$1,városok!$A$2:$C$346,3,0))^2)/1000,0)</f>
        <v>115</v>
      </c>
      <c r="O242">
        <f ca="1">ROUND(SQRT((VLOOKUP($A242,városok!$A$2:$C$346,2,0)-VLOOKUP(O$1,városok!$A$2:$C$346,2,0))^2+(VLOOKUP($A242,városok!$A$2:$C$346,3,0)-VLOOKUP(O$1,városok!$A$2:$C$346,3,0))^2)/1000,0)</f>
        <v>217</v>
      </c>
      <c r="P242">
        <f ca="1">ROUND(SQRT((VLOOKUP($A242,városok!$A$2:$C$346,2,0)-VLOOKUP(P$1,városok!$A$2:$C$346,2,0))^2+(VLOOKUP($A242,városok!$A$2:$C$346,3,0)-VLOOKUP(P$1,városok!$A$2:$C$346,3,0))^2)/1000,0)</f>
        <v>217</v>
      </c>
      <c r="Q242">
        <f ca="1">ROUND(SQRT((VLOOKUP($A242,városok!$A$2:$C$346,2,0)-VLOOKUP(Q$1,városok!$A$2:$C$346,2,0))^2+(VLOOKUP($A242,városok!$A$2:$C$346,3,0)-VLOOKUP(Q$1,városok!$A$2:$C$346,3,0))^2)/1000,0)</f>
        <v>191</v>
      </c>
      <c r="R242">
        <f ca="1">ROUND(SQRT((VLOOKUP($A242,városok!$A$2:$C$346,2,0)-VLOOKUP(R$1,városok!$A$2:$C$346,2,0))^2+(VLOOKUP($A242,városok!$A$2:$C$346,3,0)-VLOOKUP(R$1,városok!$A$2:$C$346,3,0))^2)/1000,0)</f>
        <v>216</v>
      </c>
      <c r="S242">
        <f ca="1">ROUND(SQRT((VLOOKUP($A242,városok!$A$2:$C$346,2,0)-VLOOKUP(S$1,városok!$A$2:$C$346,2,0))^2+(VLOOKUP($A242,városok!$A$2:$C$346,3,0)-VLOOKUP(S$1,városok!$A$2:$C$346,3,0))^2)/1000,0)</f>
        <v>200</v>
      </c>
      <c r="T242">
        <f ca="1">ROUND(SQRT((VLOOKUP($A242,városok!$A$2:$C$346,2,0)-VLOOKUP(T$1,városok!$A$2:$C$346,2,0))^2+(VLOOKUP($A242,városok!$A$2:$C$346,3,0)-VLOOKUP(T$1,városok!$A$2:$C$346,3,0))^2)/1000,0)</f>
        <v>41</v>
      </c>
      <c r="U242">
        <f ca="1">ROUND(SQRT((VLOOKUP($A242,városok!$A$2:$C$346,2,0)-VLOOKUP(U$1,városok!$A$2:$C$346,2,0))^2+(VLOOKUP($A242,városok!$A$2:$C$346,3,0)-VLOOKUP(U$1,városok!$A$2:$C$346,3,0))^2)/1000,0)</f>
        <v>95</v>
      </c>
      <c r="V242">
        <f ca="1">ROUND(SQRT((VLOOKUP($A242,városok!$A$2:$C$346,2,0)-VLOOKUP(V$1,városok!$A$2:$C$346,2,0))^2+(VLOOKUP($A242,városok!$A$2:$C$346,3,0)-VLOOKUP(V$1,városok!$A$2:$C$346,3,0))^2)/1000,0)</f>
        <v>94</v>
      </c>
      <c r="W242">
        <f ca="1">ROUND(SQRT((VLOOKUP($A242,városok!$A$2:$C$346,2,0)-VLOOKUP(W$1,városok!$A$2:$C$346,2,0))^2+(VLOOKUP($A242,városok!$A$2:$C$346,3,0)-VLOOKUP(W$1,városok!$A$2:$C$346,3,0))^2)/1000,0)</f>
        <v>105</v>
      </c>
      <c r="X242">
        <f ca="1">ROUND(SQRT((VLOOKUP($A242,városok!$A$2:$C$346,2,0)-VLOOKUP(X$1,városok!$A$2:$C$346,2,0))^2+(VLOOKUP($A242,városok!$A$2:$C$346,3,0)-VLOOKUP(X$1,városok!$A$2:$C$346,3,0))^2)/1000,0)</f>
        <v>71</v>
      </c>
      <c r="Y242">
        <f ca="1">ROUND(SQRT((VLOOKUP($A242,városok!$A$2:$C$346,2,0)-VLOOKUP(Y$1,városok!$A$2:$C$346,2,0))^2+(VLOOKUP($A242,városok!$A$2:$C$346,3,0)-VLOOKUP(Y$1,városok!$A$2:$C$346,3,0))^2)/1000,0)</f>
        <v>94</v>
      </c>
      <c r="Z242">
        <f ca="1">ROUND(SQRT((VLOOKUP($A242,városok!$A$2:$C$346,2,0)-VLOOKUP(Z$1,városok!$A$2:$C$346,2,0))^2+(VLOOKUP($A242,városok!$A$2:$C$346,3,0)-VLOOKUP(Z$1,városok!$A$2:$C$346,3,0))^2)/1000,0)</f>
        <v>111</v>
      </c>
      <c r="AA242">
        <f ca="1">ROUND(SQRT((VLOOKUP($A242,városok!$A$2:$C$346,2,0)-VLOOKUP(AA$1,városok!$A$2:$C$346,2,0))^2+(VLOOKUP($A242,városok!$A$2:$C$346,3,0)-VLOOKUP(AA$1,városok!$A$2:$C$346,3,0))^2)/1000,0)</f>
        <v>172</v>
      </c>
      <c r="AB242">
        <f ca="1">ROUND(SQRT((VLOOKUP($A242,városok!$A$2:$C$346,2,0)-VLOOKUP(AB$1,városok!$A$2:$C$346,2,0))^2+(VLOOKUP($A242,városok!$A$2:$C$346,3,0)-VLOOKUP(AB$1,városok!$A$2:$C$346,3,0))^2)/1000,0)</f>
        <v>210</v>
      </c>
      <c r="AC242">
        <f ca="1">ROUND(SQRT((VLOOKUP($A242,városok!$A$2:$C$346,2,0)-VLOOKUP(AC$1,városok!$A$2:$C$346,2,0))^2+(VLOOKUP($A242,városok!$A$2:$C$346,3,0)-VLOOKUP(AC$1,városok!$A$2:$C$346,3,0))^2)/1000,0)</f>
        <v>195</v>
      </c>
      <c r="AD242">
        <f ca="1">ROUND(SQRT((VLOOKUP($A242,városok!$A$2:$C$346,2,0)-VLOOKUP(AD$1,városok!$A$2:$C$346,2,0))^2+(VLOOKUP($A242,városok!$A$2:$C$346,3,0)-VLOOKUP(AD$1,városok!$A$2:$C$346,3,0))^2)/1000,0)</f>
        <v>178</v>
      </c>
      <c r="AE242">
        <f ca="1">ROUND(SQRT((VLOOKUP($A242,városok!$A$2:$C$346,2,0)-VLOOKUP(AE$1,városok!$A$2:$C$346,2,0))^2+(VLOOKUP($A242,városok!$A$2:$C$346,3,0)-VLOOKUP(AE$1,városok!$A$2:$C$346,3,0))^2)/1000,0)</f>
        <v>183</v>
      </c>
      <c r="AF242">
        <f ca="1">ROUND(SQRT((VLOOKUP($A242,városok!$A$2:$C$346,2,0)-VLOOKUP(AF$1,városok!$A$2:$C$346,2,0))^2+(VLOOKUP($A242,városok!$A$2:$C$346,3,0)-VLOOKUP(AF$1,városok!$A$2:$C$346,3,0))^2)/1000,0)</f>
        <v>113</v>
      </c>
      <c r="AG242">
        <f ca="1">ROUND(SQRT((VLOOKUP($A242,városok!$A$2:$C$346,2,0)-VLOOKUP(AG$1,városok!$A$2:$C$346,2,0))^2+(VLOOKUP($A242,városok!$A$2:$C$346,3,0)-VLOOKUP(AG$1,városok!$A$2:$C$346,3,0))^2)/1000,0)</f>
        <v>79</v>
      </c>
      <c r="AH242">
        <f ca="1">ROUND(SQRT((VLOOKUP($A242,városok!$A$2:$C$346,2,0)-VLOOKUP(AH$1,városok!$A$2:$C$346,2,0))^2+(VLOOKUP($A242,városok!$A$2:$C$346,3,0)-VLOOKUP(AH$1,városok!$A$2:$C$346,3,0))^2)/1000,0)</f>
        <v>63</v>
      </c>
      <c r="AI242">
        <f ca="1">ROUND(SQRT((VLOOKUP($A242,városok!$A$2:$C$346,2,0)-VLOOKUP(AI$1,városok!$A$2:$C$346,2,0))^2+(VLOOKUP($A242,városok!$A$2:$C$346,3,0)-VLOOKUP(AI$1,városok!$A$2:$C$346,3,0))^2)/1000,0)</f>
        <v>95</v>
      </c>
      <c r="AJ242">
        <f ca="1">ROUND(SQRT((VLOOKUP($A242,városok!$A$2:$C$346,2,0)-VLOOKUP(AJ$1,városok!$A$2:$C$346,2,0))^2+(VLOOKUP($A242,városok!$A$2:$C$346,3,0)-VLOOKUP(AJ$1,városok!$A$2:$C$346,3,0))^2)/1000,0)</f>
        <v>85</v>
      </c>
      <c r="AK242">
        <f ca="1">ROUND(SQRT((VLOOKUP($A242,városok!$A$2:$C$346,2,0)-VLOOKUP(AK$1,városok!$A$2:$C$346,2,0))^2+(VLOOKUP($A242,városok!$A$2:$C$346,3,0)-VLOOKUP(AK$1,városok!$A$2:$C$346,3,0))^2)/1000,0)</f>
        <v>169</v>
      </c>
      <c r="AL242">
        <f ca="1">ROUND(SQRT((VLOOKUP($A242,városok!$A$2:$C$346,2,0)-VLOOKUP(AL$1,városok!$A$2:$C$346,2,0))^2+(VLOOKUP($A242,városok!$A$2:$C$346,3,0)-VLOOKUP(AL$1,városok!$A$2:$C$346,3,0))^2)/1000,0)</f>
        <v>142</v>
      </c>
      <c r="AM242">
        <f ca="1">ROUND(SQRT((VLOOKUP($A242,városok!$A$2:$C$346,2,0)-VLOOKUP(AM$1,városok!$A$2:$C$346,2,0))^2+(VLOOKUP($A242,városok!$A$2:$C$346,3,0)-VLOOKUP(AM$1,városok!$A$2:$C$346,3,0))^2)/1000,0)</f>
        <v>122</v>
      </c>
      <c r="AN242">
        <f ca="1">ROUND(SQRT((VLOOKUP($A242,városok!$A$2:$C$346,2,0)-VLOOKUP(AN$1,városok!$A$2:$C$346,2,0))^2+(VLOOKUP($A242,városok!$A$2:$C$346,3,0)-VLOOKUP(AN$1,városok!$A$2:$C$346,3,0))^2)/1000,0)</f>
        <v>10</v>
      </c>
      <c r="AO242">
        <f ca="1">ROUND(SQRT((VLOOKUP($A242,városok!$A$2:$C$346,2,0)-VLOOKUP(AO$1,városok!$A$2:$C$346,2,0))^2+(VLOOKUP($A242,városok!$A$2:$C$346,3,0)-VLOOKUP(AO$1,városok!$A$2:$C$346,3,0))^2)/1000,0)</f>
        <v>56</v>
      </c>
      <c r="AP242">
        <f ca="1">ROUND(SQRT((VLOOKUP($A242,városok!$A$2:$C$346,2,0)-VLOOKUP(AP$1,városok!$A$2:$C$346,2,0))^2+(VLOOKUP($A242,városok!$A$2:$C$346,3,0)-VLOOKUP(AP$1,városok!$A$2:$C$346,3,0))^2)/1000,0)</f>
        <v>45</v>
      </c>
      <c r="AQ242">
        <f ca="1">ROUND(SQRT((VLOOKUP($A242,városok!$A$2:$C$346,2,0)-VLOOKUP(AQ$1,városok!$A$2:$C$346,2,0))^2+(VLOOKUP($A242,városok!$A$2:$C$346,3,0)-VLOOKUP(AQ$1,városok!$A$2:$C$346,3,0))^2)/1000,0)</f>
        <v>44</v>
      </c>
      <c r="AR242">
        <f ca="1">ROUND(SQRT((VLOOKUP($A242,városok!$A$2:$C$346,2,0)-VLOOKUP(AR$1,városok!$A$2:$C$346,2,0))^2+(VLOOKUP($A242,városok!$A$2:$C$346,3,0)-VLOOKUP(AR$1,városok!$A$2:$C$346,3,0))^2)/1000,0)</f>
        <v>63</v>
      </c>
      <c r="AS242">
        <f ca="1">ROUND(SQRT((VLOOKUP($A242,városok!$A$2:$C$346,2,0)-VLOOKUP(AS$1,városok!$A$2:$C$346,2,0))^2+(VLOOKUP($A242,városok!$A$2:$C$346,3,0)-VLOOKUP(AS$1,városok!$A$2:$C$346,3,0))^2)/1000,0)</f>
        <v>78</v>
      </c>
      <c r="AT242">
        <f ca="1">ROUND(SQRT((VLOOKUP($A242,városok!$A$2:$C$346,2,0)-VLOOKUP(AT$1,városok!$A$2:$C$346,2,0))^2+(VLOOKUP($A242,városok!$A$2:$C$346,3,0)-VLOOKUP(AT$1,városok!$A$2:$C$346,3,0))^2)/1000,0)</f>
        <v>39</v>
      </c>
      <c r="AU242">
        <f ca="1">ROUND(SQRT((VLOOKUP($A242,városok!$A$2:$C$346,2,0)-VLOOKUP(AU$1,városok!$A$2:$C$346,2,0))^2+(VLOOKUP($A242,városok!$A$2:$C$346,3,0)-VLOOKUP(AU$1,városok!$A$2:$C$346,3,0))^2)/1000,0)</f>
        <v>41</v>
      </c>
      <c r="AV242">
        <f ca="1">ROUND(SQRT((VLOOKUP($A242,városok!$A$2:$C$346,2,0)-VLOOKUP(AV$1,városok!$A$2:$C$346,2,0))^2+(VLOOKUP($A242,városok!$A$2:$C$346,3,0)-VLOOKUP(AV$1,városok!$A$2:$C$346,3,0))^2)/1000,0)</f>
        <v>46</v>
      </c>
      <c r="AW242">
        <f ca="1">ROUND(SQRT((VLOOKUP($A242,városok!$A$2:$C$346,2,0)-VLOOKUP(AW$1,városok!$A$2:$C$346,2,0))^2+(VLOOKUP($A242,városok!$A$2:$C$346,3,0)-VLOOKUP(AW$1,városok!$A$2:$C$346,3,0))^2)/1000,0)</f>
        <v>47</v>
      </c>
      <c r="AX242">
        <f ca="1">ROUND(SQRT((VLOOKUP($A242,városok!$A$2:$C$346,2,0)-VLOOKUP(AX$1,városok!$A$2:$C$346,2,0))^2+(VLOOKUP($A242,városok!$A$2:$C$346,3,0)-VLOOKUP(AX$1,városok!$A$2:$C$346,3,0))^2)/1000,0)</f>
        <v>111</v>
      </c>
      <c r="AY242">
        <f ca="1">ROUND(SQRT((VLOOKUP($A242,városok!$A$2:$C$346,2,0)-VLOOKUP(AY$1,városok!$A$2:$C$346,2,0))^2+(VLOOKUP($A242,városok!$A$2:$C$346,3,0)-VLOOKUP(AY$1,városok!$A$2:$C$346,3,0))^2)/1000,0)</f>
        <v>21</v>
      </c>
      <c r="AZ242">
        <f ca="1">ROUND(SQRT((VLOOKUP($A242,városok!$A$2:$C$346,2,0)-VLOOKUP(AZ$1,városok!$A$2:$C$346,2,0))^2+(VLOOKUP($A242,városok!$A$2:$C$346,3,0)-VLOOKUP(AZ$1,városok!$A$2:$C$346,3,0))^2)/1000,0)</f>
        <v>9</v>
      </c>
      <c r="BA242">
        <f ca="1">ROUND(SQRT((VLOOKUP($A242,városok!$A$2:$C$346,2,0)-VLOOKUP(BA$1,városok!$A$2:$C$346,2,0))^2+(VLOOKUP($A242,városok!$A$2:$C$346,3,0)-VLOOKUP(BA$1,városok!$A$2:$C$346,3,0))^2)/1000,0)</f>
        <v>145</v>
      </c>
      <c r="BB242">
        <f ca="1">ROUND(SQRT((VLOOKUP($A242,városok!$A$2:$C$346,2,0)-VLOOKUP(BB$1,városok!$A$2:$C$346,2,0))^2+(VLOOKUP($A242,városok!$A$2:$C$346,3,0)-VLOOKUP(BB$1,városok!$A$2:$C$346,3,0))^2)/1000,0)</f>
        <v>159</v>
      </c>
      <c r="BC242">
        <f ca="1">ROUND(SQRT((VLOOKUP($A242,városok!$A$2:$C$346,2,0)-VLOOKUP(BC$1,városok!$A$2:$C$346,2,0))^2+(VLOOKUP($A242,városok!$A$2:$C$346,3,0)-VLOOKUP(BC$1,városok!$A$2:$C$346,3,0))^2)/1000,0)</f>
        <v>182</v>
      </c>
      <c r="BD242">
        <f ca="1">ROUND(SQRT((VLOOKUP($A242,városok!$A$2:$C$346,2,0)-VLOOKUP(BD$1,városok!$A$2:$C$346,2,0))^2+(VLOOKUP($A242,városok!$A$2:$C$346,3,0)-VLOOKUP(BD$1,városok!$A$2:$C$346,3,0))^2)/1000,0)</f>
        <v>118</v>
      </c>
      <c r="BE242">
        <f ca="1">ROUND(SQRT((VLOOKUP($A242,városok!$A$2:$C$346,2,0)-VLOOKUP(BE$1,városok!$A$2:$C$346,2,0))^2+(VLOOKUP($A242,városok!$A$2:$C$346,3,0)-VLOOKUP(BE$1,városok!$A$2:$C$346,3,0))^2)/1000,0)</f>
        <v>285</v>
      </c>
      <c r="BF242">
        <f ca="1">ROUND(SQRT((VLOOKUP($A242,városok!$A$2:$C$346,2,0)-VLOOKUP(BF$1,városok!$A$2:$C$346,2,0))^2+(VLOOKUP($A242,városok!$A$2:$C$346,3,0)-VLOOKUP(BF$1,városok!$A$2:$C$346,3,0))^2)/1000,0)</f>
        <v>243</v>
      </c>
      <c r="BG242">
        <f ca="1">ROUND(SQRT((VLOOKUP($A242,városok!$A$2:$C$346,2,0)-VLOOKUP(BG$1,városok!$A$2:$C$346,2,0))^2+(VLOOKUP($A242,városok!$A$2:$C$346,3,0)-VLOOKUP(BG$1,városok!$A$2:$C$346,3,0))^2)/1000,0)</f>
        <v>197</v>
      </c>
      <c r="BH242">
        <f ca="1">ROUND(SQRT((VLOOKUP($A242,városok!$A$2:$C$346,2,0)-VLOOKUP(BH$1,városok!$A$2:$C$346,2,0))^2+(VLOOKUP($A242,városok!$A$2:$C$346,3,0)-VLOOKUP(BH$1,városok!$A$2:$C$346,3,0))^2)/1000,0)</f>
        <v>197</v>
      </c>
      <c r="BI242">
        <f ca="1">ROUND(SQRT((VLOOKUP($A242,városok!$A$2:$C$346,2,0)-VLOOKUP(BI$1,városok!$A$2:$C$346,2,0))^2+(VLOOKUP($A242,városok!$A$2:$C$346,3,0)-VLOOKUP(BI$1,városok!$A$2:$C$346,3,0))^2)/1000,0)</f>
        <v>159</v>
      </c>
      <c r="BJ242">
        <f ca="1">ROUND(SQRT((VLOOKUP($A242,városok!$A$2:$C$346,2,0)-VLOOKUP(BJ$1,városok!$A$2:$C$346,2,0))^2+(VLOOKUP($A242,városok!$A$2:$C$346,3,0)-VLOOKUP(BJ$1,városok!$A$2:$C$346,3,0))^2)/1000,0)</f>
        <v>174</v>
      </c>
      <c r="BK242">
        <f ca="1">ROUND(SQRT((VLOOKUP($A242,városok!$A$2:$C$346,2,0)-VLOOKUP(BK$1,városok!$A$2:$C$346,2,0))^2+(VLOOKUP($A242,városok!$A$2:$C$346,3,0)-VLOOKUP(BK$1,városok!$A$2:$C$346,3,0))^2)/1000,0)</f>
        <v>164</v>
      </c>
      <c r="BL242">
        <f ca="1">ROUND(SQRT((VLOOKUP($A242,városok!$A$2:$C$346,2,0)-VLOOKUP(BL$1,városok!$A$2:$C$346,2,0))^2+(VLOOKUP($A242,városok!$A$2:$C$346,3,0)-VLOOKUP(BL$1,városok!$A$2:$C$346,3,0))^2)/1000,0)</f>
        <v>193</v>
      </c>
      <c r="BM242">
        <f ca="1">ROUND(SQRT((VLOOKUP($A242,városok!$A$2:$C$346,2,0)-VLOOKUP(BM$1,városok!$A$2:$C$346,2,0))^2+(VLOOKUP($A242,városok!$A$2:$C$346,3,0)-VLOOKUP(BM$1,városok!$A$2:$C$346,3,0))^2)/1000,0)</f>
        <v>159</v>
      </c>
      <c r="BN242">
        <f ca="1">ROUND(SQRT((VLOOKUP($A242,városok!$A$2:$C$346,2,0)-VLOOKUP(BN$1,városok!$A$2:$C$346,2,0))^2+(VLOOKUP($A242,városok!$A$2:$C$346,3,0)-VLOOKUP(BN$1,városok!$A$2:$C$346,3,0))^2)/1000,0)</f>
        <v>181</v>
      </c>
      <c r="BO242">
        <f ca="1">ROUND(SQRT((VLOOKUP($A242,városok!$A$2:$C$346,2,0)-VLOOKUP(BO$1,városok!$A$2:$C$346,2,0))^2+(VLOOKUP($A242,városok!$A$2:$C$346,3,0)-VLOOKUP(BO$1,városok!$A$2:$C$346,3,0))^2)/1000,0)</f>
        <v>109</v>
      </c>
      <c r="BP242">
        <f ca="1">ROUND(SQRT((VLOOKUP($A242,városok!$A$2:$C$346,2,0)-VLOOKUP(BP$1,városok!$A$2:$C$346,2,0))^2+(VLOOKUP($A242,városok!$A$2:$C$346,3,0)-VLOOKUP(BP$1,városok!$A$2:$C$346,3,0))^2)/1000,0)</f>
        <v>104</v>
      </c>
      <c r="BQ242">
        <f ca="1">ROUND(SQRT((VLOOKUP($A242,városok!$A$2:$C$346,2,0)-VLOOKUP(BQ$1,városok!$A$2:$C$346,2,0))^2+(VLOOKUP($A242,városok!$A$2:$C$346,3,0)-VLOOKUP(BQ$1,városok!$A$2:$C$346,3,0))^2)/1000,0)</f>
        <v>108</v>
      </c>
      <c r="BR242">
        <f ca="1">ROUND(SQRT((VLOOKUP($A242,városok!$A$2:$C$346,2,0)-VLOOKUP(BR$1,városok!$A$2:$C$346,2,0))^2+(VLOOKUP($A242,városok!$A$2:$C$346,3,0)-VLOOKUP(BR$1,városok!$A$2:$C$346,3,0))^2)/1000,0)</f>
        <v>169</v>
      </c>
      <c r="BS242">
        <f ca="1">ROUND(SQRT((VLOOKUP($A242,városok!$A$2:$C$346,2,0)-VLOOKUP(BS$1,városok!$A$2:$C$346,2,0))^2+(VLOOKUP($A242,városok!$A$2:$C$346,3,0)-VLOOKUP(BS$1,városok!$A$2:$C$346,3,0))^2)/1000,0)</f>
        <v>208</v>
      </c>
      <c r="BT242">
        <f ca="1">ROUND(SQRT((VLOOKUP($A242,városok!$A$2:$C$346,2,0)-VLOOKUP(BT$1,városok!$A$2:$C$346,2,0))^2+(VLOOKUP($A242,városok!$A$2:$C$346,3,0)-VLOOKUP(BT$1,városok!$A$2:$C$346,3,0))^2)/1000,0)</f>
        <v>188</v>
      </c>
    </row>
    <row r="243" spans="1:72" x14ac:dyDescent="0.2">
      <c r="A243" t="str">
        <f>városok!A243</f>
        <v>Tápiószele</v>
      </c>
      <c r="B243">
        <f ca="1">ROUND(SQRT((VLOOKUP($A243,városok!$A$2:$C$346,2,0)-VLOOKUP(B$1,városok!$A$2:$C$346,2,0))^2+(VLOOKUP($A243,városok!$A$2:$C$346,3,0)-VLOOKUP(B$1,városok!$A$2:$C$346,3,0))^2)/1000,0)</f>
        <v>146</v>
      </c>
      <c r="C243">
        <f ca="1">ROUND(SQRT((VLOOKUP($A243,városok!$A$2:$C$346,2,0)-VLOOKUP(C$1,városok!$A$2:$C$346,2,0))^2+(VLOOKUP($A243,városok!$A$2:$C$346,3,0)-VLOOKUP(C$1,városok!$A$2:$C$346,3,0))^2)/1000,0)</f>
        <v>113</v>
      </c>
      <c r="D243">
        <f ca="1">ROUND(SQRT((VLOOKUP($A243,városok!$A$2:$C$346,2,0)-VLOOKUP(D$1,városok!$A$2:$C$346,2,0))^2+(VLOOKUP($A243,városok!$A$2:$C$346,3,0)-VLOOKUP(D$1,városok!$A$2:$C$346,3,0))^2)/1000,0)</f>
        <v>49</v>
      </c>
      <c r="E243">
        <f ca="1">ROUND(SQRT((VLOOKUP($A243,városok!$A$2:$C$346,2,0)-VLOOKUP(E$1,városok!$A$2:$C$346,2,0))^2+(VLOOKUP($A243,városok!$A$2:$C$346,3,0)-VLOOKUP(E$1,városok!$A$2:$C$346,3,0))^2)/1000,0)</f>
        <v>177</v>
      </c>
      <c r="F243">
        <f ca="1">ROUND(SQRT((VLOOKUP($A243,városok!$A$2:$C$346,2,0)-VLOOKUP(F$1,városok!$A$2:$C$346,2,0))^2+(VLOOKUP($A243,városok!$A$2:$C$346,3,0)-VLOOKUP(F$1,városok!$A$2:$C$346,3,0))^2)/1000,0)</f>
        <v>175</v>
      </c>
      <c r="G243">
        <f ca="1">ROUND(SQRT((VLOOKUP($A243,városok!$A$2:$C$346,2,0)-VLOOKUP(G$1,városok!$A$2:$C$346,2,0))^2+(VLOOKUP($A243,városok!$A$2:$C$346,3,0)-VLOOKUP(G$1,városok!$A$2:$C$346,3,0))^2)/1000,0)</f>
        <v>187</v>
      </c>
      <c r="H243">
        <f ca="1">ROUND(SQRT((VLOOKUP($A243,városok!$A$2:$C$346,2,0)-VLOOKUP(H$1,városok!$A$2:$C$346,2,0))^2+(VLOOKUP($A243,városok!$A$2:$C$346,3,0)-VLOOKUP(H$1,városok!$A$2:$C$346,3,0))^2)/1000,0)</f>
        <v>214</v>
      </c>
      <c r="I243">
        <f ca="1">ROUND(SQRT((VLOOKUP($A243,városok!$A$2:$C$346,2,0)-VLOOKUP(I$1,városok!$A$2:$C$346,2,0))^2+(VLOOKUP($A243,városok!$A$2:$C$346,3,0)-VLOOKUP(I$1,városok!$A$2:$C$346,3,0))^2)/1000,0)</f>
        <v>117</v>
      </c>
      <c r="J243">
        <f ca="1">ROUND(SQRT((VLOOKUP($A243,városok!$A$2:$C$346,2,0)-VLOOKUP(J$1,városok!$A$2:$C$346,2,0))^2+(VLOOKUP($A243,városok!$A$2:$C$346,3,0)-VLOOKUP(J$1,városok!$A$2:$C$346,3,0))^2)/1000,0)</f>
        <v>131</v>
      </c>
      <c r="K243">
        <f ca="1">ROUND(SQRT((VLOOKUP($A243,városok!$A$2:$C$346,2,0)-VLOOKUP(K$1,városok!$A$2:$C$346,2,0))^2+(VLOOKUP($A243,városok!$A$2:$C$346,3,0)-VLOOKUP(K$1,városok!$A$2:$C$346,3,0))^2)/1000,0)</f>
        <v>105</v>
      </c>
      <c r="L243">
        <f ca="1">ROUND(SQRT((VLOOKUP($A243,városok!$A$2:$C$346,2,0)-VLOOKUP(L$1,városok!$A$2:$C$346,2,0))^2+(VLOOKUP($A243,városok!$A$2:$C$346,3,0)-VLOOKUP(L$1,városok!$A$2:$C$346,3,0))^2)/1000,0)</f>
        <v>117</v>
      </c>
      <c r="M243">
        <f ca="1">ROUND(SQRT((VLOOKUP($A243,városok!$A$2:$C$346,2,0)-VLOOKUP(M$1,városok!$A$2:$C$346,2,0))^2+(VLOOKUP($A243,városok!$A$2:$C$346,3,0)-VLOOKUP(M$1,városok!$A$2:$C$346,3,0))^2)/1000,0)</f>
        <v>110</v>
      </c>
      <c r="N243">
        <f ca="1">ROUND(SQRT((VLOOKUP($A243,városok!$A$2:$C$346,2,0)-VLOOKUP(N$1,városok!$A$2:$C$346,2,0))^2+(VLOOKUP($A243,városok!$A$2:$C$346,3,0)-VLOOKUP(N$1,városok!$A$2:$C$346,3,0))^2)/1000,0)</f>
        <v>104</v>
      </c>
      <c r="O243">
        <f ca="1">ROUND(SQRT((VLOOKUP($A243,városok!$A$2:$C$346,2,0)-VLOOKUP(O$1,városok!$A$2:$C$346,2,0))^2+(VLOOKUP($A243,városok!$A$2:$C$346,3,0)-VLOOKUP(O$1,városok!$A$2:$C$346,3,0))^2)/1000,0)</f>
        <v>178</v>
      </c>
      <c r="P243">
        <f ca="1">ROUND(SQRT((VLOOKUP($A243,városok!$A$2:$C$346,2,0)-VLOOKUP(P$1,városok!$A$2:$C$346,2,0))^2+(VLOOKUP($A243,városok!$A$2:$C$346,3,0)-VLOOKUP(P$1,városok!$A$2:$C$346,3,0))^2)/1000,0)</f>
        <v>178</v>
      </c>
      <c r="Q243">
        <f ca="1">ROUND(SQRT((VLOOKUP($A243,városok!$A$2:$C$346,2,0)-VLOOKUP(Q$1,városok!$A$2:$C$346,2,0))^2+(VLOOKUP($A243,városok!$A$2:$C$346,3,0)-VLOOKUP(Q$1,városok!$A$2:$C$346,3,0))^2)/1000,0)</f>
        <v>107</v>
      </c>
      <c r="R243">
        <f ca="1">ROUND(SQRT((VLOOKUP($A243,városok!$A$2:$C$346,2,0)-VLOOKUP(R$1,városok!$A$2:$C$346,2,0))^2+(VLOOKUP($A243,városok!$A$2:$C$346,3,0)-VLOOKUP(R$1,városok!$A$2:$C$346,3,0))^2)/1000,0)</f>
        <v>132</v>
      </c>
      <c r="S243">
        <f ca="1">ROUND(SQRT((VLOOKUP($A243,városok!$A$2:$C$346,2,0)-VLOOKUP(S$1,városok!$A$2:$C$346,2,0))^2+(VLOOKUP($A243,városok!$A$2:$C$346,3,0)-VLOOKUP(S$1,városok!$A$2:$C$346,3,0))^2)/1000,0)</f>
        <v>123</v>
      </c>
      <c r="T243">
        <f ca="1">ROUND(SQRT((VLOOKUP($A243,városok!$A$2:$C$346,2,0)-VLOOKUP(T$1,városok!$A$2:$C$346,2,0))^2+(VLOOKUP($A243,városok!$A$2:$C$346,3,0)-VLOOKUP(T$1,városok!$A$2:$C$346,3,0))^2)/1000,0)</f>
        <v>96</v>
      </c>
      <c r="U243">
        <f ca="1">ROUND(SQRT((VLOOKUP($A243,városok!$A$2:$C$346,2,0)-VLOOKUP(U$1,városok!$A$2:$C$346,2,0))^2+(VLOOKUP($A243,városok!$A$2:$C$346,3,0)-VLOOKUP(U$1,városok!$A$2:$C$346,3,0))^2)/1000,0)</f>
        <v>82</v>
      </c>
      <c r="V243">
        <f ca="1">ROUND(SQRT((VLOOKUP($A243,városok!$A$2:$C$346,2,0)-VLOOKUP(V$1,városok!$A$2:$C$346,2,0))^2+(VLOOKUP($A243,városok!$A$2:$C$346,3,0)-VLOOKUP(V$1,városok!$A$2:$C$346,3,0))^2)/1000,0)</f>
        <v>123</v>
      </c>
      <c r="W243">
        <f ca="1">ROUND(SQRT((VLOOKUP($A243,városok!$A$2:$C$346,2,0)-VLOOKUP(W$1,városok!$A$2:$C$346,2,0))^2+(VLOOKUP($A243,városok!$A$2:$C$346,3,0)-VLOOKUP(W$1,városok!$A$2:$C$346,3,0))^2)/1000,0)</f>
        <v>108</v>
      </c>
      <c r="X243">
        <f ca="1">ROUND(SQRT((VLOOKUP($A243,városok!$A$2:$C$346,2,0)-VLOOKUP(X$1,városok!$A$2:$C$346,2,0))^2+(VLOOKUP($A243,városok!$A$2:$C$346,3,0)-VLOOKUP(X$1,városok!$A$2:$C$346,3,0))^2)/1000,0)</f>
        <v>117</v>
      </c>
      <c r="Y243">
        <f ca="1">ROUND(SQRT((VLOOKUP($A243,városok!$A$2:$C$346,2,0)-VLOOKUP(Y$1,városok!$A$2:$C$346,2,0))^2+(VLOOKUP($A243,városok!$A$2:$C$346,3,0)-VLOOKUP(Y$1,városok!$A$2:$C$346,3,0))^2)/1000,0)</f>
        <v>174</v>
      </c>
      <c r="Z243">
        <f ca="1">ROUND(SQRT((VLOOKUP($A243,városok!$A$2:$C$346,2,0)-VLOOKUP(Z$1,városok!$A$2:$C$346,2,0))^2+(VLOOKUP($A243,városok!$A$2:$C$346,3,0)-VLOOKUP(Z$1,városok!$A$2:$C$346,3,0))^2)/1000,0)</f>
        <v>193</v>
      </c>
      <c r="AA243">
        <f ca="1">ROUND(SQRT((VLOOKUP($A243,városok!$A$2:$C$346,2,0)-VLOOKUP(AA$1,városok!$A$2:$C$346,2,0))^2+(VLOOKUP($A243,városok!$A$2:$C$346,3,0)-VLOOKUP(AA$1,városok!$A$2:$C$346,3,0))^2)/1000,0)</f>
        <v>251</v>
      </c>
      <c r="AB243">
        <f ca="1">ROUND(SQRT((VLOOKUP($A243,városok!$A$2:$C$346,2,0)-VLOOKUP(AB$1,városok!$A$2:$C$346,2,0))^2+(VLOOKUP($A243,városok!$A$2:$C$346,3,0)-VLOOKUP(AB$1,városok!$A$2:$C$346,3,0))^2)/1000,0)</f>
        <v>134</v>
      </c>
      <c r="AC243">
        <f ca="1">ROUND(SQRT((VLOOKUP($A243,városok!$A$2:$C$346,2,0)-VLOOKUP(AC$1,városok!$A$2:$C$346,2,0))^2+(VLOOKUP($A243,városok!$A$2:$C$346,3,0)-VLOOKUP(AC$1,városok!$A$2:$C$346,3,0))^2)/1000,0)</f>
        <v>115</v>
      </c>
      <c r="AD243">
        <f ca="1">ROUND(SQRT((VLOOKUP($A243,városok!$A$2:$C$346,2,0)-VLOOKUP(AD$1,városok!$A$2:$C$346,2,0))^2+(VLOOKUP($A243,városok!$A$2:$C$346,3,0)-VLOOKUP(AD$1,városok!$A$2:$C$346,3,0))^2)/1000,0)</f>
        <v>97</v>
      </c>
      <c r="AE243">
        <f ca="1">ROUND(SQRT((VLOOKUP($A243,városok!$A$2:$C$346,2,0)-VLOOKUP(AE$1,városok!$A$2:$C$346,2,0))^2+(VLOOKUP($A243,városok!$A$2:$C$346,3,0)-VLOOKUP(AE$1,városok!$A$2:$C$346,3,0))^2)/1000,0)</f>
        <v>98</v>
      </c>
      <c r="AF243">
        <f ca="1">ROUND(SQRT((VLOOKUP($A243,városok!$A$2:$C$346,2,0)-VLOOKUP(AF$1,városok!$A$2:$C$346,2,0))^2+(VLOOKUP($A243,városok!$A$2:$C$346,3,0)-VLOOKUP(AF$1,városok!$A$2:$C$346,3,0))^2)/1000,0)</f>
        <v>73</v>
      </c>
      <c r="AG243">
        <f ca="1">ROUND(SQRT((VLOOKUP($A243,városok!$A$2:$C$346,2,0)-VLOOKUP(AG$1,városok!$A$2:$C$346,2,0))^2+(VLOOKUP($A243,városok!$A$2:$C$346,3,0)-VLOOKUP(AG$1,városok!$A$2:$C$346,3,0))^2)/1000,0)</f>
        <v>50</v>
      </c>
      <c r="AH243">
        <f ca="1">ROUND(SQRT((VLOOKUP($A243,városok!$A$2:$C$346,2,0)-VLOOKUP(AH$1,városok!$A$2:$C$346,2,0))^2+(VLOOKUP($A243,városok!$A$2:$C$346,3,0)-VLOOKUP(AH$1,városok!$A$2:$C$346,3,0))^2)/1000,0)</f>
        <v>40</v>
      </c>
      <c r="AI243">
        <f ca="1">ROUND(SQRT((VLOOKUP($A243,városok!$A$2:$C$346,2,0)-VLOOKUP(AI$1,városok!$A$2:$C$346,2,0))^2+(VLOOKUP($A243,városok!$A$2:$C$346,3,0)-VLOOKUP(AI$1,városok!$A$2:$C$346,3,0))^2)/1000,0)</f>
        <v>78</v>
      </c>
      <c r="AJ243">
        <f ca="1">ROUND(SQRT((VLOOKUP($A243,városok!$A$2:$C$346,2,0)-VLOOKUP(AJ$1,városok!$A$2:$C$346,2,0))^2+(VLOOKUP($A243,városok!$A$2:$C$346,3,0)-VLOOKUP(AJ$1,városok!$A$2:$C$346,3,0))^2)/1000,0)</f>
        <v>35</v>
      </c>
      <c r="AK243">
        <f ca="1">ROUND(SQRT((VLOOKUP($A243,városok!$A$2:$C$346,2,0)-VLOOKUP(AK$1,városok!$A$2:$C$346,2,0))^2+(VLOOKUP($A243,városok!$A$2:$C$346,3,0)-VLOOKUP(AK$1,városok!$A$2:$C$346,3,0))^2)/1000,0)</f>
        <v>83</v>
      </c>
      <c r="AL243">
        <f ca="1">ROUND(SQRT((VLOOKUP($A243,városok!$A$2:$C$346,2,0)-VLOOKUP(AL$1,városok!$A$2:$C$346,2,0))^2+(VLOOKUP($A243,városok!$A$2:$C$346,3,0)-VLOOKUP(AL$1,városok!$A$2:$C$346,3,0))^2)/1000,0)</f>
        <v>57</v>
      </c>
      <c r="AM243">
        <f ca="1">ROUND(SQRT((VLOOKUP($A243,városok!$A$2:$C$346,2,0)-VLOOKUP(AM$1,városok!$A$2:$C$346,2,0))^2+(VLOOKUP($A243,városok!$A$2:$C$346,3,0)-VLOOKUP(AM$1,városok!$A$2:$C$346,3,0))^2)/1000,0)</f>
        <v>29</v>
      </c>
      <c r="AN243">
        <f ca="1">ROUND(SQRT((VLOOKUP($A243,városok!$A$2:$C$346,2,0)-VLOOKUP(AN$1,városok!$A$2:$C$346,2,0))^2+(VLOOKUP($A243,városok!$A$2:$C$346,3,0)-VLOOKUP(AN$1,városok!$A$2:$C$346,3,0))^2)/1000,0)</f>
        <v>99</v>
      </c>
      <c r="AO243">
        <f ca="1">ROUND(SQRT((VLOOKUP($A243,városok!$A$2:$C$346,2,0)-VLOOKUP(AO$1,városok!$A$2:$C$346,2,0))^2+(VLOOKUP($A243,városok!$A$2:$C$346,3,0)-VLOOKUP(AO$1,városok!$A$2:$C$346,3,0))^2)/1000,0)</f>
        <v>140</v>
      </c>
      <c r="AP243">
        <f ca="1">ROUND(SQRT((VLOOKUP($A243,városok!$A$2:$C$346,2,0)-VLOOKUP(AP$1,városok!$A$2:$C$346,2,0))^2+(VLOOKUP($A243,városok!$A$2:$C$346,3,0)-VLOOKUP(AP$1,városok!$A$2:$C$346,3,0))^2)/1000,0)</f>
        <v>122</v>
      </c>
      <c r="AQ243">
        <f ca="1">ROUND(SQRT((VLOOKUP($A243,városok!$A$2:$C$346,2,0)-VLOOKUP(AQ$1,városok!$A$2:$C$346,2,0))^2+(VLOOKUP($A243,városok!$A$2:$C$346,3,0)-VLOOKUP(AQ$1,városok!$A$2:$C$346,3,0))^2)/1000,0)</f>
        <v>114</v>
      </c>
      <c r="AR243">
        <f ca="1">ROUND(SQRT((VLOOKUP($A243,városok!$A$2:$C$346,2,0)-VLOOKUP(AR$1,városok!$A$2:$C$346,2,0))^2+(VLOOKUP($A243,városok!$A$2:$C$346,3,0)-VLOOKUP(AR$1,városok!$A$2:$C$346,3,0))^2)/1000,0)</f>
        <v>67</v>
      </c>
      <c r="AS243">
        <f ca="1">ROUND(SQRT((VLOOKUP($A243,városok!$A$2:$C$346,2,0)-VLOOKUP(AS$1,városok!$A$2:$C$346,2,0))^2+(VLOOKUP($A243,városok!$A$2:$C$346,3,0)-VLOOKUP(AS$1,városok!$A$2:$C$346,3,0))^2)/1000,0)</f>
        <v>87</v>
      </c>
      <c r="AT243">
        <f ca="1">ROUND(SQRT((VLOOKUP($A243,városok!$A$2:$C$346,2,0)-VLOOKUP(AT$1,városok!$A$2:$C$346,2,0))^2+(VLOOKUP($A243,városok!$A$2:$C$346,3,0)-VLOOKUP(AT$1,városok!$A$2:$C$346,3,0))^2)/1000,0)</f>
        <v>82</v>
      </c>
      <c r="AU243">
        <f ca="1">ROUND(SQRT((VLOOKUP($A243,városok!$A$2:$C$346,2,0)-VLOOKUP(AU$1,városok!$A$2:$C$346,2,0))^2+(VLOOKUP($A243,városok!$A$2:$C$346,3,0)-VLOOKUP(AU$1,városok!$A$2:$C$346,3,0))^2)/1000,0)</f>
        <v>71</v>
      </c>
      <c r="AV243">
        <f ca="1">ROUND(SQRT((VLOOKUP($A243,városok!$A$2:$C$346,2,0)-VLOOKUP(AV$1,városok!$A$2:$C$346,2,0))^2+(VLOOKUP($A243,városok!$A$2:$C$346,3,0)-VLOOKUP(AV$1,városok!$A$2:$C$346,3,0))^2)/1000,0)</f>
        <v>71</v>
      </c>
      <c r="AW243">
        <f ca="1">ROUND(SQRT((VLOOKUP($A243,városok!$A$2:$C$346,2,0)-VLOOKUP(AW$1,városok!$A$2:$C$346,2,0))^2+(VLOOKUP($A243,városok!$A$2:$C$346,3,0)-VLOOKUP(AW$1,városok!$A$2:$C$346,3,0))^2)/1000,0)</f>
        <v>74</v>
      </c>
      <c r="AX243">
        <f ca="1">ROUND(SQRT((VLOOKUP($A243,városok!$A$2:$C$346,2,0)-VLOOKUP(AX$1,városok!$A$2:$C$346,2,0))^2+(VLOOKUP($A243,városok!$A$2:$C$346,3,0)-VLOOKUP(AX$1,városok!$A$2:$C$346,3,0))^2)/1000,0)</f>
        <v>35</v>
      </c>
      <c r="AY243">
        <f ca="1">ROUND(SQRT((VLOOKUP($A243,városok!$A$2:$C$346,2,0)-VLOOKUP(AY$1,városok!$A$2:$C$346,2,0))^2+(VLOOKUP($A243,városok!$A$2:$C$346,3,0)-VLOOKUP(AY$1,városok!$A$2:$C$346,3,0))^2)/1000,0)</f>
        <v>73</v>
      </c>
      <c r="AZ243">
        <f ca="1">ROUND(SQRT((VLOOKUP($A243,városok!$A$2:$C$346,2,0)-VLOOKUP(AZ$1,városok!$A$2:$C$346,2,0))^2+(VLOOKUP($A243,városok!$A$2:$C$346,3,0)-VLOOKUP(AZ$1,városok!$A$2:$C$346,3,0))^2)/1000,0)</f>
        <v>85</v>
      </c>
      <c r="BA243">
        <f ca="1">ROUND(SQRT((VLOOKUP($A243,városok!$A$2:$C$346,2,0)-VLOOKUP(BA$1,városok!$A$2:$C$346,2,0))^2+(VLOOKUP($A243,városok!$A$2:$C$346,3,0)-VLOOKUP(BA$1,városok!$A$2:$C$346,3,0))^2)/1000,0)</f>
        <v>176</v>
      </c>
      <c r="BB243">
        <f ca="1">ROUND(SQRT((VLOOKUP($A243,városok!$A$2:$C$346,2,0)-VLOOKUP(BB$1,városok!$A$2:$C$346,2,0))^2+(VLOOKUP($A243,városok!$A$2:$C$346,3,0)-VLOOKUP(BB$1,városok!$A$2:$C$346,3,0))^2)/1000,0)</f>
        <v>172</v>
      </c>
      <c r="BC243">
        <f ca="1">ROUND(SQRT((VLOOKUP($A243,városok!$A$2:$C$346,2,0)-VLOOKUP(BC$1,városok!$A$2:$C$346,2,0))^2+(VLOOKUP($A243,városok!$A$2:$C$346,3,0)-VLOOKUP(BC$1,városok!$A$2:$C$346,3,0))^2)/1000,0)</f>
        <v>192</v>
      </c>
      <c r="BD243">
        <f ca="1">ROUND(SQRT((VLOOKUP($A243,városok!$A$2:$C$346,2,0)-VLOOKUP(BD$1,városok!$A$2:$C$346,2,0))^2+(VLOOKUP($A243,városok!$A$2:$C$346,3,0)-VLOOKUP(BD$1,városok!$A$2:$C$346,3,0))^2)/1000,0)</f>
        <v>145</v>
      </c>
      <c r="BE243">
        <f ca="1">ROUND(SQRT((VLOOKUP($A243,városok!$A$2:$C$346,2,0)-VLOOKUP(BE$1,városok!$A$2:$C$346,2,0))^2+(VLOOKUP($A243,városok!$A$2:$C$346,3,0)-VLOOKUP(BE$1,városok!$A$2:$C$346,3,0))^2)/1000,0)</f>
        <v>217</v>
      </c>
      <c r="BF243">
        <f ca="1">ROUND(SQRT((VLOOKUP($A243,városok!$A$2:$C$346,2,0)-VLOOKUP(BF$1,városok!$A$2:$C$346,2,0))^2+(VLOOKUP($A243,városok!$A$2:$C$346,3,0)-VLOOKUP(BF$1,városok!$A$2:$C$346,3,0))^2)/1000,0)</f>
        <v>192</v>
      </c>
      <c r="BG243">
        <f ca="1">ROUND(SQRT((VLOOKUP($A243,városok!$A$2:$C$346,2,0)-VLOOKUP(BG$1,városok!$A$2:$C$346,2,0))^2+(VLOOKUP($A243,városok!$A$2:$C$346,3,0)-VLOOKUP(BG$1,városok!$A$2:$C$346,3,0))^2)/1000,0)</f>
        <v>148</v>
      </c>
      <c r="BH243">
        <f ca="1">ROUND(SQRT((VLOOKUP($A243,városok!$A$2:$C$346,2,0)-VLOOKUP(BH$1,városok!$A$2:$C$346,2,0))^2+(VLOOKUP($A243,városok!$A$2:$C$346,3,0)-VLOOKUP(BH$1,városok!$A$2:$C$346,3,0))^2)/1000,0)</f>
        <v>148</v>
      </c>
      <c r="BI243">
        <f ca="1">ROUND(SQRT((VLOOKUP($A243,városok!$A$2:$C$346,2,0)-VLOOKUP(BI$1,városok!$A$2:$C$346,2,0))^2+(VLOOKUP($A243,városok!$A$2:$C$346,3,0)-VLOOKUP(BI$1,városok!$A$2:$C$346,3,0))^2)/1000,0)</f>
        <v>141</v>
      </c>
      <c r="BJ243">
        <f ca="1">ROUND(SQRT((VLOOKUP($A243,városok!$A$2:$C$346,2,0)-VLOOKUP(BJ$1,városok!$A$2:$C$346,2,0))^2+(VLOOKUP($A243,városok!$A$2:$C$346,3,0)-VLOOKUP(BJ$1,városok!$A$2:$C$346,3,0))^2)/1000,0)</f>
        <v>159</v>
      </c>
      <c r="BK243">
        <f ca="1">ROUND(SQRT((VLOOKUP($A243,városok!$A$2:$C$346,2,0)-VLOOKUP(BK$1,városok!$A$2:$C$346,2,0))^2+(VLOOKUP($A243,városok!$A$2:$C$346,3,0)-VLOOKUP(BK$1,városok!$A$2:$C$346,3,0))^2)/1000,0)</f>
        <v>141</v>
      </c>
      <c r="BL243">
        <f ca="1">ROUND(SQRT((VLOOKUP($A243,városok!$A$2:$C$346,2,0)-VLOOKUP(BL$1,városok!$A$2:$C$346,2,0))^2+(VLOOKUP($A243,városok!$A$2:$C$346,3,0)-VLOOKUP(BL$1,városok!$A$2:$C$346,3,0))^2)/1000,0)</f>
        <v>251</v>
      </c>
      <c r="BM243">
        <f ca="1">ROUND(SQRT((VLOOKUP($A243,városok!$A$2:$C$346,2,0)-VLOOKUP(BM$1,városok!$A$2:$C$346,2,0))^2+(VLOOKUP($A243,városok!$A$2:$C$346,3,0)-VLOOKUP(BM$1,városok!$A$2:$C$346,3,0))^2)/1000,0)</f>
        <v>223</v>
      </c>
      <c r="BN243">
        <f ca="1">ROUND(SQRT((VLOOKUP($A243,városok!$A$2:$C$346,2,0)-VLOOKUP(BN$1,városok!$A$2:$C$346,2,0))^2+(VLOOKUP($A243,városok!$A$2:$C$346,3,0)-VLOOKUP(BN$1,városok!$A$2:$C$346,3,0))^2)/1000,0)</f>
        <v>247</v>
      </c>
      <c r="BO243">
        <f ca="1">ROUND(SQRT((VLOOKUP($A243,városok!$A$2:$C$346,2,0)-VLOOKUP(BO$1,városok!$A$2:$C$346,2,0))^2+(VLOOKUP($A243,városok!$A$2:$C$346,3,0)-VLOOKUP(BO$1,városok!$A$2:$C$346,3,0))^2)/1000,0)</f>
        <v>145</v>
      </c>
      <c r="BP243">
        <f ca="1">ROUND(SQRT((VLOOKUP($A243,városok!$A$2:$C$346,2,0)-VLOOKUP(BP$1,városok!$A$2:$C$346,2,0))^2+(VLOOKUP($A243,városok!$A$2:$C$346,3,0)-VLOOKUP(BP$1,városok!$A$2:$C$346,3,0))^2)/1000,0)</f>
        <v>138</v>
      </c>
      <c r="BQ243">
        <f ca="1">ROUND(SQRT((VLOOKUP($A243,városok!$A$2:$C$346,2,0)-VLOOKUP(BQ$1,városok!$A$2:$C$346,2,0))^2+(VLOOKUP($A243,városok!$A$2:$C$346,3,0)-VLOOKUP(BQ$1,városok!$A$2:$C$346,3,0))^2)/1000,0)</f>
        <v>151</v>
      </c>
      <c r="BR243">
        <f ca="1">ROUND(SQRT((VLOOKUP($A243,városok!$A$2:$C$346,2,0)-VLOOKUP(BR$1,városok!$A$2:$C$346,2,0))^2+(VLOOKUP($A243,városok!$A$2:$C$346,3,0)-VLOOKUP(BR$1,városok!$A$2:$C$346,3,0))^2)/1000,0)</f>
        <v>209</v>
      </c>
      <c r="BS243">
        <f ca="1">ROUND(SQRT((VLOOKUP($A243,városok!$A$2:$C$346,2,0)-VLOOKUP(BS$1,városok!$A$2:$C$346,2,0))^2+(VLOOKUP($A243,városok!$A$2:$C$346,3,0)-VLOOKUP(BS$1,városok!$A$2:$C$346,3,0))^2)/1000,0)</f>
        <v>241</v>
      </c>
      <c r="BT243">
        <f ca="1">ROUND(SQRT((VLOOKUP($A243,városok!$A$2:$C$346,2,0)-VLOOKUP(BT$1,városok!$A$2:$C$346,2,0))^2+(VLOOKUP($A243,városok!$A$2:$C$346,3,0)-VLOOKUP(BT$1,városok!$A$2:$C$346,3,0))^2)/1000,0)</f>
        <v>237</v>
      </c>
    </row>
    <row r="244" spans="1:72" x14ac:dyDescent="0.2">
      <c r="A244" t="str">
        <f>városok!A244</f>
        <v>Tököl</v>
      </c>
      <c r="B244">
        <f ca="1">ROUND(SQRT((VLOOKUP($A244,városok!$A$2:$C$346,2,0)-VLOOKUP(B$1,városok!$A$2:$C$346,2,0))^2+(VLOOKUP($A244,városok!$A$2:$C$346,3,0)-VLOOKUP(B$1,városok!$A$2:$C$346,3,0))^2)/1000,0)</f>
        <v>126</v>
      </c>
      <c r="C244">
        <f ca="1">ROUND(SQRT((VLOOKUP($A244,városok!$A$2:$C$346,2,0)-VLOOKUP(C$1,városok!$A$2:$C$346,2,0))^2+(VLOOKUP($A244,városok!$A$2:$C$346,3,0)-VLOOKUP(C$1,városok!$A$2:$C$346,3,0))^2)/1000,0)</f>
        <v>88</v>
      </c>
      <c r="D244">
        <f ca="1">ROUND(SQRT((VLOOKUP($A244,városok!$A$2:$C$346,2,0)-VLOOKUP(D$1,városok!$A$2:$C$346,2,0))^2+(VLOOKUP($A244,városok!$A$2:$C$346,3,0)-VLOOKUP(D$1,városok!$A$2:$C$346,3,0))^2)/1000,0)</f>
        <v>71</v>
      </c>
      <c r="E244">
        <f ca="1">ROUND(SQRT((VLOOKUP($A244,városok!$A$2:$C$346,2,0)-VLOOKUP(E$1,városok!$A$2:$C$346,2,0))^2+(VLOOKUP($A244,városok!$A$2:$C$346,3,0)-VLOOKUP(E$1,városok!$A$2:$C$346,3,0))^2)/1000,0)</f>
        <v>137</v>
      </c>
      <c r="F244">
        <f ca="1">ROUND(SQRT((VLOOKUP($A244,városok!$A$2:$C$346,2,0)-VLOOKUP(F$1,városok!$A$2:$C$346,2,0))^2+(VLOOKUP($A244,városok!$A$2:$C$346,3,0)-VLOOKUP(F$1,városok!$A$2:$C$346,3,0))^2)/1000,0)</f>
        <v>149</v>
      </c>
      <c r="G244">
        <f ca="1">ROUND(SQRT((VLOOKUP($A244,városok!$A$2:$C$346,2,0)-VLOOKUP(G$1,városok!$A$2:$C$346,2,0))^2+(VLOOKUP($A244,városok!$A$2:$C$346,3,0)-VLOOKUP(G$1,városok!$A$2:$C$346,3,0))^2)/1000,0)</f>
        <v>149</v>
      </c>
      <c r="H244">
        <f ca="1">ROUND(SQRT((VLOOKUP($A244,városok!$A$2:$C$346,2,0)-VLOOKUP(H$1,városok!$A$2:$C$346,2,0))^2+(VLOOKUP($A244,városok!$A$2:$C$346,3,0)-VLOOKUP(H$1,városok!$A$2:$C$346,3,0))^2)/1000,0)</f>
        <v>167</v>
      </c>
      <c r="I244">
        <f ca="1">ROUND(SQRT((VLOOKUP($A244,városok!$A$2:$C$346,2,0)-VLOOKUP(I$1,városok!$A$2:$C$346,2,0))^2+(VLOOKUP($A244,városok!$A$2:$C$346,3,0)-VLOOKUP(I$1,városok!$A$2:$C$346,3,0))^2)/1000,0)</f>
        <v>176</v>
      </c>
      <c r="J244">
        <f ca="1">ROUND(SQRT((VLOOKUP($A244,városok!$A$2:$C$346,2,0)-VLOOKUP(J$1,városok!$A$2:$C$346,2,0))^2+(VLOOKUP($A244,városok!$A$2:$C$346,3,0)-VLOOKUP(J$1,városok!$A$2:$C$346,3,0))^2)/1000,0)</f>
        <v>191</v>
      </c>
      <c r="K244">
        <f ca="1">ROUND(SQRT((VLOOKUP($A244,városok!$A$2:$C$346,2,0)-VLOOKUP(K$1,városok!$A$2:$C$346,2,0))^2+(VLOOKUP($A244,városok!$A$2:$C$346,3,0)-VLOOKUP(K$1,városok!$A$2:$C$346,3,0))^2)/1000,0)</f>
        <v>154</v>
      </c>
      <c r="L244">
        <f ca="1">ROUND(SQRT((VLOOKUP($A244,városok!$A$2:$C$346,2,0)-VLOOKUP(L$1,városok!$A$2:$C$346,2,0))^2+(VLOOKUP($A244,városok!$A$2:$C$346,3,0)-VLOOKUP(L$1,városok!$A$2:$C$346,3,0))^2)/1000,0)</f>
        <v>163</v>
      </c>
      <c r="M244">
        <f ca="1">ROUND(SQRT((VLOOKUP($A244,városok!$A$2:$C$346,2,0)-VLOOKUP(M$1,városok!$A$2:$C$346,2,0))^2+(VLOOKUP($A244,városok!$A$2:$C$346,3,0)-VLOOKUP(M$1,városok!$A$2:$C$346,3,0))^2)/1000,0)</f>
        <v>163</v>
      </c>
      <c r="N244">
        <f ca="1">ROUND(SQRT((VLOOKUP($A244,városok!$A$2:$C$346,2,0)-VLOOKUP(N$1,városok!$A$2:$C$346,2,0))^2+(VLOOKUP($A244,városok!$A$2:$C$346,3,0)-VLOOKUP(N$1,városok!$A$2:$C$346,3,0))^2)/1000,0)</f>
        <v>141</v>
      </c>
      <c r="O244">
        <f ca="1">ROUND(SQRT((VLOOKUP($A244,városok!$A$2:$C$346,2,0)-VLOOKUP(O$1,városok!$A$2:$C$346,2,0))^2+(VLOOKUP($A244,városok!$A$2:$C$346,3,0)-VLOOKUP(O$1,városok!$A$2:$C$346,3,0))^2)/1000,0)</f>
        <v>234</v>
      </c>
      <c r="P244">
        <f ca="1">ROUND(SQRT((VLOOKUP($A244,városok!$A$2:$C$346,2,0)-VLOOKUP(P$1,városok!$A$2:$C$346,2,0))^2+(VLOOKUP($A244,városok!$A$2:$C$346,3,0)-VLOOKUP(P$1,városok!$A$2:$C$346,3,0))^2)/1000,0)</f>
        <v>234</v>
      </c>
      <c r="Q244">
        <f ca="1">ROUND(SQRT((VLOOKUP($A244,városok!$A$2:$C$346,2,0)-VLOOKUP(Q$1,városok!$A$2:$C$346,2,0))^2+(VLOOKUP($A244,városok!$A$2:$C$346,3,0)-VLOOKUP(Q$1,városok!$A$2:$C$346,3,0))^2)/1000,0)</f>
        <v>144</v>
      </c>
      <c r="R244">
        <f ca="1">ROUND(SQRT((VLOOKUP($A244,városok!$A$2:$C$346,2,0)-VLOOKUP(R$1,városok!$A$2:$C$346,2,0))^2+(VLOOKUP($A244,városok!$A$2:$C$346,3,0)-VLOOKUP(R$1,városok!$A$2:$C$346,3,0))^2)/1000,0)</f>
        <v>168</v>
      </c>
      <c r="S244">
        <f ca="1">ROUND(SQRT((VLOOKUP($A244,városok!$A$2:$C$346,2,0)-VLOOKUP(S$1,városok!$A$2:$C$346,2,0))^2+(VLOOKUP($A244,városok!$A$2:$C$346,3,0)-VLOOKUP(S$1,városok!$A$2:$C$346,3,0))^2)/1000,0)</f>
        <v>150</v>
      </c>
      <c r="T244">
        <f ca="1">ROUND(SQRT((VLOOKUP($A244,városok!$A$2:$C$346,2,0)-VLOOKUP(T$1,városok!$A$2:$C$346,2,0))^2+(VLOOKUP($A244,városok!$A$2:$C$346,3,0)-VLOOKUP(T$1,városok!$A$2:$C$346,3,0))^2)/1000,0)</f>
        <v>32</v>
      </c>
      <c r="U244">
        <f ca="1">ROUND(SQRT((VLOOKUP($A244,városok!$A$2:$C$346,2,0)-VLOOKUP(U$1,városok!$A$2:$C$346,2,0))^2+(VLOOKUP($A244,városok!$A$2:$C$346,3,0)-VLOOKUP(U$1,városok!$A$2:$C$346,3,0))^2)/1000,0)</f>
        <v>39</v>
      </c>
      <c r="V244">
        <f ca="1">ROUND(SQRT((VLOOKUP($A244,városok!$A$2:$C$346,2,0)-VLOOKUP(V$1,városok!$A$2:$C$346,2,0))^2+(VLOOKUP($A244,városok!$A$2:$C$346,3,0)-VLOOKUP(V$1,városok!$A$2:$C$346,3,0))^2)/1000,0)</f>
        <v>58</v>
      </c>
      <c r="W244">
        <f ca="1">ROUND(SQRT((VLOOKUP($A244,városok!$A$2:$C$346,2,0)-VLOOKUP(W$1,városok!$A$2:$C$346,2,0))^2+(VLOOKUP($A244,városok!$A$2:$C$346,3,0)-VLOOKUP(W$1,városok!$A$2:$C$346,3,0))^2)/1000,0)</f>
        <v>55</v>
      </c>
      <c r="X244">
        <f ca="1">ROUND(SQRT((VLOOKUP($A244,városok!$A$2:$C$346,2,0)-VLOOKUP(X$1,városok!$A$2:$C$346,2,0))^2+(VLOOKUP($A244,városok!$A$2:$C$346,3,0)-VLOOKUP(X$1,városok!$A$2:$C$346,3,0))^2)/1000,0)</f>
        <v>49</v>
      </c>
      <c r="Y244">
        <f ca="1">ROUND(SQRT((VLOOKUP($A244,városok!$A$2:$C$346,2,0)-VLOOKUP(Y$1,városok!$A$2:$C$346,2,0))^2+(VLOOKUP($A244,városok!$A$2:$C$346,3,0)-VLOOKUP(Y$1,városok!$A$2:$C$346,3,0))^2)/1000,0)</f>
        <v>109</v>
      </c>
      <c r="Z244">
        <f ca="1">ROUND(SQRT((VLOOKUP($A244,városok!$A$2:$C$346,2,0)-VLOOKUP(Z$1,városok!$A$2:$C$346,2,0))^2+(VLOOKUP($A244,városok!$A$2:$C$346,3,0)-VLOOKUP(Z$1,városok!$A$2:$C$346,3,0))^2)/1000,0)</f>
        <v>128</v>
      </c>
      <c r="AA244">
        <f ca="1">ROUND(SQRT((VLOOKUP($A244,városok!$A$2:$C$346,2,0)-VLOOKUP(AA$1,városok!$A$2:$C$346,2,0))^2+(VLOOKUP($A244,városok!$A$2:$C$346,3,0)-VLOOKUP(AA$1,városok!$A$2:$C$346,3,0))^2)/1000,0)</f>
        <v>184</v>
      </c>
      <c r="AB244">
        <f ca="1">ROUND(SQRT((VLOOKUP($A244,városok!$A$2:$C$346,2,0)-VLOOKUP(AB$1,városok!$A$2:$C$346,2,0))^2+(VLOOKUP($A244,városok!$A$2:$C$346,3,0)-VLOOKUP(AB$1,városok!$A$2:$C$346,3,0))^2)/1000,0)</f>
        <v>202</v>
      </c>
      <c r="AC244">
        <f ca="1">ROUND(SQRT((VLOOKUP($A244,városok!$A$2:$C$346,2,0)-VLOOKUP(AC$1,városok!$A$2:$C$346,2,0))^2+(VLOOKUP($A244,városok!$A$2:$C$346,3,0)-VLOOKUP(AC$1,városok!$A$2:$C$346,3,0))^2)/1000,0)</f>
        <v>184</v>
      </c>
      <c r="AD244">
        <f ca="1">ROUND(SQRT((VLOOKUP($A244,városok!$A$2:$C$346,2,0)-VLOOKUP(AD$1,városok!$A$2:$C$346,2,0))^2+(VLOOKUP($A244,városok!$A$2:$C$346,3,0)-VLOOKUP(AD$1,városok!$A$2:$C$346,3,0))^2)/1000,0)</f>
        <v>166</v>
      </c>
      <c r="AE244">
        <f ca="1">ROUND(SQRT((VLOOKUP($A244,városok!$A$2:$C$346,2,0)-VLOOKUP(AE$1,városok!$A$2:$C$346,2,0))^2+(VLOOKUP($A244,városok!$A$2:$C$346,3,0)-VLOOKUP(AE$1,városok!$A$2:$C$346,3,0))^2)/1000,0)</f>
        <v>166</v>
      </c>
      <c r="AF244">
        <f ca="1">ROUND(SQRT((VLOOKUP($A244,városok!$A$2:$C$346,2,0)-VLOOKUP(AF$1,városok!$A$2:$C$346,2,0))^2+(VLOOKUP($A244,városok!$A$2:$C$346,3,0)-VLOOKUP(AF$1,városok!$A$2:$C$346,3,0))^2)/1000,0)</f>
        <v>124</v>
      </c>
      <c r="AG244">
        <f ca="1">ROUND(SQRT((VLOOKUP($A244,városok!$A$2:$C$346,2,0)-VLOOKUP(AG$1,városok!$A$2:$C$346,2,0))^2+(VLOOKUP($A244,városok!$A$2:$C$346,3,0)-VLOOKUP(AG$1,városok!$A$2:$C$346,3,0))^2)/1000,0)</f>
        <v>89</v>
      </c>
      <c r="AH244">
        <f ca="1">ROUND(SQRT((VLOOKUP($A244,városok!$A$2:$C$346,2,0)-VLOOKUP(AH$1,városok!$A$2:$C$346,2,0))^2+(VLOOKUP($A244,városok!$A$2:$C$346,3,0)-VLOOKUP(AH$1,városok!$A$2:$C$346,3,0))^2)/1000,0)</f>
        <v>66</v>
      </c>
      <c r="AI244">
        <f ca="1">ROUND(SQRT((VLOOKUP($A244,városok!$A$2:$C$346,2,0)-VLOOKUP(AI$1,városok!$A$2:$C$346,2,0))^2+(VLOOKUP($A244,városok!$A$2:$C$346,3,0)-VLOOKUP(AI$1,városok!$A$2:$C$346,3,0))^2)/1000,0)</f>
        <v>115</v>
      </c>
      <c r="AJ244">
        <f ca="1">ROUND(SQRT((VLOOKUP($A244,városok!$A$2:$C$346,2,0)-VLOOKUP(AJ$1,városok!$A$2:$C$346,2,0))^2+(VLOOKUP($A244,városok!$A$2:$C$346,3,0)-VLOOKUP(AJ$1,városok!$A$2:$C$346,3,0))^2)/1000,0)</f>
        <v>84</v>
      </c>
      <c r="AK244">
        <f ca="1">ROUND(SQRT((VLOOKUP($A244,városok!$A$2:$C$346,2,0)-VLOOKUP(AK$1,városok!$A$2:$C$346,2,0))^2+(VLOOKUP($A244,városok!$A$2:$C$346,3,0)-VLOOKUP(AK$1,városok!$A$2:$C$346,3,0))^2)/1000,0)</f>
        <v>152</v>
      </c>
      <c r="AL244">
        <f ca="1">ROUND(SQRT((VLOOKUP($A244,városok!$A$2:$C$346,2,0)-VLOOKUP(AL$1,városok!$A$2:$C$346,2,0))^2+(VLOOKUP($A244,városok!$A$2:$C$346,3,0)-VLOOKUP(AL$1,városok!$A$2:$C$346,3,0))^2)/1000,0)</f>
        <v>126</v>
      </c>
      <c r="AM244">
        <f ca="1">ROUND(SQRT((VLOOKUP($A244,városok!$A$2:$C$346,2,0)-VLOOKUP(AM$1,városok!$A$2:$C$346,2,0))^2+(VLOOKUP($A244,városok!$A$2:$C$346,3,0)-VLOOKUP(AM$1,városok!$A$2:$C$346,3,0))^2)/1000,0)</f>
        <v>93</v>
      </c>
      <c r="AN244">
        <f ca="1">ROUND(SQRT((VLOOKUP($A244,városok!$A$2:$C$346,2,0)-VLOOKUP(AN$1,városok!$A$2:$C$346,2,0))^2+(VLOOKUP($A244,városok!$A$2:$C$346,3,0)-VLOOKUP(AN$1,városok!$A$2:$C$346,3,0))^2)/1000,0)</f>
        <v>55</v>
      </c>
      <c r="AO244">
        <f ca="1">ROUND(SQRT((VLOOKUP($A244,városok!$A$2:$C$346,2,0)-VLOOKUP(AO$1,városok!$A$2:$C$346,2,0))^2+(VLOOKUP($A244,városok!$A$2:$C$346,3,0)-VLOOKUP(AO$1,városok!$A$2:$C$346,3,0))^2)/1000,0)</f>
        <v>79</v>
      </c>
      <c r="AP244">
        <f ca="1">ROUND(SQRT((VLOOKUP($A244,városok!$A$2:$C$346,2,0)-VLOOKUP(AP$1,városok!$A$2:$C$346,2,0))^2+(VLOOKUP($A244,városok!$A$2:$C$346,3,0)-VLOOKUP(AP$1,városok!$A$2:$C$346,3,0))^2)/1000,0)</f>
        <v>60</v>
      </c>
      <c r="AQ244">
        <f ca="1">ROUND(SQRT((VLOOKUP($A244,városok!$A$2:$C$346,2,0)-VLOOKUP(AQ$1,városok!$A$2:$C$346,2,0))^2+(VLOOKUP($A244,városok!$A$2:$C$346,3,0)-VLOOKUP(AQ$1,városok!$A$2:$C$346,3,0))^2)/1000,0)</f>
        <v>50</v>
      </c>
      <c r="AR244">
        <f ca="1">ROUND(SQRT((VLOOKUP($A244,városok!$A$2:$C$346,2,0)-VLOOKUP(AR$1,városok!$A$2:$C$346,2,0))^2+(VLOOKUP($A244,városok!$A$2:$C$346,3,0)-VLOOKUP(AR$1,városok!$A$2:$C$346,3,0))^2)/1000,0)</f>
        <v>86</v>
      </c>
      <c r="AS244">
        <f ca="1">ROUND(SQRT((VLOOKUP($A244,városok!$A$2:$C$346,2,0)-VLOOKUP(AS$1,városok!$A$2:$C$346,2,0))^2+(VLOOKUP($A244,városok!$A$2:$C$346,3,0)-VLOOKUP(AS$1,városok!$A$2:$C$346,3,0))^2)/1000,0)</f>
        <v>109</v>
      </c>
      <c r="AT244">
        <f ca="1">ROUND(SQRT((VLOOKUP($A244,városok!$A$2:$C$346,2,0)-VLOOKUP(AT$1,városok!$A$2:$C$346,2,0))^2+(VLOOKUP($A244,városok!$A$2:$C$346,3,0)-VLOOKUP(AT$1,városok!$A$2:$C$346,3,0))^2)/1000,0)</f>
        <v>20</v>
      </c>
      <c r="AU244">
        <f ca="1">ROUND(SQRT((VLOOKUP($A244,városok!$A$2:$C$346,2,0)-VLOOKUP(AU$1,városok!$A$2:$C$346,2,0))^2+(VLOOKUP($A244,városok!$A$2:$C$346,3,0)-VLOOKUP(AU$1,városok!$A$2:$C$346,3,0))^2)/1000,0)</f>
        <v>16</v>
      </c>
      <c r="AV244">
        <f ca="1">ROUND(SQRT((VLOOKUP($A244,városok!$A$2:$C$346,2,0)-VLOOKUP(AV$1,városok!$A$2:$C$346,2,0))^2+(VLOOKUP($A244,városok!$A$2:$C$346,3,0)-VLOOKUP(AV$1,városok!$A$2:$C$346,3,0))^2)/1000,0)</f>
        <v>10</v>
      </c>
      <c r="AW244">
        <f ca="1">ROUND(SQRT((VLOOKUP($A244,városok!$A$2:$C$346,2,0)-VLOOKUP(AW$1,városok!$A$2:$C$346,2,0))^2+(VLOOKUP($A244,városok!$A$2:$C$346,3,0)-VLOOKUP(AW$1,városok!$A$2:$C$346,3,0))^2)/1000,0)</f>
        <v>10</v>
      </c>
      <c r="AX244">
        <f ca="1">ROUND(SQRT((VLOOKUP($A244,városok!$A$2:$C$346,2,0)-VLOOKUP(AX$1,városok!$A$2:$C$346,2,0))^2+(VLOOKUP($A244,városok!$A$2:$C$346,3,0)-VLOOKUP(AX$1,városok!$A$2:$C$346,3,0))^2)/1000,0)</f>
        <v>69</v>
      </c>
      <c r="AY244">
        <f ca="1">ROUND(SQRT((VLOOKUP($A244,városok!$A$2:$C$346,2,0)-VLOOKUP(AY$1,városok!$A$2:$C$346,2,0))^2+(VLOOKUP($A244,városok!$A$2:$C$346,3,0)-VLOOKUP(AY$1,városok!$A$2:$C$346,3,0))^2)/1000,0)</f>
        <v>41</v>
      </c>
      <c r="AZ244">
        <f ca="1">ROUND(SQRT((VLOOKUP($A244,városok!$A$2:$C$346,2,0)-VLOOKUP(AZ$1,városok!$A$2:$C$346,2,0))^2+(VLOOKUP($A244,városok!$A$2:$C$346,3,0)-VLOOKUP(AZ$1,városok!$A$2:$C$346,3,0))^2)/1000,0)</f>
        <v>52</v>
      </c>
      <c r="BA244">
        <f ca="1">ROUND(SQRT((VLOOKUP($A244,városok!$A$2:$C$346,2,0)-VLOOKUP(BA$1,városok!$A$2:$C$346,2,0))^2+(VLOOKUP($A244,városok!$A$2:$C$346,3,0)-VLOOKUP(BA$1,városok!$A$2:$C$346,3,0))^2)/1000,0)</f>
        <v>113</v>
      </c>
      <c r="BB244">
        <f ca="1">ROUND(SQRT((VLOOKUP($A244,városok!$A$2:$C$346,2,0)-VLOOKUP(BB$1,városok!$A$2:$C$346,2,0))^2+(VLOOKUP($A244,városok!$A$2:$C$346,3,0)-VLOOKUP(BB$1,városok!$A$2:$C$346,3,0))^2)/1000,0)</f>
        <v>117</v>
      </c>
      <c r="BC244">
        <f ca="1">ROUND(SQRT((VLOOKUP($A244,városok!$A$2:$C$346,2,0)-VLOOKUP(BC$1,városok!$A$2:$C$346,2,0))^2+(VLOOKUP($A244,városok!$A$2:$C$346,3,0)-VLOOKUP(BC$1,városok!$A$2:$C$346,3,0))^2)/1000,0)</f>
        <v>139</v>
      </c>
      <c r="BD244">
        <f ca="1">ROUND(SQRT((VLOOKUP($A244,városok!$A$2:$C$346,2,0)-VLOOKUP(BD$1,városok!$A$2:$C$346,2,0))^2+(VLOOKUP($A244,városok!$A$2:$C$346,3,0)-VLOOKUP(BD$1,városok!$A$2:$C$346,3,0))^2)/1000,0)</f>
        <v>82</v>
      </c>
      <c r="BE244">
        <f ca="1">ROUND(SQRT((VLOOKUP($A244,városok!$A$2:$C$346,2,0)-VLOOKUP(BE$1,városok!$A$2:$C$346,2,0))^2+(VLOOKUP($A244,városok!$A$2:$C$346,3,0)-VLOOKUP(BE$1,városok!$A$2:$C$346,3,0))^2)/1000,0)</f>
        <v>284</v>
      </c>
      <c r="BF244">
        <f ca="1">ROUND(SQRT((VLOOKUP($A244,városok!$A$2:$C$346,2,0)-VLOOKUP(BF$1,városok!$A$2:$C$346,2,0))^2+(VLOOKUP($A244,városok!$A$2:$C$346,3,0)-VLOOKUP(BF$1,városok!$A$2:$C$346,3,0))^2)/1000,0)</f>
        <v>254</v>
      </c>
      <c r="BG244">
        <f ca="1">ROUND(SQRT((VLOOKUP($A244,városok!$A$2:$C$346,2,0)-VLOOKUP(BG$1,városok!$A$2:$C$346,2,0))^2+(VLOOKUP($A244,városok!$A$2:$C$346,3,0)-VLOOKUP(BG$1,városok!$A$2:$C$346,3,0))^2)/1000,0)</f>
        <v>208</v>
      </c>
      <c r="BH244">
        <f ca="1">ROUND(SQRT((VLOOKUP($A244,városok!$A$2:$C$346,2,0)-VLOOKUP(BH$1,városok!$A$2:$C$346,2,0))^2+(VLOOKUP($A244,városok!$A$2:$C$346,3,0)-VLOOKUP(BH$1,városok!$A$2:$C$346,3,0))^2)/1000,0)</f>
        <v>208</v>
      </c>
      <c r="BI244">
        <f ca="1">ROUND(SQRT((VLOOKUP($A244,városok!$A$2:$C$346,2,0)-VLOOKUP(BI$1,városok!$A$2:$C$346,2,0))^2+(VLOOKUP($A244,városok!$A$2:$C$346,3,0)-VLOOKUP(BI$1,városok!$A$2:$C$346,3,0))^2)/1000,0)</f>
        <v>106</v>
      </c>
      <c r="BJ244">
        <f ca="1">ROUND(SQRT((VLOOKUP($A244,városok!$A$2:$C$346,2,0)-VLOOKUP(BJ$1,városok!$A$2:$C$346,2,0))^2+(VLOOKUP($A244,városok!$A$2:$C$346,3,0)-VLOOKUP(BJ$1,városok!$A$2:$C$346,3,0))^2)/1000,0)</f>
        <v>121</v>
      </c>
      <c r="BK244">
        <f ca="1">ROUND(SQRT((VLOOKUP($A244,városok!$A$2:$C$346,2,0)-VLOOKUP(BK$1,városok!$A$2:$C$346,2,0))^2+(VLOOKUP($A244,városok!$A$2:$C$346,3,0)-VLOOKUP(BK$1,városok!$A$2:$C$346,3,0))^2)/1000,0)</f>
        <v>109</v>
      </c>
      <c r="BL244">
        <f ca="1">ROUND(SQRT((VLOOKUP($A244,városok!$A$2:$C$346,2,0)-VLOOKUP(BL$1,városok!$A$2:$C$346,2,0))^2+(VLOOKUP($A244,városok!$A$2:$C$346,3,0)-VLOOKUP(BL$1,városok!$A$2:$C$346,3,0))^2)/1000,0)</f>
        <v>182</v>
      </c>
      <c r="BM244">
        <f ca="1">ROUND(SQRT((VLOOKUP($A244,városok!$A$2:$C$346,2,0)-VLOOKUP(BM$1,városok!$A$2:$C$346,2,0))^2+(VLOOKUP($A244,városok!$A$2:$C$346,3,0)-VLOOKUP(BM$1,városok!$A$2:$C$346,3,0))^2)/1000,0)</f>
        <v>154</v>
      </c>
      <c r="BN244">
        <f ca="1">ROUND(SQRT((VLOOKUP($A244,városok!$A$2:$C$346,2,0)-VLOOKUP(BN$1,városok!$A$2:$C$346,2,0))^2+(VLOOKUP($A244,városok!$A$2:$C$346,3,0)-VLOOKUP(BN$1,városok!$A$2:$C$346,3,0))^2)/1000,0)</f>
        <v>178</v>
      </c>
      <c r="BO244">
        <f ca="1">ROUND(SQRT((VLOOKUP($A244,városok!$A$2:$C$346,2,0)-VLOOKUP(BO$1,városok!$A$2:$C$346,2,0))^2+(VLOOKUP($A244,városok!$A$2:$C$346,3,0)-VLOOKUP(BO$1,városok!$A$2:$C$346,3,0))^2)/1000,0)</f>
        <v>79</v>
      </c>
      <c r="BP244">
        <f ca="1">ROUND(SQRT((VLOOKUP($A244,városok!$A$2:$C$346,2,0)-VLOOKUP(BP$1,városok!$A$2:$C$346,2,0))^2+(VLOOKUP($A244,városok!$A$2:$C$346,3,0)-VLOOKUP(BP$1,városok!$A$2:$C$346,3,0))^2)/1000,0)</f>
        <v>72</v>
      </c>
      <c r="BQ244">
        <f ca="1">ROUND(SQRT((VLOOKUP($A244,városok!$A$2:$C$346,2,0)-VLOOKUP(BQ$1,városok!$A$2:$C$346,2,0))^2+(VLOOKUP($A244,városok!$A$2:$C$346,3,0)-VLOOKUP(BQ$1,városok!$A$2:$C$346,3,0))^2)/1000,0)</f>
        <v>84</v>
      </c>
      <c r="BR244">
        <f ca="1">ROUND(SQRT((VLOOKUP($A244,városok!$A$2:$C$346,2,0)-VLOOKUP(BR$1,városok!$A$2:$C$346,2,0))^2+(VLOOKUP($A244,városok!$A$2:$C$346,3,0)-VLOOKUP(BR$1,városok!$A$2:$C$346,3,0))^2)/1000,0)</f>
        <v>144</v>
      </c>
      <c r="BS244">
        <f ca="1">ROUND(SQRT((VLOOKUP($A244,városok!$A$2:$C$346,2,0)-VLOOKUP(BS$1,városok!$A$2:$C$346,2,0))^2+(VLOOKUP($A244,városok!$A$2:$C$346,3,0)-VLOOKUP(BS$1,városok!$A$2:$C$346,3,0))^2)/1000,0)</f>
        <v>179</v>
      </c>
      <c r="BT244">
        <f ca="1">ROUND(SQRT((VLOOKUP($A244,városok!$A$2:$C$346,2,0)-VLOOKUP(BT$1,városok!$A$2:$C$346,2,0))^2+(VLOOKUP($A244,városok!$A$2:$C$346,3,0)-VLOOKUP(BT$1,városok!$A$2:$C$346,3,0))^2)/1000,0)</f>
        <v>170</v>
      </c>
    </row>
    <row r="245" spans="1:72" x14ac:dyDescent="0.2">
      <c r="A245" t="str">
        <f>városok!A245</f>
        <v>Törökbálint</v>
      </c>
      <c r="B245">
        <f ca="1">ROUND(SQRT((VLOOKUP($A245,városok!$A$2:$C$346,2,0)-VLOOKUP(B$1,városok!$A$2:$C$346,2,0))^2+(VLOOKUP($A245,városok!$A$2:$C$346,3,0)-VLOOKUP(B$1,városok!$A$2:$C$346,3,0))^2)/1000,0)</f>
        <v>139</v>
      </c>
      <c r="C245">
        <f ca="1">ROUND(SQRT((VLOOKUP($A245,városok!$A$2:$C$346,2,0)-VLOOKUP(C$1,városok!$A$2:$C$346,2,0))^2+(VLOOKUP($A245,városok!$A$2:$C$346,3,0)-VLOOKUP(C$1,városok!$A$2:$C$346,3,0))^2)/1000,0)</f>
        <v>101</v>
      </c>
      <c r="D245">
        <f ca="1">ROUND(SQRT((VLOOKUP($A245,városok!$A$2:$C$346,2,0)-VLOOKUP(D$1,városok!$A$2:$C$346,2,0))^2+(VLOOKUP($A245,városok!$A$2:$C$346,3,0)-VLOOKUP(D$1,városok!$A$2:$C$346,3,0))^2)/1000,0)</f>
        <v>83</v>
      </c>
      <c r="E245">
        <f ca="1">ROUND(SQRT((VLOOKUP($A245,városok!$A$2:$C$346,2,0)-VLOOKUP(E$1,városok!$A$2:$C$346,2,0))^2+(VLOOKUP($A245,városok!$A$2:$C$346,3,0)-VLOOKUP(E$1,városok!$A$2:$C$346,3,0))^2)/1000,0)</f>
        <v>147</v>
      </c>
      <c r="F245">
        <f ca="1">ROUND(SQRT((VLOOKUP($A245,városok!$A$2:$C$346,2,0)-VLOOKUP(F$1,városok!$A$2:$C$346,2,0))^2+(VLOOKUP($A245,városok!$A$2:$C$346,3,0)-VLOOKUP(F$1,városok!$A$2:$C$346,3,0))^2)/1000,0)</f>
        <v>161</v>
      </c>
      <c r="G245">
        <f ca="1">ROUND(SQRT((VLOOKUP($A245,városok!$A$2:$C$346,2,0)-VLOOKUP(G$1,városok!$A$2:$C$346,2,0))^2+(VLOOKUP($A245,városok!$A$2:$C$346,3,0)-VLOOKUP(G$1,városok!$A$2:$C$346,3,0))^2)/1000,0)</f>
        <v>159</v>
      </c>
      <c r="H245">
        <f ca="1">ROUND(SQRT((VLOOKUP($A245,városok!$A$2:$C$346,2,0)-VLOOKUP(H$1,városok!$A$2:$C$346,2,0))^2+(VLOOKUP($A245,városok!$A$2:$C$346,3,0)-VLOOKUP(H$1,városok!$A$2:$C$346,3,0))^2)/1000,0)</f>
        <v>176</v>
      </c>
      <c r="I245">
        <f ca="1">ROUND(SQRT((VLOOKUP($A245,városok!$A$2:$C$346,2,0)-VLOOKUP(I$1,városok!$A$2:$C$346,2,0))^2+(VLOOKUP($A245,városok!$A$2:$C$346,3,0)-VLOOKUP(I$1,városok!$A$2:$C$346,3,0))^2)/1000,0)</f>
        <v>185</v>
      </c>
      <c r="J245">
        <f ca="1">ROUND(SQRT((VLOOKUP($A245,városok!$A$2:$C$346,2,0)-VLOOKUP(J$1,városok!$A$2:$C$346,2,0))^2+(VLOOKUP($A245,városok!$A$2:$C$346,3,0)-VLOOKUP(J$1,városok!$A$2:$C$346,3,0))^2)/1000,0)</f>
        <v>200</v>
      </c>
      <c r="K245">
        <f ca="1">ROUND(SQRT((VLOOKUP($A245,városok!$A$2:$C$346,2,0)-VLOOKUP(K$1,városok!$A$2:$C$346,2,0))^2+(VLOOKUP($A245,városok!$A$2:$C$346,3,0)-VLOOKUP(K$1,városok!$A$2:$C$346,3,0))^2)/1000,0)</f>
        <v>165</v>
      </c>
      <c r="L245">
        <f ca="1">ROUND(SQRT((VLOOKUP($A245,városok!$A$2:$C$346,2,0)-VLOOKUP(L$1,városok!$A$2:$C$346,2,0))^2+(VLOOKUP($A245,városok!$A$2:$C$346,3,0)-VLOOKUP(L$1,városok!$A$2:$C$346,3,0))^2)/1000,0)</f>
        <v>158</v>
      </c>
      <c r="M245">
        <f ca="1">ROUND(SQRT((VLOOKUP($A245,városok!$A$2:$C$346,2,0)-VLOOKUP(M$1,városok!$A$2:$C$346,2,0))^2+(VLOOKUP($A245,városok!$A$2:$C$346,3,0)-VLOOKUP(M$1,városok!$A$2:$C$346,3,0))^2)/1000,0)</f>
        <v>159</v>
      </c>
      <c r="N245">
        <f ca="1">ROUND(SQRT((VLOOKUP($A245,városok!$A$2:$C$346,2,0)-VLOOKUP(N$1,városok!$A$2:$C$346,2,0))^2+(VLOOKUP($A245,városok!$A$2:$C$346,3,0)-VLOOKUP(N$1,városok!$A$2:$C$346,3,0))^2)/1000,0)</f>
        <v>135</v>
      </c>
      <c r="O245">
        <f ca="1">ROUND(SQRT((VLOOKUP($A245,városok!$A$2:$C$346,2,0)-VLOOKUP(O$1,városok!$A$2:$C$346,2,0))^2+(VLOOKUP($A245,városok!$A$2:$C$346,3,0)-VLOOKUP(O$1,városok!$A$2:$C$346,3,0))^2)/1000,0)</f>
        <v>231</v>
      </c>
      <c r="P245">
        <f ca="1">ROUND(SQRT((VLOOKUP($A245,városok!$A$2:$C$346,2,0)-VLOOKUP(P$1,városok!$A$2:$C$346,2,0))^2+(VLOOKUP($A245,városok!$A$2:$C$346,3,0)-VLOOKUP(P$1,városok!$A$2:$C$346,3,0))^2)/1000,0)</f>
        <v>231</v>
      </c>
      <c r="Q245">
        <f ca="1">ROUND(SQRT((VLOOKUP($A245,városok!$A$2:$C$346,2,0)-VLOOKUP(Q$1,városok!$A$2:$C$346,2,0))^2+(VLOOKUP($A245,városok!$A$2:$C$346,3,0)-VLOOKUP(Q$1,városok!$A$2:$C$346,3,0))^2)/1000,0)</f>
        <v>156</v>
      </c>
      <c r="R245">
        <f ca="1">ROUND(SQRT((VLOOKUP($A245,városok!$A$2:$C$346,2,0)-VLOOKUP(R$1,városok!$A$2:$C$346,2,0))^2+(VLOOKUP($A245,városok!$A$2:$C$346,3,0)-VLOOKUP(R$1,városok!$A$2:$C$346,3,0))^2)/1000,0)</f>
        <v>180</v>
      </c>
      <c r="S245">
        <f ca="1">ROUND(SQRT((VLOOKUP($A245,városok!$A$2:$C$346,2,0)-VLOOKUP(S$1,városok!$A$2:$C$346,2,0))^2+(VLOOKUP($A245,városok!$A$2:$C$346,3,0)-VLOOKUP(S$1,városok!$A$2:$C$346,3,0))^2)/1000,0)</f>
        <v>163</v>
      </c>
      <c r="T245">
        <f ca="1">ROUND(SQRT((VLOOKUP($A245,városok!$A$2:$C$346,2,0)-VLOOKUP(T$1,városok!$A$2:$C$346,2,0))^2+(VLOOKUP($A245,városok!$A$2:$C$346,3,0)-VLOOKUP(T$1,városok!$A$2:$C$346,3,0))^2)/1000,0)</f>
        <v>22</v>
      </c>
      <c r="U245">
        <f ca="1">ROUND(SQRT((VLOOKUP($A245,városok!$A$2:$C$346,2,0)-VLOOKUP(U$1,városok!$A$2:$C$346,2,0))^2+(VLOOKUP($A245,városok!$A$2:$C$346,3,0)-VLOOKUP(U$1,városok!$A$2:$C$346,3,0))^2)/1000,0)</f>
        <v>52</v>
      </c>
      <c r="V245">
        <f ca="1">ROUND(SQRT((VLOOKUP($A245,városok!$A$2:$C$346,2,0)-VLOOKUP(V$1,városok!$A$2:$C$346,2,0))^2+(VLOOKUP($A245,városok!$A$2:$C$346,3,0)-VLOOKUP(V$1,városok!$A$2:$C$346,3,0))^2)/1000,0)</f>
        <v>62</v>
      </c>
      <c r="W245">
        <f ca="1">ROUND(SQRT((VLOOKUP($A245,városok!$A$2:$C$346,2,0)-VLOOKUP(W$1,városok!$A$2:$C$346,2,0))^2+(VLOOKUP($A245,városok!$A$2:$C$346,3,0)-VLOOKUP(W$1,városok!$A$2:$C$346,3,0))^2)/1000,0)</f>
        <v>65</v>
      </c>
      <c r="X245">
        <f ca="1">ROUND(SQRT((VLOOKUP($A245,városok!$A$2:$C$346,2,0)-VLOOKUP(X$1,városok!$A$2:$C$346,2,0))^2+(VLOOKUP($A245,városok!$A$2:$C$346,3,0)-VLOOKUP(X$1,városok!$A$2:$C$346,3,0))^2)/1000,0)</f>
        <v>47</v>
      </c>
      <c r="Y245">
        <f ca="1">ROUND(SQRT((VLOOKUP($A245,városok!$A$2:$C$346,2,0)-VLOOKUP(Y$1,városok!$A$2:$C$346,2,0))^2+(VLOOKUP($A245,városok!$A$2:$C$346,3,0)-VLOOKUP(Y$1,városok!$A$2:$C$346,3,0))^2)/1000,0)</f>
        <v>100</v>
      </c>
      <c r="Z245">
        <f ca="1">ROUND(SQRT((VLOOKUP($A245,városok!$A$2:$C$346,2,0)-VLOOKUP(Z$1,városok!$A$2:$C$346,2,0))^2+(VLOOKUP($A245,városok!$A$2:$C$346,3,0)-VLOOKUP(Z$1,városok!$A$2:$C$346,3,0))^2)/1000,0)</f>
        <v>120</v>
      </c>
      <c r="AA245">
        <f ca="1">ROUND(SQRT((VLOOKUP($A245,városok!$A$2:$C$346,2,0)-VLOOKUP(AA$1,városok!$A$2:$C$346,2,0))^2+(VLOOKUP($A245,városok!$A$2:$C$346,3,0)-VLOOKUP(AA$1,városok!$A$2:$C$346,3,0))^2)/1000,0)</f>
        <v>178</v>
      </c>
      <c r="AB245">
        <f ca="1">ROUND(SQRT((VLOOKUP($A245,városok!$A$2:$C$346,2,0)-VLOOKUP(AB$1,városok!$A$2:$C$346,2,0))^2+(VLOOKUP($A245,városok!$A$2:$C$346,3,0)-VLOOKUP(AB$1,városok!$A$2:$C$346,3,0))^2)/1000,0)</f>
        <v>205</v>
      </c>
      <c r="AC245">
        <f ca="1">ROUND(SQRT((VLOOKUP($A245,városok!$A$2:$C$346,2,0)-VLOOKUP(AC$1,városok!$A$2:$C$346,2,0))^2+(VLOOKUP($A245,városok!$A$2:$C$346,3,0)-VLOOKUP(AC$1,városok!$A$2:$C$346,3,0))^2)/1000,0)</f>
        <v>187</v>
      </c>
      <c r="AD245">
        <f ca="1">ROUND(SQRT((VLOOKUP($A245,városok!$A$2:$C$346,2,0)-VLOOKUP(AD$1,városok!$A$2:$C$346,2,0))^2+(VLOOKUP($A245,városok!$A$2:$C$346,3,0)-VLOOKUP(AD$1,városok!$A$2:$C$346,3,0))^2)/1000,0)</f>
        <v>169</v>
      </c>
      <c r="AE245">
        <f ca="1">ROUND(SQRT((VLOOKUP($A245,városok!$A$2:$C$346,2,0)-VLOOKUP(AE$1,városok!$A$2:$C$346,2,0))^2+(VLOOKUP($A245,városok!$A$2:$C$346,3,0)-VLOOKUP(AE$1,városok!$A$2:$C$346,3,0))^2)/1000,0)</f>
        <v>171</v>
      </c>
      <c r="AF245">
        <f ca="1">ROUND(SQRT((VLOOKUP($A245,városok!$A$2:$C$346,2,0)-VLOOKUP(AF$1,városok!$A$2:$C$346,2,0))^2+(VLOOKUP($A245,városok!$A$2:$C$346,3,0)-VLOOKUP(AF$1,városok!$A$2:$C$346,3,0))^2)/1000,0)</f>
        <v>121</v>
      </c>
      <c r="AG245">
        <f ca="1">ROUND(SQRT((VLOOKUP($A245,városok!$A$2:$C$346,2,0)-VLOOKUP(AG$1,városok!$A$2:$C$346,2,0))^2+(VLOOKUP($A245,városok!$A$2:$C$346,3,0)-VLOOKUP(AG$1,városok!$A$2:$C$346,3,0))^2)/1000,0)</f>
        <v>85</v>
      </c>
      <c r="AH245">
        <f ca="1">ROUND(SQRT((VLOOKUP($A245,városok!$A$2:$C$346,2,0)-VLOOKUP(AH$1,városok!$A$2:$C$346,2,0))^2+(VLOOKUP($A245,városok!$A$2:$C$346,3,0)-VLOOKUP(AH$1,városok!$A$2:$C$346,3,0))^2)/1000,0)</f>
        <v>63</v>
      </c>
      <c r="AI245">
        <f ca="1">ROUND(SQRT((VLOOKUP($A245,városok!$A$2:$C$346,2,0)-VLOOKUP(AI$1,városok!$A$2:$C$346,2,0))^2+(VLOOKUP($A245,városok!$A$2:$C$346,3,0)-VLOOKUP(AI$1,városok!$A$2:$C$346,3,0))^2)/1000,0)</f>
        <v>110</v>
      </c>
      <c r="AJ245">
        <f ca="1">ROUND(SQRT((VLOOKUP($A245,városok!$A$2:$C$346,2,0)-VLOOKUP(AJ$1,városok!$A$2:$C$346,2,0))^2+(VLOOKUP($A245,városok!$A$2:$C$346,3,0)-VLOOKUP(AJ$1,városok!$A$2:$C$346,3,0))^2)/1000,0)</f>
        <v>83</v>
      </c>
      <c r="AK245">
        <f ca="1">ROUND(SQRT((VLOOKUP($A245,városok!$A$2:$C$346,2,0)-VLOOKUP(AK$1,városok!$A$2:$C$346,2,0))^2+(VLOOKUP($A245,városok!$A$2:$C$346,3,0)-VLOOKUP(AK$1,városok!$A$2:$C$346,3,0))^2)/1000,0)</f>
        <v>156</v>
      </c>
      <c r="AL245">
        <f ca="1">ROUND(SQRT((VLOOKUP($A245,városok!$A$2:$C$346,2,0)-VLOOKUP(AL$1,városok!$A$2:$C$346,2,0))^2+(VLOOKUP($A245,városok!$A$2:$C$346,3,0)-VLOOKUP(AL$1,városok!$A$2:$C$346,3,0))^2)/1000,0)</f>
        <v>130</v>
      </c>
      <c r="AM245">
        <f ca="1">ROUND(SQRT((VLOOKUP($A245,városok!$A$2:$C$346,2,0)-VLOOKUP(AM$1,városok!$A$2:$C$346,2,0))^2+(VLOOKUP($A245,városok!$A$2:$C$346,3,0)-VLOOKUP(AM$1,városok!$A$2:$C$346,3,0))^2)/1000,0)</f>
        <v>100</v>
      </c>
      <c r="AN245">
        <f ca="1">ROUND(SQRT((VLOOKUP($A245,városok!$A$2:$C$346,2,0)-VLOOKUP(AN$1,városok!$A$2:$C$346,2,0))^2+(VLOOKUP($A245,városok!$A$2:$C$346,3,0)-VLOOKUP(AN$1,városok!$A$2:$C$346,3,0))^2)/1000,0)</f>
        <v>42</v>
      </c>
      <c r="AO245">
        <f ca="1">ROUND(SQRT((VLOOKUP($A245,városok!$A$2:$C$346,2,0)-VLOOKUP(AO$1,városok!$A$2:$C$346,2,0))^2+(VLOOKUP($A245,városok!$A$2:$C$346,3,0)-VLOOKUP(AO$1,városok!$A$2:$C$346,3,0))^2)/1000,0)</f>
        <v>69</v>
      </c>
      <c r="AP245">
        <f ca="1">ROUND(SQRT((VLOOKUP($A245,városok!$A$2:$C$346,2,0)-VLOOKUP(AP$1,városok!$A$2:$C$346,2,0))^2+(VLOOKUP($A245,városok!$A$2:$C$346,3,0)-VLOOKUP(AP$1,városok!$A$2:$C$346,3,0))^2)/1000,0)</f>
        <v>50</v>
      </c>
      <c r="AQ245">
        <f ca="1">ROUND(SQRT((VLOOKUP($A245,városok!$A$2:$C$346,2,0)-VLOOKUP(AQ$1,városok!$A$2:$C$346,2,0))^2+(VLOOKUP($A245,városok!$A$2:$C$346,3,0)-VLOOKUP(AQ$1,városok!$A$2:$C$346,3,0))^2)/1000,0)</f>
        <v>41</v>
      </c>
      <c r="AR245">
        <f ca="1">ROUND(SQRT((VLOOKUP($A245,városok!$A$2:$C$346,2,0)-VLOOKUP(AR$1,városok!$A$2:$C$346,2,0))^2+(VLOOKUP($A245,városok!$A$2:$C$346,3,0)-VLOOKUP(AR$1,városok!$A$2:$C$346,3,0))^2)/1000,0)</f>
        <v>80</v>
      </c>
      <c r="AS245">
        <f ca="1">ROUND(SQRT((VLOOKUP($A245,városok!$A$2:$C$346,2,0)-VLOOKUP(AS$1,városok!$A$2:$C$346,2,0))^2+(VLOOKUP($A245,városok!$A$2:$C$346,3,0)-VLOOKUP(AS$1,városok!$A$2:$C$346,3,0))^2)/1000,0)</f>
        <v>101</v>
      </c>
      <c r="AT245">
        <f ca="1">ROUND(SQRT((VLOOKUP($A245,városok!$A$2:$C$346,2,0)-VLOOKUP(AT$1,városok!$A$2:$C$346,2,0))^2+(VLOOKUP($A245,városok!$A$2:$C$346,3,0)-VLOOKUP(AT$1,városok!$A$2:$C$346,3,0))^2)/1000,0)</f>
        <v>8</v>
      </c>
      <c r="AU245">
        <f ca="1">ROUND(SQRT((VLOOKUP($A245,városok!$A$2:$C$346,2,0)-VLOOKUP(AU$1,városok!$A$2:$C$346,2,0))^2+(VLOOKUP($A245,városok!$A$2:$C$346,3,0)-VLOOKUP(AU$1,városok!$A$2:$C$346,3,0))^2)/1000,0)</f>
        <v>4</v>
      </c>
      <c r="AV245">
        <f ca="1">ROUND(SQRT((VLOOKUP($A245,városok!$A$2:$C$346,2,0)-VLOOKUP(AV$1,városok!$A$2:$C$346,2,0))^2+(VLOOKUP($A245,városok!$A$2:$C$346,3,0)-VLOOKUP(AV$1,városok!$A$2:$C$346,3,0))^2)/1000,0)</f>
        <v>4</v>
      </c>
      <c r="AW245">
        <f ca="1">ROUND(SQRT((VLOOKUP($A245,városok!$A$2:$C$346,2,0)-VLOOKUP(AW$1,városok!$A$2:$C$346,2,0))^2+(VLOOKUP($A245,városok!$A$2:$C$346,3,0)-VLOOKUP(AW$1,városok!$A$2:$C$346,3,0))^2)/1000,0)</f>
        <v>4</v>
      </c>
      <c r="AX245">
        <f ca="1">ROUND(SQRT((VLOOKUP($A245,városok!$A$2:$C$346,2,0)-VLOOKUP(AX$1,városok!$A$2:$C$346,2,0))^2+(VLOOKUP($A245,városok!$A$2:$C$346,3,0)-VLOOKUP(AX$1,városok!$A$2:$C$346,3,0))^2)/1000,0)</f>
        <v>79</v>
      </c>
      <c r="AY245">
        <f ca="1">ROUND(SQRT((VLOOKUP($A245,városok!$A$2:$C$346,2,0)-VLOOKUP(AY$1,városok!$A$2:$C$346,2,0))^2+(VLOOKUP($A245,városok!$A$2:$C$346,3,0)-VLOOKUP(AY$1,városok!$A$2:$C$346,3,0))^2)/1000,0)</f>
        <v>30</v>
      </c>
      <c r="AZ245">
        <f ca="1">ROUND(SQRT((VLOOKUP($A245,városok!$A$2:$C$346,2,0)-VLOOKUP(AZ$1,városok!$A$2:$C$346,2,0))^2+(VLOOKUP($A245,városok!$A$2:$C$346,3,0)-VLOOKUP(AZ$1,városok!$A$2:$C$346,3,0))^2)/1000,0)</f>
        <v>39</v>
      </c>
      <c r="BA245">
        <f ca="1">ROUND(SQRT((VLOOKUP($A245,városok!$A$2:$C$346,2,0)-VLOOKUP(BA$1,városok!$A$2:$C$346,2,0))^2+(VLOOKUP($A245,városok!$A$2:$C$346,3,0)-VLOOKUP(BA$1,városok!$A$2:$C$346,3,0))^2)/1000,0)</f>
        <v>117</v>
      </c>
      <c r="BB245">
        <f ca="1">ROUND(SQRT((VLOOKUP($A245,városok!$A$2:$C$346,2,0)-VLOOKUP(BB$1,városok!$A$2:$C$346,2,0))^2+(VLOOKUP($A245,városok!$A$2:$C$346,3,0)-VLOOKUP(BB$1,városok!$A$2:$C$346,3,0))^2)/1000,0)</f>
        <v>124</v>
      </c>
      <c r="BC245">
        <f ca="1">ROUND(SQRT((VLOOKUP($A245,városok!$A$2:$C$346,2,0)-VLOOKUP(BC$1,városok!$A$2:$C$346,2,0))^2+(VLOOKUP($A245,városok!$A$2:$C$346,3,0)-VLOOKUP(BC$1,városok!$A$2:$C$346,3,0))^2)/1000,0)</f>
        <v>147</v>
      </c>
      <c r="BD245">
        <f ca="1">ROUND(SQRT((VLOOKUP($A245,városok!$A$2:$C$346,2,0)-VLOOKUP(BD$1,városok!$A$2:$C$346,2,0))^2+(VLOOKUP($A245,városok!$A$2:$C$346,3,0)-VLOOKUP(BD$1,városok!$A$2:$C$346,3,0))^2)/1000,0)</f>
        <v>87</v>
      </c>
      <c r="BE245">
        <f ca="1">ROUND(SQRT((VLOOKUP($A245,városok!$A$2:$C$346,2,0)-VLOOKUP(BE$1,városok!$A$2:$C$346,2,0))^2+(VLOOKUP($A245,városok!$A$2:$C$346,3,0)-VLOOKUP(BE$1,városok!$A$2:$C$346,3,0))^2)/1000,0)</f>
        <v>286</v>
      </c>
      <c r="BF245">
        <f ca="1">ROUND(SQRT((VLOOKUP($A245,városok!$A$2:$C$346,2,0)-VLOOKUP(BF$1,városok!$A$2:$C$346,2,0))^2+(VLOOKUP($A245,városok!$A$2:$C$346,3,0)-VLOOKUP(BF$1,városok!$A$2:$C$346,3,0))^2)/1000,0)</f>
        <v>252</v>
      </c>
      <c r="BG245">
        <f ca="1">ROUND(SQRT((VLOOKUP($A245,városok!$A$2:$C$346,2,0)-VLOOKUP(BG$1,városok!$A$2:$C$346,2,0))^2+(VLOOKUP($A245,városok!$A$2:$C$346,3,0)-VLOOKUP(BG$1,városok!$A$2:$C$346,3,0))^2)/1000,0)</f>
        <v>206</v>
      </c>
      <c r="BH245">
        <f ca="1">ROUND(SQRT((VLOOKUP($A245,városok!$A$2:$C$346,2,0)-VLOOKUP(BH$1,városok!$A$2:$C$346,2,0))^2+(VLOOKUP($A245,városok!$A$2:$C$346,3,0)-VLOOKUP(BH$1,városok!$A$2:$C$346,3,0))^2)/1000,0)</f>
        <v>206</v>
      </c>
      <c r="BI245">
        <f ca="1">ROUND(SQRT((VLOOKUP($A245,városok!$A$2:$C$346,2,0)-VLOOKUP(BI$1,városok!$A$2:$C$346,2,0))^2+(VLOOKUP($A245,városok!$A$2:$C$346,3,0)-VLOOKUP(BI$1,városok!$A$2:$C$346,3,0))^2)/1000,0)</f>
        <v>117</v>
      </c>
      <c r="BJ245">
        <f ca="1">ROUND(SQRT((VLOOKUP($A245,városok!$A$2:$C$346,2,0)-VLOOKUP(BJ$1,városok!$A$2:$C$346,2,0))^2+(VLOOKUP($A245,városok!$A$2:$C$346,3,0)-VLOOKUP(BJ$1,városok!$A$2:$C$346,3,0))^2)/1000,0)</f>
        <v>133</v>
      </c>
      <c r="BK245">
        <f ca="1">ROUND(SQRT((VLOOKUP($A245,városok!$A$2:$C$346,2,0)-VLOOKUP(BK$1,városok!$A$2:$C$346,2,0))^2+(VLOOKUP($A245,városok!$A$2:$C$346,3,0)-VLOOKUP(BK$1,városok!$A$2:$C$346,3,0))^2)/1000,0)</f>
        <v>121</v>
      </c>
      <c r="BL245">
        <f ca="1">ROUND(SQRT((VLOOKUP($A245,városok!$A$2:$C$346,2,0)-VLOOKUP(BL$1,városok!$A$2:$C$346,2,0))^2+(VLOOKUP($A245,városok!$A$2:$C$346,3,0)-VLOOKUP(BL$1,városok!$A$2:$C$346,3,0))^2)/1000,0)</f>
        <v>181</v>
      </c>
      <c r="BM245">
        <f ca="1">ROUND(SQRT((VLOOKUP($A245,városok!$A$2:$C$346,2,0)-VLOOKUP(BM$1,városok!$A$2:$C$346,2,0))^2+(VLOOKUP($A245,városok!$A$2:$C$346,3,0)-VLOOKUP(BM$1,városok!$A$2:$C$346,3,0))^2)/1000,0)</f>
        <v>151</v>
      </c>
      <c r="BN245">
        <f ca="1">ROUND(SQRT((VLOOKUP($A245,városok!$A$2:$C$346,2,0)-VLOOKUP(BN$1,városok!$A$2:$C$346,2,0))^2+(VLOOKUP($A245,városok!$A$2:$C$346,3,0)-VLOOKUP(BN$1,városok!$A$2:$C$346,3,0))^2)/1000,0)</f>
        <v>175</v>
      </c>
      <c r="BO245">
        <f ca="1">ROUND(SQRT((VLOOKUP($A245,városok!$A$2:$C$346,2,0)-VLOOKUP(BO$1,városok!$A$2:$C$346,2,0))^2+(VLOOKUP($A245,városok!$A$2:$C$346,3,0)-VLOOKUP(BO$1,városok!$A$2:$C$346,3,0))^2)/1000,0)</f>
        <v>82</v>
      </c>
      <c r="BP245">
        <f ca="1">ROUND(SQRT((VLOOKUP($A245,városok!$A$2:$C$346,2,0)-VLOOKUP(BP$1,városok!$A$2:$C$346,2,0))^2+(VLOOKUP($A245,városok!$A$2:$C$346,3,0)-VLOOKUP(BP$1,városok!$A$2:$C$346,3,0))^2)/1000,0)</f>
        <v>75</v>
      </c>
      <c r="BQ245">
        <f ca="1">ROUND(SQRT((VLOOKUP($A245,városok!$A$2:$C$346,2,0)-VLOOKUP(BQ$1,városok!$A$2:$C$346,2,0))^2+(VLOOKUP($A245,városok!$A$2:$C$346,3,0)-VLOOKUP(BQ$1,városok!$A$2:$C$346,3,0))^2)/1000,0)</f>
        <v>85</v>
      </c>
      <c r="BR245">
        <f ca="1">ROUND(SQRT((VLOOKUP($A245,városok!$A$2:$C$346,2,0)-VLOOKUP(BR$1,városok!$A$2:$C$346,2,0))^2+(VLOOKUP($A245,városok!$A$2:$C$346,3,0)-VLOOKUP(BR$1,városok!$A$2:$C$346,3,0))^2)/1000,0)</f>
        <v>146</v>
      </c>
      <c r="BS245">
        <f ca="1">ROUND(SQRT((VLOOKUP($A245,városok!$A$2:$C$346,2,0)-VLOOKUP(BS$1,városok!$A$2:$C$346,2,0))^2+(VLOOKUP($A245,városok!$A$2:$C$346,3,0)-VLOOKUP(BS$1,városok!$A$2:$C$346,3,0))^2)/1000,0)</f>
        <v>183</v>
      </c>
      <c r="BT245">
        <f ca="1">ROUND(SQRT((VLOOKUP($A245,városok!$A$2:$C$346,2,0)-VLOOKUP(BT$1,városok!$A$2:$C$346,2,0))^2+(VLOOKUP($A245,városok!$A$2:$C$346,3,0)-VLOOKUP(BT$1,városok!$A$2:$C$346,3,0))^2)/1000,0)</f>
        <v>171</v>
      </c>
    </row>
    <row r="246" spans="1:72" x14ac:dyDescent="0.2">
      <c r="A246" t="str">
        <f>városok!A246</f>
        <v>Tura</v>
      </c>
      <c r="B246">
        <f ca="1">ROUND(SQRT((VLOOKUP($A246,városok!$A$2:$C$346,2,0)-VLOOKUP(B$1,városok!$A$2:$C$346,2,0))^2+(VLOOKUP($A246,városok!$A$2:$C$346,3,0)-VLOOKUP(B$1,városok!$A$2:$C$346,3,0))^2)/1000,0)</f>
        <v>165</v>
      </c>
      <c r="C246">
        <f ca="1">ROUND(SQRT((VLOOKUP($A246,városok!$A$2:$C$346,2,0)-VLOOKUP(C$1,városok!$A$2:$C$346,2,0))^2+(VLOOKUP($A246,városok!$A$2:$C$346,3,0)-VLOOKUP(C$1,városok!$A$2:$C$346,3,0))^2)/1000,0)</f>
        <v>129</v>
      </c>
      <c r="D246">
        <f ca="1">ROUND(SQRT((VLOOKUP($A246,városok!$A$2:$C$346,2,0)-VLOOKUP(D$1,városok!$A$2:$C$346,2,0))^2+(VLOOKUP($A246,városok!$A$2:$C$346,3,0)-VLOOKUP(D$1,városok!$A$2:$C$346,3,0))^2)/1000,0)</f>
        <v>78</v>
      </c>
      <c r="E246">
        <f ca="1">ROUND(SQRT((VLOOKUP($A246,városok!$A$2:$C$346,2,0)-VLOOKUP(E$1,városok!$A$2:$C$346,2,0))^2+(VLOOKUP($A246,városok!$A$2:$C$346,3,0)-VLOOKUP(E$1,városok!$A$2:$C$346,3,0))^2)/1000,0)</f>
        <v>188</v>
      </c>
      <c r="F246">
        <f ca="1">ROUND(SQRT((VLOOKUP($A246,városok!$A$2:$C$346,2,0)-VLOOKUP(F$1,városok!$A$2:$C$346,2,0))^2+(VLOOKUP($A246,városok!$A$2:$C$346,3,0)-VLOOKUP(F$1,városok!$A$2:$C$346,3,0))^2)/1000,0)</f>
        <v>193</v>
      </c>
      <c r="G246">
        <f ca="1">ROUND(SQRT((VLOOKUP($A246,városok!$A$2:$C$346,2,0)-VLOOKUP(G$1,városok!$A$2:$C$346,2,0))^2+(VLOOKUP($A246,városok!$A$2:$C$346,3,0)-VLOOKUP(G$1,városok!$A$2:$C$346,3,0))^2)/1000,0)</f>
        <v>199</v>
      </c>
      <c r="H246">
        <f ca="1">ROUND(SQRT((VLOOKUP($A246,városok!$A$2:$C$346,2,0)-VLOOKUP(H$1,városok!$A$2:$C$346,2,0))^2+(VLOOKUP($A246,városok!$A$2:$C$346,3,0)-VLOOKUP(H$1,városok!$A$2:$C$346,3,0))^2)/1000,0)</f>
        <v>221</v>
      </c>
      <c r="I246">
        <f ca="1">ROUND(SQRT((VLOOKUP($A246,városok!$A$2:$C$346,2,0)-VLOOKUP(I$1,városok!$A$2:$C$346,2,0))^2+(VLOOKUP($A246,városok!$A$2:$C$346,3,0)-VLOOKUP(I$1,városok!$A$2:$C$346,3,0))^2)/1000,0)</f>
        <v>153</v>
      </c>
      <c r="J246">
        <f ca="1">ROUND(SQRT((VLOOKUP($A246,városok!$A$2:$C$346,2,0)-VLOOKUP(J$1,városok!$A$2:$C$346,2,0))^2+(VLOOKUP($A246,városok!$A$2:$C$346,3,0)-VLOOKUP(J$1,városok!$A$2:$C$346,3,0))^2)/1000,0)</f>
        <v>166</v>
      </c>
      <c r="K246">
        <f ca="1">ROUND(SQRT((VLOOKUP($A246,városok!$A$2:$C$346,2,0)-VLOOKUP(K$1,városok!$A$2:$C$346,2,0))^2+(VLOOKUP($A246,városok!$A$2:$C$346,3,0)-VLOOKUP(K$1,városok!$A$2:$C$346,3,0))^2)/1000,0)</f>
        <v>142</v>
      </c>
      <c r="L246">
        <f ca="1">ROUND(SQRT((VLOOKUP($A246,városok!$A$2:$C$346,2,0)-VLOOKUP(L$1,városok!$A$2:$C$346,2,0))^2+(VLOOKUP($A246,városok!$A$2:$C$346,3,0)-VLOOKUP(L$1,városok!$A$2:$C$346,3,0))^2)/1000,0)</f>
        <v>106</v>
      </c>
      <c r="M246">
        <f ca="1">ROUND(SQRT((VLOOKUP($A246,városok!$A$2:$C$346,2,0)-VLOOKUP(M$1,városok!$A$2:$C$346,2,0))^2+(VLOOKUP($A246,városok!$A$2:$C$346,3,0)-VLOOKUP(M$1,városok!$A$2:$C$346,3,0))^2)/1000,0)</f>
        <v>105</v>
      </c>
      <c r="N246">
        <f ca="1">ROUND(SQRT((VLOOKUP($A246,városok!$A$2:$C$346,2,0)-VLOOKUP(N$1,városok!$A$2:$C$346,2,0))^2+(VLOOKUP($A246,városok!$A$2:$C$346,3,0)-VLOOKUP(N$1,városok!$A$2:$C$346,3,0))^2)/1000,0)</f>
        <v>86</v>
      </c>
      <c r="O246">
        <f ca="1">ROUND(SQRT((VLOOKUP($A246,városok!$A$2:$C$346,2,0)-VLOOKUP(O$1,városok!$A$2:$C$346,2,0))^2+(VLOOKUP($A246,városok!$A$2:$C$346,3,0)-VLOOKUP(O$1,városok!$A$2:$C$346,3,0))^2)/1000,0)</f>
        <v>176</v>
      </c>
      <c r="P246">
        <f ca="1">ROUND(SQRT((VLOOKUP($A246,városok!$A$2:$C$346,2,0)-VLOOKUP(P$1,városok!$A$2:$C$346,2,0))^2+(VLOOKUP($A246,városok!$A$2:$C$346,3,0)-VLOOKUP(P$1,városok!$A$2:$C$346,3,0))^2)/1000,0)</f>
        <v>176</v>
      </c>
      <c r="Q246">
        <f ca="1">ROUND(SQRT((VLOOKUP($A246,városok!$A$2:$C$346,2,0)-VLOOKUP(Q$1,városok!$A$2:$C$346,2,0))^2+(VLOOKUP($A246,városok!$A$2:$C$346,3,0)-VLOOKUP(Q$1,városok!$A$2:$C$346,3,0))^2)/1000,0)</f>
        <v>143</v>
      </c>
      <c r="R246">
        <f ca="1">ROUND(SQRT((VLOOKUP($A246,városok!$A$2:$C$346,2,0)-VLOOKUP(R$1,városok!$A$2:$C$346,2,0))^2+(VLOOKUP($A246,városok!$A$2:$C$346,3,0)-VLOOKUP(R$1,városok!$A$2:$C$346,3,0))^2)/1000,0)</f>
        <v>168</v>
      </c>
      <c r="S246">
        <f ca="1">ROUND(SQRT((VLOOKUP($A246,városok!$A$2:$C$346,2,0)-VLOOKUP(S$1,városok!$A$2:$C$346,2,0))^2+(VLOOKUP($A246,városok!$A$2:$C$346,3,0)-VLOOKUP(S$1,városok!$A$2:$C$346,3,0))^2)/1000,0)</f>
        <v>157</v>
      </c>
      <c r="T246">
        <f ca="1">ROUND(SQRT((VLOOKUP($A246,városok!$A$2:$C$346,2,0)-VLOOKUP(T$1,városok!$A$2:$C$346,2,0))^2+(VLOOKUP($A246,városok!$A$2:$C$346,3,0)-VLOOKUP(T$1,városok!$A$2:$C$346,3,0))^2)/1000,0)</f>
        <v>74</v>
      </c>
      <c r="U246">
        <f ca="1">ROUND(SQRT((VLOOKUP($A246,városok!$A$2:$C$346,2,0)-VLOOKUP(U$1,városok!$A$2:$C$346,2,0))^2+(VLOOKUP($A246,városok!$A$2:$C$346,3,0)-VLOOKUP(U$1,városok!$A$2:$C$346,3,0))^2)/1000,0)</f>
        <v>87</v>
      </c>
      <c r="V246">
        <f ca="1">ROUND(SQRT((VLOOKUP($A246,városok!$A$2:$C$346,2,0)-VLOOKUP(V$1,városok!$A$2:$C$346,2,0))^2+(VLOOKUP($A246,városok!$A$2:$C$346,3,0)-VLOOKUP(V$1,városok!$A$2:$C$346,3,0))^2)/1000,0)</f>
        <v>115</v>
      </c>
      <c r="W246">
        <f ca="1">ROUND(SQRT((VLOOKUP($A246,városok!$A$2:$C$346,2,0)-VLOOKUP(W$1,városok!$A$2:$C$346,2,0))^2+(VLOOKUP($A246,városok!$A$2:$C$346,3,0)-VLOOKUP(W$1,városok!$A$2:$C$346,3,0))^2)/1000,0)</f>
        <v>109</v>
      </c>
      <c r="X246">
        <f ca="1">ROUND(SQRT((VLOOKUP($A246,városok!$A$2:$C$346,2,0)-VLOOKUP(X$1,városok!$A$2:$C$346,2,0))^2+(VLOOKUP($A246,városok!$A$2:$C$346,3,0)-VLOOKUP(X$1,városok!$A$2:$C$346,3,0))^2)/1000,0)</f>
        <v>102</v>
      </c>
      <c r="Y246">
        <f ca="1">ROUND(SQRT((VLOOKUP($A246,városok!$A$2:$C$346,2,0)-VLOOKUP(Y$1,városok!$A$2:$C$346,2,0))^2+(VLOOKUP($A246,városok!$A$2:$C$346,3,0)-VLOOKUP(Y$1,városok!$A$2:$C$346,3,0))^2)/1000,0)</f>
        <v>148</v>
      </c>
      <c r="Z246">
        <f ca="1">ROUND(SQRT((VLOOKUP($A246,városok!$A$2:$C$346,2,0)-VLOOKUP(Z$1,városok!$A$2:$C$346,2,0))^2+(VLOOKUP($A246,városok!$A$2:$C$346,3,0)-VLOOKUP(Z$1,városok!$A$2:$C$346,3,0))^2)/1000,0)</f>
        <v>167</v>
      </c>
      <c r="AA246">
        <f ca="1">ROUND(SQRT((VLOOKUP($A246,városok!$A$2:$C$346,2,0)-VLOOKUP(AA$1,városok!$A$2:$C$346,2,0))^2+(VLOOKUP($A246,városok!$A$2:$C$346,3,0)-VLOOKUP(AA$1,városok!$A$2:$C$346,3,0))^2)/1000,0)</f>
        <v>227</v>
      </c>
      <c r="AB246">
        <f ca="1">ROUND(SQRT((VLOOKUP($A246,városok!$A$2:$C$346,2,0)-VLOOKUP(AB$1,városok!$A$2:$C$346,2,0))^2+(VLOOKUP($A246,városok!$A$2:$C$346,3,0)-VLOOKUP(AB$1,városok!$A$2:$C$346,3,0))^2)/1000,0)</f>
        <v>153</v>
      </c>
      <c r="AC246">
        <f ca="1">ROUND(SQRT((VLOOKUP($A246,városok!$A$2:$C$346,2,0)-VLOOKUP(AC$1,városok!$A$2:$C$346,2,0))^2+(VLOOKUP($A246,városok!$A$2:$C$346,3,0)-VLOOKUP(AC$1,városok!$A$2:$C$346,3,0))^2)/1000,0)</f>
        <v>136</v>
      </c>
      <c r="AD246">
        <f ca="1">ROUND(SQRT((VLOOKUP($A246,városok!$A$2:$C$346,2,0)-VLOOKUP(AD$1,városok!$A$2:$C$346,2,0))^2+(VLOOKUP($A246,városok!$A$2:$C$346,3,0)-VLOOKUP(AD$1,városok!$A$2:$C$346,3,0))^2)/1000,0)</f>
        <v>119</v>
      </c>
      <c r="AE246">
        <f ca="1">ROUND(SQRT((VLOOKUP($A246,városok!$A$2:$C$346,2,0)-VLOOKUP(AE$1,városok!$A$2:$C$346,2,0))^2+(VLOOKUP($A246,városok!$A$2:$C$346,3,0)-VLOOKUP(AE$1,városok!$A$2:$C$346,3,0))^2)/1000,0)</f>
        <v>124</v>
      </c>
      <c r="AF246">
        <f ca="1">ROUND(SQRT((VLOOKUP($A246,városok!$A$2:$C$346,2,0)-VLOOKUP(AF$1,városok!$A$2:$C$346,2,0))^2+(VLOOKUP($A246,városok!$A$2:$C$346,3,0)-VLOOKUP(AF$1,városok!$A$2:$C$346,3,0))^2)/1000,0)</f>
        <v>67</v>
      </c>
      <c r="AG246">
        <f ca="1">ROUND(SQRT((VLOOKUP($A246,városok!$A$2:$C$346,2,0)-VLOOKUP(AG$1,városok!$A$2:$C$346,2,0))^2+(VLOOKUP($A246,városok!$A$2:$C$346,3,0)-VLOOKUP(AG$1,városok!$A$2:$C$346,3,0))^2)/1000,0)</f>
        <v>31</v>
      </c>
      <c r="AH246">
        <f ca="1">ROUND(SQRT((VLOOKUP($A246,városok!$A$2:$C$346,2,0)-VLOOKUP(AH$1,városok!$A$2:$C$346,2,0))^2+(VLOOKUP($A246,városok!$A$2:$C$346,3,0)-VLOOKUP(AH$1,városok!$A$2:$C$346,3,0))^2)/1000,0)</f>
        <v>9</v>
      </c>
      <c r="AI246">
        <f ca="1">ROUND(SQRT((VLOOKUP($A246,városok!$A$2:$C$346,2,0)-VLOOKUP(AI$1,városok!$A$2:$C$346,2,0))^2+(VLOOKUP($A246,városok!$A$2:$C$346,3,0)-VLOOKUP(AI$1,városok!$A$2:$C$346,3,0))^2)/1000,0)</f>
        <v>59</v>
      </c>
      <c r="AJ246">
        <f ca="1">ROUND(SQRT((VLOOKUP($A246,városok!$A$2:$C$346,2,0)-VLOOKUP(AJ$1,városok!$A$2:$C$346,2,0))^2+(VLOOKUP($A246,városok!$A$2:$C$346,3,0)-VLOOKUP(AJ$1,városok!$A$2:$C$346,3,0))^2)/1000,0)</f>
        <v>29</v>
      </c>
      <c r="AK246">
        <f ca="1">ROUND(SQRT((VLOOKUP($A246,városok!$A$2:$C$346,2,0)-VLOOKUP(AK$1,városok!$A$2:$C$346,2,0))^2+(VLOOKUP($A246,városok!$A$2:$C$346,3,0)-VLOOKUP(AK$1,városok!$A$2:$C$346,3,0))^2)/1000,0)</f>
        <v>110</v>
      </c>
      <c r="AL246">
        <f ca="1">ROUND(SQRT((VLOOKUP($A246,városok!$A$2:$C$346,2,0)-VLOOKUP(AL$1,városok!$A$2:$C$346,2,0))^2+(VLOOKUP($A246,városok!$A$2:$C$346,3,0)-VLOOKUP(AL$1,városok!$A$2:$C$346,3,0))^2)/1000,0)</f>
        <v>82</v>
      </c>
      <c r="AM246">
        <f ca="1">ROUND(SQRT((VLOOKUP($A246,városok!$A$2:$C$346,2,0)-VLOOKUP(AM$1,városok!$A$2:$C$346,2,0))^2+(VLOOKUP($A246,városok!$A$2:$C$346,3,0)-VLOOKUP(AM$1,városok!$A$2:$C$346,3,0))^2)/1000,0)</f>
        <v>65</v>
      </c>
      <c r="AN246">
        <f ca="1">ROUND(SQRT((VLOOKUP($A246,városok!$A$2:$C$346,2,0)-VLOOKUP(AN$1,városok!$A$2:$C$346,2,0))^2+(VLOOKUP($A246,városok!$A$2:$C$346,3,0)-VLOOKUP(AN$1,városok!$A$2:$C$346,3,0))^2)/1000,0)</f>
        <v>67</v>
      </c>
      <c r="AO246">
        <f ca="1">ROUND(SQRT((VLOOKUP($A246,városok!$A$2:$C$346,2,0)-VLOOKUP(AO$1,városok!$A$2:$C$346,2,0))^2+(VLOOKUP($A246,városok!$A$2:$C$346,3,0)-VLOOKUP(AO$1,városok!$A$2:$C$346,3,0))^2)/1000,0)</f>
        <v>112</v>
      </c>
      <c r="AP246">
        <f ca="1">ROUND(SQRT((VLOOKUP($A246,városok!$A$2:$C$346,2,0)-VLOOKUP(AP$1,városok!$A$2:$C$346,2,0))^2+(VLOOKUP($A246,városok!$A$2:$C$346,3,0)-VLOOKUP(AP$1,városok!$A$2:$C$346,3,0))^2)/1000,0)</f>
        <v>95</v>
      </c>
      <c r="AQ246">
        <f ca="1">ROUND(SQRT((VLOOKUP($A246,városok!$A$2:$C$346,2,0)-VLOOKUP(AQ$1,városok!$A$2:$C$346,2,0))^2+(VLOOKUP($A246,városok!$A$2:$C$346,3,0)-VLOOKUP(AQ$1,városok!$A$2:$C$346,3,0))^2)/1000,0)</f>
        <v>90</v>
      </c>
      <c r="AR246">
        <f ca="1">ROUND(SQRT((VLOOKUP($A246,városok!$A$2:$C$346,2,0)-VLOOKUP(AR$1,városok!$A$2:$C$346,2,0))^2+(VLOOKUP($A246,városok!$A$2:$C$346,3,0)-VLOOKUP(AR$1,városok!$A$2:$C$346,3,0))^2)/1000,0)</f>
        <v>36</v>
      </c>
      <c r="AS246">
        <f ca="1">ROUND(SQRT((VLOOKUP($A246,városok!$A$2:$C$346,2,0)-VLOOKUP(AS$1,városok!$A$2:$C$346,2,0))^2+(VLOOKUP($A246,városok!$A$2:$C$346,3,0)-VLOOKUP(AS$1,városok!$A$2:$C$346,3,0))^2)/1000,0)</f>
        <v>58</v>
      </c>
      <c r="AT246">
        <f ca="1">ROUND(SQRT((VLOOKUP($A246,városok!$A$2:$C$346,2,0)-VLOOKUP(AT$1,városok!$A$2:$C$346,2,0))^2+(VLOOKUP($A246,városok!$A$2:$C$346,3,0)-VLOOKUP(AT$1,városok!$A$2:$C$346,3,0))^2)/1000,0)</f>
        <v>61</v>
      </c>
      <c r="AU246">
        <f ca="1">ROUND(SQRT((VLOOKUP($A246,városok!$A$2:$C$346,2,0)-VLOOKUP(AU$1,városok!$A$2:$C$346,2,0))^2+(VLOOKUP($A246,városok!$A$2:$C$346,3,0)-VLOOKUP(AU$1,városok!$A$2:$C$346,3,0))^2)/1000,0)</f>
        <v>51</v>
      </c>
      <c r="AV246">
        <f ca="1">ROUND(SQRT((VLOOKUP($A246,városok!$A$2:$C$346,2,0)-VLOOKUP(AV$1,városok!$A$2:$C$346,2,0))^2+(VLOOKUP($A246,városok!$A$2:$C$346,3,0)-VLOOKUP(AV$1,városok!$A$2:$C$346,3,0))^2)/1000,0)</f>
        <v>54</v>
      </c>
      <c r="AW246">
        <f ca="1">ROUND(SQRT((VLOOKUP($A246,városok!$A$2:$C$346,2,0)-VLOOKUP(AW$1,városok!$A$2:$C$346,2,0))^2+(VLOOKUP($A246,városok!$A$2:$C$346,3,0)-VLOOKUP(AW$1,városok!$A$2:$C$346,3,0))^2)/1000,0)</f>
        <v>57</v>
      </c>
      <c r="AX246">
        <f ca="1">ROUND(SQRT((VLOOKUP($A246,városok!$A$2:$C$346,2,0)-VLOOKUP(AX$1,városok!$A$2:$C$346,2,0))^2+(VLOOKUP($A246,városok!$A$2:$C$346,3,0)-VLOOKUP(AX$1,városok!$A$2:$C$346,3,0))^2)/1000,0)</f>
        <v>65</v>
      </c>
      <c r="AY246">
        <f ca="1">ROUND(SQRT((VLOOKUP($A246,városok!$A$2:$C$346,2,0)-VLOOKUP(AY$1,városok!$A$2:$C$346,2,0))^2+(VLOOKUP($A246,városok!$A$2:$C$346,3,0)-VLOOKUP(AY$1,városok!$A$2:$C$346,3,0))^2)/1000,0)</f>
        <v>41</v>
      </c>
      <c r="AZ246">
        <f ca="1">ROUND(SQRT((VLOOKUP($A246,városok!$A$2:$C$346,2,0)-VLOOKUP(AZ$1,városok!$A$2:$C$346,2,0))^2+(VLOOKUP($A246,városok!$A$2:$C$346,3,0)-VLOOKUP(AZ$1,városok!$A$2:$C$346,3,0))^2)/1000,0)</f>
        <v>51</v>
      </c>
      <c r="BA246">
        <f ca="1">ROUND(SQRT((VLOOKUP($A246,városok!$A$2:$C$346,2,0)-VLOOKUP(BA$1,városok!$A$2:$C$346,2,0))^2+(VLOOKUP($A246,városok!$A$2:$C$346,3,0)-VLOOKUP(BA$1,városok!$A$2:$C$346,3,0))^2)/1000,0)</f>
        <v>171</v>
      </c>
      <c r="BB246">
        <f ca="1">ROUND(SQRT((VLOOKUP($A246,városok!$A$2:$C$346,2,0)-VLOOKUP(BB$1,városok!$A$2:$C$346,2,0))^2+(VLOOKUP($A246,városok!$A$2:$C$346,3,0)-VLOOKUP(BB$1,városok!$A$2:$C$346,3,0))^2)/1000,0)</f>
        <v>173</v>
      </c>
      <c r="BC246">
        <f ca="1">ROUND(SQRT((VLOOKUP($A246,városok!$A$2:$C$346,2,0)-VLOOKUP(BC$1,városok!$A$2:$C$346,2,0))^2+(VLOOKUP($A246,városok!$A$2:$C$346,3,0)-VLOOKUP(BC$1,városok!$A$2:$C$346,3,0))^2)/1000,0)</f>
        <v>195</v>
      </c>
      <c r="BD246">
        <f ca="1">ROUND(SQRT((VLOOKUP($A246,városok!$A$2:$C$346,2,0)-VLOOKUP(BD$1,városok!$A$2:$C$346,2,0))^2+(VLOOKUP($A246,városok!$A$2:$C$346,3,0)-VLOOKUP(BD$1,városok!$A$2:$C$346,3,0))^2)/1000,0)</f>
        <v>140</v>
      </c>
      <c r="BE246">
        <f ca="1">ROUND(SQRT((VLOOKUP($A246,városok!$A$2:$C$346,2,0)-VLOOKUP(BE$1,városok!$A$2:$C$346,2,0))^2+(VLOOKUP($A246,városok!$A$2:$C$346,3,0)-VLOOKUP(BE$1,városok!$A$2:$C$346,3,0))^2)/1000,0)</f>
        <v>232</v>
      </c>
      <c r="BF246">
        <f ca="1">ROUND(SQRT((VLOOKUP($A246,városok!$A$2:$C$346,2,0)-VLOOKUP(BF$1,városok!$A$2:$C$346,2,0))^2+(VLOOKUP($A246,városok!$A$2:$C$346,3,0)-VLOOKUP(BF$1,városok!$A$2:$C$346,3,0))^2)/1000,0)</f>
        <v>197</v>
      </c>
      <c r="BG246">
        <f ca="1">ROUND(SQRT((VLOOKUP($A246,városok!$A$2:$C$346,2,0)-VLOOKUP(BG$1,városok!$A$2:$C$346,2,0))^2+(VLOOKUP($A246,városok!$A$2:$C$346,3,0)-VLOOKUP(BG$1,városok!$A$2:$C$346,3,0))^2)/1000,0)</f>
        <v>151</v>
      </c>
      <c r="BH246">
        <f ca="1">ROUND(SQRT((VLOOKUP($A246,városok!$A$2:$C$346,2,0)-VLOOKUP(BH$1,városok!$A$2:$C$346,2,0))^2+(VLOOKUP($A246,városok!$A$2:$C$346,3,0)-VLOOKUP(BH$1,városok!$A$2:$C$346,3,0))^2)/1000,0)</f>
        <v>151</v>
      </c>
      <c r="BI246">
        <f ca="1">ROUND(SQRT((VLOOKUP($A246,városok!$A$2:$C$346,2,0)-VLOOKUP(BI$1,városok!$A$2:$C$346,2,0))^2+(VLOOKUP($A246,városok!$A$2:$C$346,3,0)-VLOOKUP(BI$1,városok!$A$2:$C$346,3,0))^2)/1000,0)</f>
        <v>154</v>
      </c>
      <c r="BJ246">
        <f ca="1">ROUND(SQRT((VLOOKUP($A246,városok!$A$2:$C$346,2,0)-VLOOKUP(BJ$1,városok!$A$2:$C$346,2,0))^2+(VLOOKUP($A246,városok!$A$2:$C$346,3,0)-VLOOKUP(BJ$1,városok!$A$2:$C$346,3,0))^2)/1000,0)</f>
        <v>171</v>
      </c>
      <c r="BK246">
        <f ca="1">ROUND(SQRT((VLOOKUP($A246,városok!$A$2:$C$346,2,0)-VLOOKUP(BK$1,városok!$A$2:$C$346,2,0))^2+(VLOOKUP($A246,városok!$A$2:$C$346,3,0)-VLOOKUP(BK$1,városok!$A$2:$C$346,3,0))^2)/1000,0)</f>
        <v>155</v>
      </c>
      <c r="BL246">
        <f ca="1">ROUND(SQRT((VLOOKUP($A246,városok!$A$2:$C$346,2,0)-VLOOKUP(BL$1,városok!$A$2:$C$346,2,0))^2+(VLOOKUP($A246,városok!$A$2:$C$346,3,0)-VLOOKUP(BL$1,városok!$A$2:$C$346,3,0))^2)/1000,0)</f>
        <v>236</v>
      </c>
      <c r="BM246">
        <f ca="1">ROUND(SQRT((VLOOKUP($A246,városok!$A$2:$C$346,2,0)-VLOOKUP(BM$1,városok!$A$2:$C$346,2,0))^2+(VLOOKUP($A246,városok!$A$2:$C$346,3,0)-VLOOKUP(BM$1,városok!$A$2:$C$346,3,0))^2)/1000,0)</f>
        <v>205</v>
      </c>
      <c r="BN246">
        <f ca="1">ROUND(SQRT((VLOOKUP($A246,városok!$A$2:$C$346,2,0)-VLOOKUP(BN$1,városok!$A$2:$C$346,2,0))^2+(VLOOKUP($A246,városok!$A$2:$C$346,3,0)-VLOOKUP(BN$1,városok!$A$2:$C$346,3,0))^2)/1000,0)</f>
        <v>228</v>
      </c>
      <c r="BO246">
        <f ca="1">ROUND(SQRT((VLOOKUP($A246,városok!$A$2:$C$346,2,0)-VLOOKUP(BO$1,városok!$A$2:$C$346,2,0))^2+(VLOOKUP($A246,városok!$A$2:$C$346,3,0)-VLOOKUP(BO$1,városok!$A$2:$C$346,3,0))^2)/1000,0)</f>
        <v>136</v>
      </c>
      <c r="BP246">
        <f ca="1">ROUND(SQRT((VLOOKUP($A246,városok!$A$2:$C$346,2,0)-VLOOKUP(BP$1,városok!$A$2:$C$346,2,0))^2+(VLOOKUP($A246,városok!$A$2:$C$346,3,0)-VLOOKUP(BP$1,városok!$A$2:$C$346,3,0))^2)/1000,0)</f>
        <v>129</v>
      </c>
      <c r="BQ246">
        <f ca="1">ROUND(SQRT((VLOOKUP($A246,városok!$A$2:$C$346,2,0)-VLOOKUP(BQ$1,városok!$A$2:$C$346,2,0))^2+(VLOOKUP($A246,városok!$A$2:$C$346,3,0)-VLOOKUP(BQ$1,városok!$A$2:$C$346,3,0))^2)/1000,0)</f>
        <v>140</v>
      </c>
      <c r="BR246">
        <f ca="1">ROUND(SQRT((VLOOKUP($A246,városok!$A$2:$C$346,2,0)-VLOOKUP(BR$1,városok!$A$2:$C$346,2,0))^2+(VLOOKUP($A246,városok!$A$2:$C$346,3,0)-VLOOKUP(BR$1,városok!$A$2:$C$346,3,0))^2)/1000,0)</f>
        <v>201</v>
      </c>
      <c r="BS246">
        <f ca="1">ROUND(SQRT((VLOOKUP($A246,városok!$A$2:$C$346,2,0)-VLOOKUP(BS$1,városok!$A$2:$C$346,2,0))^2+(VLOOKUP($A246,városok!$A$2:$C$346,3,0)-VLOOKUP(BS$1,városok!$A$2:$C$346,3,0))^2)/1000,0)</f>
        <v>236</v>
      </c>
      <c r="BT246">
        <f ca="1">ROUND(SQRT((VLOOKUP($A246,városok!$A$2:$C$346,2,0)-VLOOKUP(BT$1,városok!$A$2:$C$346,2,0))^2+(VLOOKUP($A246,városok!$A$2:$C$346,3,0)-VLOOKUP(BT$1,városok!$A$2:$C$346,3,0))^2)/1000,0)</f>
        <v>226</v>
      </c>
    </row>
    <row r="247" spans="1:72" x14ac:dyDescent="0.2">
      <c r="A247" t="str">
        <f>városok!A247</f>
        <v>Újhartyán</v>
      </c>
      <c r="B247">
        <f ca="1">ROUND(SQRT((VLOOKUP($A247,városok!$A$2:$C$346,2,0)-VLOOKUP(B$1,városok!$A$2:$C$346,2,0))^2+(VLOOKUP($A247,városok!$A$2:$C$346,3,0)-VLOOKUP(B$1,városok!$A$2:$C$346,3,0))^2)/1000,0)</f>
        <v>120</v>
      </c>
      <c r="C247">
        <f ca="1">ROUND(SQRT((VLOOKUP($A247,városok!$A$2:$C$346,2,0)-VLOOKUP(C$1,városok!$A$2:$C$346,2,0))^2+(VLOOKUP($A247,városok!$A$2:$C$346,3,0)-VLOOKUP(C$1,városok!$A$2:$C$346,3,0))^2)/1000,0)</f>
        <v>83</v>
      </c>
      <c r="D247">
        <f ca="1">ROUND(SQRT((VLOOKUP($A247,városok!$A$2:$C$346,2,0)-VLOOKUP(D$1,városok!$A$2:$C$346,2,0))^2+(VLOOKUP($A247,városok!$A$2:$C$346,3,0)-VLOOKUP(D$1,városok!$A$2:$C$346,3,0))^2)/1000,0)</f>
        <v>41</v>
      </c>
      <c r="E247">
        <f ca="1">ROUND(SQRT((VLOOKUP($A247,városok!$A$2:$C$346,2,0)-VLOOKUP(E$1,városok!$A$2:$C$346,2,0))^2+(VLOOKUP($A247,városok!$A$2:$C$346,3,0)-VLOOKUP(E$1,városok!$A$2:$C$346,3,0))^2)/1000,0)</f>
        <v>144</v>
      </c>
      <c r="F247">
        <f ca="1">ROUND(SQRT((VLOOKUP($A247,városok!$A$2:$C$346,2,0)-VLOOKUP(F$1,városok!$A$2:$C$346,2,0))^2+(VLOOKUP($A247,városok!$A$2:$C$346,3,0)-VLOOKUP(F$1,városok!$A$2:$C$346,3,0))^2)/1000,0)</f>
        <v>147</v>
      </c>
      <c r="G247">
        <f ca="1">ROUND(SQRT((VLOOKUP($A247,városok!$A$2:$C$346,2,0)-VLOOKUP(G$1,városok!$A$2:$C$346,2,0))^2+(VLOOKUP($A247,városok!$A$2:$C$346,3,0)-VLOOKUP(G$1,városok!$A$2:$C$346,3,0))^2)/1000,0)</f>
        <v>154</v>
      </c>
      <c r="H247">
        <f ca="1">ROUND(SQRT((VLOOKUP($A247,városok!$A$2:$C$346,2,0)-VLOOKUP(H$1,városok!$A$2:$C$346,2,0))^2+(VLOOKUP($A247,városok!$A$2:$C$346,3,0)-VLOOKUP(H$1,városok!$A$2:$C$346,3,0))^2)/1000,0)</f>
        <v>179</v>
      </c>
      <c r="I247">
        <f ca="1">ROUND(SQRT((VLOOKUP($A247,városok!$A$2:$C$346,2,0)-VLOOKUP(I$1,városok!$A$2:$C$346,2,0))^2+(VLOOKUP($A247,városok!$A$2:$C$346,3,0)-VLOOKUP(I$1,városok!$A$2:$C$346,3,0))^2)/1000,0)</f>
        <v>142</v>
      </c>
      <c r="J247">
        <f ca="1">ROUND(SQRT((VLOOKUP($A247,városok!$A$2:$C$346,2,0)-VLOOKUP(J$1,városok!$A$2:$C$346,2,0))^2+(VLOOKUP($A247,városok!$A$2:$C$346,3,0)-VLOOKUP(J$1,városok!$A$2:$C$346,3,0))^2)/1000,0)</f>
        <v>157</v>
      </c>
      <c r="K247">
        <f ca="1">ROUND(SQRT((VLOOKUP($A247,városok!$A$2:$C$346,2,0)-VLOOKUP(K$1,városok!$A$2:$C$346,2,0))^2+(VLOOKUP($A247,városok!$A$2:$C$346,3,0)-VLOOKUP(K$1,városok!$A$2:$C$346,3,0))^2)/1000,0)</f>
        <v>122</v>
      </c>
      <c r="L247">
        <f ca="1">ROUND(SQRT((VLOOKUP($A247,városok!$A$2:$C$346,2,0)-VLOOKUP(L$1,városok!$A$2:$C$346,2,0))^2+(VLOOKUP($A247,városok!$A$2:$C$346,3,0)-VLOOKUP(L$1,városok!$A$2:$C$346,3,0))^2)/1000,0)</f>
        <v>148</v>
      </c>
      <c r="M247">
        <f ca="1">ROUND(SQRT((VLOOKUP($A247,városok!$A$2:$C$346,2,0)-VLOOKUP(M$1,városok!$A$2:$C$346,2,0))^2+(VLOOKUP($A247,városok!$A$2:$C$346,3,0)-VLOOKUP(M$1,városok!$A$2:$C$346,3,0))^2)/1000,0)</f>
        <v>144</v>
      </c>
      <c r="N247">
        <f ca="1">ROUND(SQRT((VLOOKUP($A247,városok!$A$2:$C$346,2,0)-VLOOKUP(N$1,városok!$A$2:$C$346,2,0))^2+(VLOOKUP($A247,városok!$A$2:$C$346,3,0)-VLOOKUP(N$1,városok!$A$2:$C$346,3,0))^2)/1000,0)</f>
        <v>130</v>
      </c>
      <c r="O247">
        <f ca="1">ROUND(SQRT((VLOOKUP($A247,városok!$A$2:$C$346,2,0)-VLOOKUP(O$1,városok!$A$2:$C$346,2,0))^2+(VLOOKUP($A247,városok!$A$2:$C$346,3,0)-VLOOKUP(O$1,városok!$A$2:$C$346,3,0))^2)/1000,0)</f>
        <v>214</v>
      </c>
      <c r="P247">
        <f ca="1">ROUND(SQRT((VLOOKUP($A247,városok!$A$2:$C$346,2,0)-VLOOKUP(P$1,városok!$A$2:$C$346,2,0))^2+(VLOOKUP($A247,városok!$A$2:$C$346,3,0)-VLOOKUP(P$1,városok!$A$2:$C$346,3,0))^2)/1000,0)</f>
        <v>214</v>
      </c>
      <c r="Q247">
        <f ca="1">ROUND(SQRT((VLOOKUP($A247,városok!$A$2:$C$346,2,0)-VLOOKUP(Q$1,városok!$A$2:$C$346,2,0))^2+(VLOOKUP($A247,városok!$A$2:$C$346,3,0)-VLOOKUP(Q$1,városok!$A$2:$C$346,3,0))^2)/1000,0)</f>
        <v>114</v>
      </c>
      <c r="R247">
        <f ca="1">ROUND(SQRT((VLOOKUP($A247,városok!$A$2:$C$346,2,0)-VLOOKUP(R$1,városok!$A$2:$C$346,2,0))^2+(VLOOKUP($A247,városok!$A$2:$C$346,3,0)-VLOOKUP(R$1,városok!$A$2:$C$346,3,0))^2)/1000,0)</f>
        <v>139</v>
      </c>
      <c r="S247">
        <f ca="1">ROUND(SQRT((VLOOKUP($A247,városok!$A$2:$C$346,2,0)-VLOOKUP(S$1,városok!$A$2:$C$346,2,0))^2+(VLOOKUP($A247,városok!$A$2:$C$346,3,0)-VLOOKUP(S$1,városok!$A$2:$C$346,3,0))^2)/1000,0)</f>
        <v>123</v>
      </c>
      <c r="T247">
        <f ca="1">ROUND(SQRT((VLOOKUP($A247,városok!$A$2:$C$346,2,0)-VLOOKUP(T$1,városok!$A$2:$C$346,2,0))^2+(VLOOKUP($A247,városok!$A$2:$C$346,3,0)-VLOOKUP(T$1,városok!$A$2:$C$346,3,0))^2)/1000,0)</f>
        <v>65</v>
      </c>
      <c r="U247">
        <f ca="1">ROUND(SQRT((VLOOKUP($A247,városok!$A$2:$C$346,2,0)-VLOOKUP(U$1,városok!$A$2:$C$346,2,0))^2+(VLOOKUP($A247,városok!$A$2:$C$346,3,0)-VLOOKUP(U$1,városok!$A$2:$C$346,3,0))^2)/1000,0)</f>
        <v>45</v>
      </c>
      <c r="V247">
        <f ca="1">ROUND(SQRT((VLOOKUP($A247,városok!$A$2:$C$346,2,0)-VLOOKUP(V$1,városok!$A$2:$C$346,2,0))^2+(VLOOKUP($A247,városok!$A$2:$C$346,3,0)-VLOOKUP(V$1,városok!$A$2:$C$346,3,0))^2)/1000,0)</f>
        <v>84</v>
      </c>
      <c r="W247">
        <f ca="1">ROUND(SQRT((VLOOKUP($A247,városok!$A$2:$C$346,2,0)-VLOOKUP(W$1,városok!$A$2:$C$346,2,0))^2+(VLOOKUP($A247,városok!$A$2:$C$346,3,0)-VLOOKUP(W$1,városok!$A$2:$C$346,3,0))^2)/1000,0)</f>
        <v>69</v>
      </c>
      <c r="X247">
        <f ca="1">ROUND(SQRT((VLOOKUP($A247,városok!$A$2:$C$346,2,0)-VLOOKUP(X$1,városok!$A$2:$C$346,2,0))^2+(VLOOKUP($A247,városok!$A$2:$C$346,3,0)-VLOOKUP(X$1,városok!$A$2:$C$346,3,0))^2)/1000,0)</f>
        <v>81</v>
      </c>
      <c r="Y247">
        <f ca="1">ROUND(SQRT((VLOOKUP($A247,városok!$A$2:$C$346,2,0)-VLOOKUP(Y$1,városok!$A$2:$C$346,2,0))^2+(VLOOKUP($A247,városok!$A$2:$C$346,3,0)-VLOOKUP(Y$1,városok!$A$2:$C$346,3,0))^2)/1000,0)</f>
        <v>142</v>
      </c>
      <c r="Z247">
        <f ca="1">ROUND(SQRT((VLOOKUP($A247,városok!$A$2:$C$346,2,0)-VLOOKUP(Z$1,városok!$A$2:$C$346,2,0))^2+(VLOOKUP($A247,városok!$A$2:$C$346,3,0)-VLOOKUP(Z$1,városok!$A$2:$C$346,3,0))^2)/1000,0)</f>
        <v>161</v>
      </c>
      <c r="AA247">
        <f ca="1">ROUND(SQRT((VLOOKUP($A247,városok!$A$2:$C$346,2,0)-VLOOKUP(AA$1,városok!$A$2:$C$346,2,0))^2+(VLOOKUP($A247,városok!$A$2:$C$346,3,0)-VLOOKUP(AA$1,városok!$A$2:$C$346,3,0))^2)/1000,0)</f>
        <v>218</v>
      </c>
      <c r="AB247">
        <f ca="1">ROUND(SQRT((VLOOKUP($A247,városok!$A$2:$C$346,2,0)-VLOOKUP(AB$1,városok!$A$2:$C$346,2,0))^2+(VLOOKUP($A247,városok!$A$2:$C$346,3,0)-VLOOKUP(AB$1,városok!$A$2:$C$346,3,0))^2)/1000,0)</f>
        <v>173</v>
      </c>
      <c r="AC247">
        <f ca="1">ROUND(SQRT((VLOOKUP($A247,városok!$A$2:$C$346,2,0)-VLOOKUP(AC$1,városok!$A$2:$C$346,2,0))^2+(VLOOKUP($A247,városok!$A$2:$C$346,3,0)-VLOOKUP(AC$1,városok!$A$2:$C$346,3,0))^2)/1000,0)</f>
        <v>154</v>
      </c>
      <c r="AD247">
        <f ca="1">ROUND(SQRT((VLOOKUP($A247,városok!$A$2:$C$346,2,0)-VLOOKUP(AD$1,városok!$A$2:$C$346,2,0))^2+(VLOOKUP($A247,városok!$A$2:$C$346,3,0)-VLOOKUP(AD$1,városok!$A$2:$C$346,3,0))^2)/1000,0)</f>
        <v>136</v>
      </c>
      <c r="AE247">
        <f ca="1">ROUND(SQRT((VLOOKUP($A247,városok!$A$2:$C$346,2,0)-VLOOKUP(AE$1,városok!$A$2:$C$346,2,0))^2+(VLOOKUP($A247,városok!$A$2:$C$346,3,0)-VLOOKUP(AE$1,városok!$A$2:$C$346,3,0))^2)/1000,0)</f>
        <v>135</v>
      </c>
      <c r="AF247">
        <f ca="1">ROUND(SQRT((VLOOKUP($A247,városok!$A$2:$C$346,2,0)-VLOOKUP(AF$1,városok!$A$2:$C$346,2,0))^2+(VLOOKUP($A247,városok!$A$2:$C$346,3,0)-VLOOKUP(AF$1,városok!$A$2:$C$346,3,0))^2)/1000,0)</f>
        <v>106</v>
      </c>
      <c r="AG247">
        <f ca="1">ROUND(SQRT((VLOOKUP($A247,városok!$A$2:$C$346,2,0)-VLOOKUP(AG$1,városok!$A$2:$C$346,2,0))^2+(VLOOKUP($A247,városok!$A$2:$C$346,3,0)-VLOOKUP(AG$1,városok!$A$2:$C$346,3,0))^2)/1000,0)</f>
        <v>74</v>
      </c>
      <c r="AH247">
        <f ca="1">ROUND(SQRT((VLOOKUP($A247,városok!$A$2:$C$346,2,0)-VLOOKUP(AH$1,városok!$A$2:$C$346,2,0))^2+(VLOOKUP($A247,városok!$A$2:$C$346,3,0)-VLOOKUP(AH$1,városok!$A$2:$C$346,3,0))^2)/1000,0)</f>
        <v>54</v>
      </c>
      <c r="AI247">
        <f ca="1">ROUND(SQRT((VLOOKUP($A247,városok!$A$2:$C$346,2,0)-VLOOKUP(AI$1,városok!$A$2:$C$346,2,0))^2+(VLOOKUP($A247,városok!$A$2:$C$346,3,0)-VLOOKUP(AI$1,városok!$A$2:$C$346,3,0))^2)/1000,0)</f>
        <v>104</v>
      </c>
      <c r="AJ247">
        <f ca="1">ROUND(SQRT((VLOOKUP($A247,városok!$A$2:$C$346,2,0)-VLOOKUP(AJ$1,városok!$A$2:$C$346,2,0))^2+(VLOOKUP($A247,városok!$A$2:$C$346,3,0)-VLOOKUP(AJ$1,városok!$A$2:$C$346,3,0))^2)/1000,0)</f>
        <v>65</v>
      </c>
      <c r="AK247">
        <f ca="1">ROUND(SQRT((VLOOKUP($A247,városok!$A$2:$C$346,2,0)-VLOOKUP(AK$1,városok!$A$2:$C$346,2,0))^2+(VLOOKUP($A247,városok!$A$2:$C$346,3,0)-VLOOKUP(AK$1,városok!$A$2:$C$346,3,0))^2)/1000,0)</f>
        <v>120</v>
      </c>
      <c r="AL247">
        <f ca="1">ROUND(SQRT((VLOOKUP($A247,városok!$A$2:$C$346,2,0)-VLOOKUP(AL$1,városok!$A$2:$C$346,2,0))^2+(VLOOKUP($A247,városok!$A$2:$C$346,3,0)-VLOOKUP(AL$1,városok!$A$2:$C$346,3,0))^2)/1000,0)</f>
        <v>95</v>
      </c>
      <c r="AM247">
        <f ca="1">ROUND(SQRT((VLOOKUP($A247,városok!$A$2:$C$346,2,0)-VLOOKUP(AM$1,városok!$A$2:$C$346,2,0))^2+(VLOOKUP($A247,városok!$A$2:$C$346,3,0)-VLOOKUP(AM$1,városok!$A$2:$C$346,3,0))^2)/1000,0)</f>
        <v>60</v>
      </c>
      <c r="AN247">
        <f ca="1">ROUND(SQRT((VLOOKUP($A247,városok!$A$2:$C$346,2,0)-VLOOKUP(AN$1,városok!$A$2:$C$346,2,0))^2+(VLOOKUP($A247,városok!$A$2:$C$346,3,0)-VLOOKUP(AN$1,városok!$A$2:$C$346,3,0))^2)/1000,0)</f>
        <v>80</v>
      </c>
      <c r="AO247">
        <f ca="1">ROUND(SQRT((VLOOKUP($A247,városok!$A$2:$C$346,2,0)-VLOOKUP(AO$1,városok!$A$2:$C$346,2,0))^2+(VLOOKUP($A247,városok!$A$2:$C$346,3,0)-VLOOKUP(AO$1,városok!$A$2:$C$346,3,0))^2)/1000,0)</f>
        <v>112</v>
      </c>
      <c r="AP247">
        <f ca="1">ROUND(SQRT((VLOOKUP($A247,városok!$A$2:$C$346,2,0)-VLOOKUP(AP$1,városok!$A$2:$C$346,2,0))^2+(VLOOKUP($A247,városok!$A$2:$C$346,3,0)-VLOOKUP(AP$1,városok!$A$2:$C$346,3,0))^2)/1000,0)</f>
        <v>93</v>
      </c>
      <c r="AQ247">
        <f ca="1">ROUND(SQRT((VLOOKUP($A247,városok!$A$2:$C$346,2,0)-VLOOKUP(AQ$1,városok!$A$2:$C$346,2,0))^2+(VLOOKUP($A247,városok!$A$2:$C$346,3,0)-VLOOKUP(AQ$1,városok!$A$2:$C$346,3,0))^2)/1000,0)</f>
        <v>84</v>
      </c>
      <c r="AR247">
        <f ca="1">ROUND(SQRT((VLOOKUP($A247,városok!$A$2:$C$346,2,0)-VLOOKUP(AR$1,városok!$A$2:$C$346,2,0))^2+(VLOOKUP($A247,városok!$A$2:$C$346,3,0)-VLOOKUP(AR$1,városok!$A$2:$C$346,3,0))^2)/1000,0)</f>
        <v>81</v>
      </c>
      <c r="AS247">
        <f ca="1">ROUND(SQRT((VLOOKUP($A247,városok!$A$2:$C$346,2,0)-VLOOKUP(AS$1,városok!$A$2:$C$346,2,0))^2+(VLOOKUP($A247,városok!$A$2:$C$346,3,0)-VLOOKUP(AS$1,városok!$A$2:$C$346,3,0))^2)/1000,0)</f>
        <v>104</v>
      </c>
      <c r="AT247">
        <f ca="1">ROUND(SQRT((VLOOKUP($A247,városok!$A$2:$C$346,2,0)-VLOOKUP(AT$1,városok!$A$2:$C$346,2,0))^2+(VLOOKUP($A247,városok!$A$2:$C$346,3,0)-VLOOKUP(AT$1,városok!$A$2:$C$346,3,0))^2)/1000,0)</f>
        <v>52</v>
      </c>
      <c r="AU247">
        <f ca="1">ROUND(SQRT((VLOOKUP($A247,városok!$A$2:$C$346,2,0)-VLOOKUP(AU$1,városok!$A$2:$C$346,2,0))^2+(VLOOKUP($A247,városok!$A$2:$C$346,3,0)-VLOOKUP(AU$1,városok!$A$2:$C$346,3,0))^2)/1000,0)</f>
        <v>42</v>
      </c>
      <c r="AV247">
        <f ca="1">ROUND(SQRT((VLOOKUP($A247,városok!$A$2:$C$346,2,0)-VLOOKUP(AV$1,városok!$A$2:$C$346,2,0))^2+(VLOOKUP($A247,városok!$A$2:$C$346,3,0)-VLOOKUP(AV$1,városok!$A$2:$C$346,3,0))^2)/1000,0)</f>
        <v>40</v>
      </c>
      <c r="AW247">
        <f ca="1">ROUND(SQRT((VLOOKUP($A247,városok!$A$2:$C$346,2,0)-VLOOKUP(AW$1,városok!$A$2:$C$346,2,0))^2+(VLOOKUP($A247,városok!$A$2:$C$346,3,0)-VLOOKUP(AW$1,városok!$A$2:$C$346,3,0))^2)/1000,0)</f>
        <v>41</v>
      </c>
      <c r="AX247">
        <f ca="1">ROUND(SQRT((VLOOKUP($A247,városok!$A$2:$C$346,2,0)-VLOOKUP(AX$1,városok!$A$2:$C$346,2,0))^2+(VLOOKUP($A247,városok!$A$2:$C$346,3,0)-VLOOKUP(AX$1,városok!$A$2:$C$346,3,0))^2)/1000,0)</f>
        <v>36</v>
      </c>
      <c r="AY247">
        <f ca="1">ROUND(SQRT((VLOOKUP($A247,városok!$A$2:$C$346,2,0)-VLOOKUP(AY$1,városok!$A$2:$C$346,2,0))^2+(VLOOKUP($A247,városok!$A$2:$C$346,3,0)-VLOOKUP(AY$1,városok!$A$2:$C$346,3,0))^2)/1000,0)</f>
        <v>57</v>
      </c>
      <c r="AZ247">
        <f ca="1">ROUND(SQRT((VLOOKUP($A247,városok!$A$2:$C$346,2,0)-VLOOKUP(AZ$1,városok!$A$2:$C$346,2,0))^2+(VLOOKUP($A247,városok!$A$2:$C$346,3,0)-VLOOKUP(AZ$1,városok!$A$2:$C$346,3,0))^2)/1000,0)</f>
        <v>70</v>
      </c>
      <c r="BA247">
        <f ca="1">ROUND(SQRT((VLOOKUP($A247,városok!$A$2:$C$346,2,0)-VLOOKUP(BA$1,városok!$A$2:$C$346,2,0))^2+(VLOOKUP($A247,városok!$A$2:$C$346,3,0)-VLOOKUP(BA$1,városok!$A$2:$C$346,3,0))^2)/1000,0)</f>
        <v>137</v>
      </c>
      <c r="BB247">
        <f ca="1">ROUND(SQRT((VLOOKUP($A247,városok!$A$2:$C$346,2,0)-VLOOKUP(BB$1,városok!$A$2:$C$346,2,0))^2+(VLOOKUP($A247,városok!$A$2:$C$346,3,0)-VLOOKUP(BB$1,városok!$A$2:$C$346,3,0))^2)/1000,0)</f>
        <v>134</v>
      </c>
      <c r="BC247">
        <f ca="1">ROUND(SQRT((VLOOKUP($A247,városok!$A$2:$C$346,2,0)-VLOOKUP(BC$1,városok!$A$2:$C$346,2,0))^2+(VLOOKUP($A247,városok!$A$2:$C$346,3,0)-VLOOKUP(BC$1,városok!$A$2:$C$346,3,0))^2)/1000,0)</f>
        <v>155</v>
      </c>
      <c r="BD247">
        <f ca="1">ROUND(SQRT((VLOOKUP($A247,városok!$A$2:$C$346,2,0)-VLOOKUP(BD$1,városok!$A$2:$C$346,2,0))^2+(VLOOKUP($A247,városok!$A$2:$C$346,3,0)-VLOOKUP(BD$1,városok!$A$2:$C$346,3,0))^2)/1000,0)</f>
        <v>106</v>
      </c>
      <c r="BE247">
        <f ca="1">ROUND(SQRT((VLOOKUP($A247,városok!$A$2:$C$346,2,0)-VLOOKUP(BE$1,városok!$A$2:$C$346,2,0))^2+(VLOOKUP($A247,városok!$A$2:$C$346,3,0)-VLOOKUP(BE$1,városok!$A$2:$C$346,3,0))^2)/1000,0)</f>
        <v>256</v>
      </c>
      <c r="BF247">
        <f ca="1">ROUND(SQRT((VLOOKUP($A247,városok!$A$2:$C$346,2,0)-VLOOKUP(BF$1,városok!$A$2:$C$346,2,0))^2+(VLOOKUP($A247,városok!$A$2:$C$346,3,0)-VLOOKUP(BF$1,városok!$A$2:$C$346,3,0))^2)/1000,0)</f>
        <v>230</v>
      </c>
      <c r="BG247">
        <f ca="1">ROUND(SQRT((VLOOKUP($A247,városok!$A$2:$C$346,2,0)-VLOOKUP(BG$1,városok!$A$2:$C$346,2,0))^2+(VLOOKUP($A247,városok!$A$2:$C$346,3,0)-VLOOKUP(BG$1,városok!$A$2:$C$346,3,0))^2)/1000,0)</f>
        <v>186</v>
      </c>
      <c r="BH247">
        <f ca="1">ROUND(SQRT((VLOOKUP($A247,városok!$A$2:$C$346,2,0)-VLOOKUP(BH$1,városok!$A$2:$C$346,2,0))^2+(VLOOKUP($A247,városok!$A$2:$C$346,3,0)-VLOOKUP(BH$1,városok!$A$2:$C$346,3,0))^2)/1000,0)</f>
        <v>185</v>
      </c>
      <c r="BI247">
        <f ca="1">ROUND(SQRT((VLOOKUP($A247,városok!$A$2:$C$346,2,0)-VLOOKUP(BI$1,városok!$A$2:$C$346,2,0))^2+(VLOOKUP($A247,városok!$A$2:$C$346,3,0)-VLOOKUP(BI$1,városok!$A$2:$C$346,3,0))^2)/1000,0)</f>
        <v>109</v>
      </c>
      <c r="BJ247">
        <f ca="1">ROUND(SQRT((VLOOKUP($A247,városok!$A$2:$C$346,2,0)-VLOOKUP(BJ$1,városok!$A$2:$C$346,2,0))^2+(VLOOKUP($A247,városok!$A$2:$C$346,3,0)-VLOOKUP(BJ$1,városok!$A$2:$C$346,3,0))^2)/1000,0)</f>
        <v>126</v>
      </c>
      <c r="BK247">
        <f ca="1">ROUND(SQRT((VLOOKUP($A247,városok!$A$2:$C$346,2,0)-VLOOKUP(BK$1,városok!$A$2:$C$346,2,0))^2+(VLOOKUP($A247,városok!$A$2:$C$346,3,0)-VLOOKUP(BK$1,városok!$A$2:$C$346,3,0))^2)/1000,0)</f>
        <v>110</v>
      </c>
      <c r="BL247">
        <f ca="1">ROUND(SQRT((VLOOKUP($A247,városok!$A$2:$C$346,2,0)-VLOOKUP(BL$1,városok!$A$2:$C$346,2,0))^2+(VLOOKUP($A247,városok!$A$2:$C$346,3,0)-VLOOKUP(BL$1,városok!$A$2:$C$346,3,0))^2)/1000,0)</f>
        <v>213</v>
      </c>
      <c r="BM247">
        <f ca="1">ROUND(SQRT((VLOOKUP($A247,városok!$A$2:$C$346,2,0)-VLOOKUP(BM$1,városok!$A$2:$C$346,2,0))^2+(VLOOKUP($A247,városok!$A$2:$C$346,3,0)-VLOOKUP(BM$1,városok!$A$2:$C$346,3,0))^2)/1000,0)</f>
        <v>186</v>
      </c>
      <c r="BN247">
        <f ca="1">ROUND(SQRT((VLOOKUP($A247,városok!$A$2:$C$346,2,0)-VLOOKUP(BN$1,városok!$A$2:$C$346,2,0))^2+(VLOOKUP($A247,városok!$A$2:$C$346,3,0)-VLOOKUP(BN$1,városok!$A$2:$C$346,3,0))^2)/1000,0)</f>
        <v>210</v>
      </c>
      <c r="BO247">
        <f ca="1">ROUND(SQRT((VLOOKUP($A247,városok!$A$2:$C$346,2,0)-VLOOKUP(BO$1,városok!$A$2:$C$346,2,0))^2+(VLOOKUP($A247,városok!$A$2:$C$346,3,0)-VLOOKUP(BO$1,városok!$A$2:$C$346,3,0))^2)/1000,0)</f>
        <v>107</v>
      </c>
      <c r="BP247">
        <f ca="1">ROUND(SQRT((VLOOKUP($A247,városok!$A$2:$C$346,2,0)-VLOOKUP(BP$1,városok!$A$2:$C$346,2,0))^2+(VLOOKUP($A247,városok!$A$2:$C$346,3,0)-VLOOKUP(BP$1,városok!$A$2:$C$346,3,0))^2)/1000,0)</f>
        <v>99</v>
      </c>
      <c r="BQ247">
        <f ca="1">ROUND(SQRT((VLOOKUP($A247,városok!$A$2:$C$346,2,0)-VLOOKUP(BQ$1,városok!$A$2:$C$346,2,0))^2+(VLOOKUP($A247,városok!$A$2:$C$346,3,0)-VLOOKUP(BQ$1,városok!$A$2:$C$346,3,0))^2)/1000,0)</f>
        <v>113</v>
      </c>
      <c r="BR247">
        <f ca="1">ROUND(SQRT((VLOOKUP($A247,városok!$A$2:$C$346,2,0)-VLOOKUP(BR$1,városok!$A$2:$C$346,2,0))^2+(VLOOKUP($A247,városok!$A$2:$C$346,3,0)-VLOOKUP(BR$1,városok!$A$2:$C$346,3,0))^2)/1000,0)</f>
        <v>170</v>
      </c>
      <c r="BS247">
        <f ca="1">ROUND(SQRT((VLOOKUP($A247,városok!$A$2:$C$346,2,0)-VLOOKUP(BS$1,városok!$A$2:$C$346,2,0))^2+(VLOOKUP($A247,városok!$A$2:$C$346,3,0)-VLOOKUP(BS$1,városok!$A$2:$C$346,3,0))^2)/1000,0)</f>
        <v>202</v>
      </c>
      <c r="BT247">
        <f ca="1">ROUND(SQRT((VLOOKUP($A247,városok!$A$2:$C$346,2,0)-VLOOKUP(BT$1,városok!$A$2:$C$346,2,0))^2+(VLOOKUP($A247,városok!$A$2:$C$346,3,0)-VLOOKUP(BT$1,városok!$A$2:$C$346,3,0))^2)/1000,0)</f>
        <v>199</v>
      </c>
    </row>
    <row r="248" spans="1:72" x14ac:dyDescent="0.2">
      <c r="A248" t="str">
        <f>városok!A248</f>
        <v>Üllő</v>
      </c>
      <c r="B248">
        <f ca="1">ROUND(SQRT((VLOOKUP($A248,városok!$A$2:$C$346,2,0)-VLOOKUP(B$1,városok!$A$2:$C$346,2,0))^2+(VLOOKUP($A248,városok!$A$2:$C$346,3,0)-VLOOKUP(B$1,városok!$A$2:$C$346,3,0))^2)/1000,0)</f>
        <v>137</v>
      </c>
      <c r="C248">
        <f ca="1">ROUND(SQRT((VLOOKUP($A248,városok!$A$2:$C$346,2,0)-VLOOKUP(C$1,városok!$A$2:$C$346,2,0))^2+(VLOOKUP($A248,városok!$A$2:$C$346,3,0)-VLOOKUP(C$1,városok!$A$2:$C$346,3,0))^2)/1000,0)</f>
        <v>99</v>
      </c>
      <c r="D248">
        <f ca="1">ROUND(SQRT((VLOOKUP($A248,városok!$A$2:$C$346,2,0)-VLOOKUP(D$1,városok!$A$2:$C$346,2,0))^2+(VLOOKUP($A248,városok!$A$2:$C$346,3,0)-VLOOKUP(D$1,városok!$A$2:$C$346,3,0))^2)/1000,0)</f>
        <v>59</v>
      </c>
      <c r="E248">
        <f ca="1">ROUND(SQRT((VLOOKUP($A248,városok!$A$2:$C$346,2,0)-VLOOKUP(E$1,városok!$A$2:$C$346,2,0))^2+(VLOOKUP($A248,városok!$A$2:$C$346,3,0)-VLOOKUP(E$1,városok!$A$2:$C$346,3,0))^2)/1000,0)</f>
        <v>157</v>
      </c>
      <c r="F248">
        <f ca="1">ROUND(SQRT((VLOOKUP($A248,városok!$A$2:$C$346,2,0)-VLOOKUP(F$1,városok!$A$2:$C$346,2,0))^2+(VLOOKUP($A248,városok!$A$2:$C$346,3,0)-VLOOKUP(F$1,városok!$A$2:$C$346,3,0))^2)/1000,0)</f>
        <v>163</v>
      </c>
      <c r="G248">
        <f ca="1">ROUND(SQRT((VLOOKUP($A248,városok!$A$2:$C$346,2,0)-VLOOKUP(G$1,városok!$A$2:$C$346,2,0))^2+(VLOOKUP($A248,városok!$A$2:$C$346,3,0)-VLOOKUP(G$1,városok!$A$2:$C$346,3,0))^2)/1000,0)</f>
        <v>168</v>
      </c>
      <c r="H248">
        <f ca="1">ROUND(SQRT((VLOOKUP($A248,városok!$A$2:$C$346,2,0)-VLOOKUP(H$1,városok!$A$2:$C$346,2,0))^2+(VLOOKUP($A248,városok!$A$2:$C$346,3,0)-VLOOKUP(H$1,városok!$A$2:$C$346,3,0))^2)/1000,0)</f>
        <v>190</v>
      </c>
      <c r="I248">
        <f ca="1">ROUND(SQRT((VLOOKUP($A248,városok!$A$2:$C$346,2,0)-VLOOKUP(I$1,városok!$A$2:$C$346,2,0))^2+(VLOOKUP($A248,városok!$A$2:$C$346,3,0)-VLOOKUP(I$1,városok!$A$2:$C$346,3,0))^2)/1000,0)</f>
        <v>154</v>
      </c>
      <c r="J248">
        <f ca="1">ROUND(SQRT((VLOOKUP($A248,városok!$A$2:$C$346,2,0)-VLOOKUP(J$1,városok!$A$2:$C$346,2,0))^2+(VLOOKUP($A248,városok!$A$2:$C$346,3,0)-VLOOKUP(J$1,városok!$A$2:$C$346,3,0))^2)/1000,0)</f>
        <v>168</v>
      </c>
      <c r="K248">
        <f ca="1">ROUND(SQRT((VLOOKUP($A248,városok!$A$2:$C$346,2,0)-VLOOKUP(K$1,városok!$A$2:$C$346,2,0))^2+(VLOOKUP($A248,városok!$A$2:$C$346,3,0)-VLOOKUP(K$1,városok!$A$2:$C$346,3,0))^2)/1000,0)</f>
        <v>136</v>
      </c>
      <c r="L248">
        <f ca="1">ROUND(SQRT((VLOOKUP($A248,városok!$A$2:$C$346,2,0)-VLOOKUP(L$1,városok!$A$2:$C$346,2,0))^2+(VLOOKUP($A248,városok!$A$2:$C$346,3,0)-VLOOKUP(L$1,városok!$A$2:$C$346,3,0))^2)/1000,0)</f>
        <v>137</v>
      </c>
      <c r="M248">
        <f ca="1">ROUND(SQRT((VLOOKUP($A248,városok!$A$2:$C$346,2,0)-VLOOKUP(M$1,városok!$A$2:$C$346,2,0))^2+(VLOOKUP($A248,városok!$A$2:$C$346,3,0)-VLOOKUP(M$1,városok!$A$2:$C$346,3,0))^2)/1000,0)</f>
        <v>135</v>
      </c>
      <c r="N248">
        <f ca="1">ROUND(SQRT((VLOOKUP($A248,városok!$A$2:$C$346,2,0)-VLOOKUP(N$1,városok!$A$2:$C$346,2,0))^2+(VLOOKUP($A248,városok!$A$2:$C$346,3,0)-VLOOKUP(N$1,városok!$A$2:$C$346,3,0))^2)/1000,0)</f>
        <v>117</v>
      </c>
      <c r="O248">
        <f ca="1">ROUND(SQRT((VLOOKUP($A248,városok!$A$2:$C$346,2,0)-VLOOKUP(O$1,városok!$A$2:$C$346,2,0))^2+(VLOOKUP($A248,városok!$A$2:$C$346,3,0)-VLOOKUP(O$1,városok!$A$2:$C$346,3,0))^2)/1000,0)</f>
        <v>206</v>
      </c>
      <c r="P248">
        <f ca="1">ROUND(SQRT((VLOOKUP($A248,városok!$A$2:$C$346,2,0)-VLOOKUP(P$1,városok!$A$2:$C$346,2,0))^2+(VLOOKUP($A248,városok!$A$2:$C$346,3,0)-VLOOKUP(P$1,városok!$A$2:$C$346,3,0))^2)/1000,0)</f>
        <v>206</v>
      </c>
      <c r="Q248">
        <f ca="1">ROUND(SQRT((VLOOKUP($A248,városok!$A$2:$C$346,2,0)-VLOOKUP(Q$1,városok!$A$2:$C$346,2,0))^2+(VLOOKUP($A248,városok!$A$2:$C$346,3,0)-VLOOKUP(Q$1,városok!$A$2:$C$346,3,0))^2)/1000,0)</f>
        <v>131</v>
      </c>
      <c r="R248">
        <f ca="1">ROUND(SQRT((VLOOKUP($A248,városok!$A$2:$C$346,2,0)-VLOOKUP(R$1,városok!$A$2:$C$346,2,0))^2+(VLOOKUP($A248,városok!$A$2:$C$346,3,0)-VLOOKUP(R$1,városok!$A$2:$C$346,3,0))^2)/1000,0)</f>
        <v>156</v>
      </c>
      <c r="S248">
        <f ca="1">ROUND(SQRT((VLOOKUP($A248,városok!$A$2:$C$346,2,0)-VLOOKUP(S$1,városok!$A$2:$C$346,2,0))^2+(VLOOKUP($A248,városok!$A$2:$C$346,3,0)-VLOOKUP(S$1,városok!$A$2:$C$346,3,0))^2)/1000,0)</f>
        <v>141</v>
      </c>
      <c r="T248">
        <f ca="1">ROUND(SQRT((VLOOKUP($A248,városok!$A$2:$C$346,2,0)-VLOOKUP(T$1,városok!$A$2:$C$346,2,0))^2+(VLOOKUP($A248,városok!$A$2:$C$346,3,0)-VLOOKUP(T$1,városok!$A$2:$C$346,3,0))^2)/1000,0)</f>
        <v>55</v>
      </c>
      <c r="U248">
        <f ca="1">ROUND(SQRT((VLOOKUP($A248,városok!$A$2:$C$346,2,0)-VLOOKUP(U$1,városok!$A$2:$C$346,2,0))^2+(VLOOKUP($A248,városok!$A$2:$C$346,3,0)-VLOOKUP(U$1,városok!$A$2:$C$346,3,0))^2)/1000,0)</f>
        <v>56</v>
      </c>
      <c r="V248">
        <f ca="1">ROUND(SQRT((VLOOKUP($A248,városok!$A$2:$C$346,2,0)-VLOOKUP(V$1,városok!$A$2:$C$346,2,0))^2+(VLOOKUP($A248,városok!$A$2:$C$346,3,0)-VLOOKUP(V$1,városok!$A$2:$C$346,3,0))^2)/1000,0)</f>
        <v>87</v>
      </c>
      <c r="W248">
        <f ca="1">ROUND(SQRT((VLOOKUP($A248,városok!$A$2:$C$346,2,0)-VLOOKUP(W$1,városok!$A$2:$C$346,2,0))^2+(VLOOKUP($A248,városok!$A$2:$C$346,3,0)-VLOOKUP(W$1,városok!$A$2:$C$346,3,0))^2)/1000,0)</f>
        <v>78</v>
      </c>
      <c r="X248">
        <f ca="1">ROUND(SQRT((VLOOKUP($A248,városok!$A$2:$C$346,2,0)-VLOOKUP(X$1,városok!$A$2:$C$346,2,0))^2+(VLOOKUP($A248,városok!$A$2:$C$346,3,0)-VLOOKUP(X$1,városok!$A$2:$C$346,3,0))^2)/1000,0)</f>
        <v>78</v>
      </c>
      <c r="Y248">
        <f ca="1">ROUND(SQRT((VLOOKUP($A248,városok!$A$2:$C$346,2,0)-VLOOKUP(Y$1,városok!$A$2:$C$346,2,0))^2+(VLOOKUP($A248,városok!$A$2:$C$346,3,0)-VLOOKUP(Y$1,városok!$A$2:$C$346,3,0))^2)/1000,0)</f>
        <v>133</v>
      </c>
      <c r="Z248">
        <f ca="1">ROUND(SQRT((VLOOKUP($A248,városok!$A$2:$C$346,2,0)-VLOOKUP(Z$1,városok!$A$2:$C$346,2,0))^2+(VLOOKUP($A248,városok!$A$2:$C$346,3,0)-VLOOKUP(Z$1,városok!$A$2:$C$346,3,0))^2)/1000,0)</f>
        <v>152</v>
      </c>
      <c r="AA248">
        <f ca="1">ROUND(SQRT((VLOOKUP($A248,városok!$A$2:$C$346,2,0)-VLOOKUP(AA$1,városok!$A$2:$C$346,2,0))^2+(VLOOKUP($A248,városok!$A$2:$C$346,3,0)-VLOOKUP(AA$1,városok!$A$2:$C$346,3,0))^2)/1000,0)</f>
        <v>211</v>
      </c>
      <c r="AB248">
        <f ca="1">ROUND(SQRT((VLOOKUP($A248,városok!$A$2:$C$346,2,0)-VLOOKUP(AB$1,városok!$A$2:$C$346,2,0))^2+(VLOOKUP($A248,városok!$A$2:$C$346,3,0)-VLOOKUP(AB$1,városok!$A$2:$C$346,3,0))^2)/1000,0)</f>
        <v>173</v>
      </c>
      <c r="AC248">
        <f ca="1">ROUND(SQRT((VLOOKUP($A248,városok!$A$2:$C$346,2,0)-VLOOKUP(AC$1,városok!$A$2:$C$346,2,0))^2+(VLOOKUP($A248,városok!$A$2:$C$346,3,0)-VLOOKUP(AC$1,városok!$A$2:$C$346,3,0))^2)/1000,0)</f>
        <v>155</v>
      </c>
      <c r="AD248">
        <f ca="1">ROUND(SQRT((VLOOKUP($A248,városok!$A$2:$C$346,2,0)-VLOOKUP(AD$1,városok!$A$2:$C$346,2,0))^2+(VLOOKUP($A248,városok!$A$2:$C$346,3,0)-VLOOKUP(AD$1,városok!$A$2:$C$346,3,0))^2)/1000,0)</f>
        <v>137</v>
      </c>
      <c r="AE248">
        <f ca="1">ROUND(SQRT((VLOOKUP($A248,városok!$A$2:$C$346,2,0)-VLOOKUP(AE$1,városok!$A$2:$C$346,2,0))^2+(VLOOKUP($A248,városok!$A$2:$C$346,3,0)-VLOOKUP(AE$1,városok!$A$2:$C$346,3,0))^2)/1000,0)</f>
        <v>138</v>
      </c>
      <c r="AF248">
        <f ca="1">ROUND(SQRT((VLOOKUP($A248,városok!$A$2:$C$346,2,0)-VLOOKUP(AF$1,városok!$A$2:$C$346,2,0))^2+(VLOOKUP($A248,városok!$A$2:$C$346,3,0)-VLOOKUP(AF$1,városok!$A$2:$C$346,3,0))^2)/1000,0)</f>
        <v>96</v>
      </c>
      <c r="AG248">
        <f ca="1">ROUND(SQRT((VLOOKUP($A248,városok!$A$2:$C$346,2,0)-VLOOKUP(AG$1,városok!$A$2:$C$346,2,0))^2+(VLOOKUP($A248,városok!$A$2:$C$346,3,0)-VLOOKUP(AG$1,városok!$A$2:$C$346,3,0))^2)/1000,0)</f>
        <v>62</v>
      </c>
      <c r="AH248">
        <f ca="1">ROUND(SQRT((VLOOKUP($A248,városok!$A$2:$C$346,2,0)-VLOOKUP(AH$1,városok!$A$2:$C$346,2,0))^2+(VLOOKUP($A248,városok!$A$2:$C$346,3,0)-VLOOKUP(AH$1,városok!$A$2:$C$346,3,0))^2)/1000,0)</f>
        <v>40</v>
      </c>
      <c r="AI248">
        <f ca="1">ROUND(SQRT((VLOOKUP($A248,városok!$A$2:$C$346,2,0)-VLOOKUP(AI$1,városok!$A$2:$C$346,2,0))^2+(VLOOKUP($A248,városok!$A$2:$C$346,3,0)-VLOOKUP(AI$1,városok!$A$2:$C$346,3,0))^2)/1000,0)</f>
        <v>90</v>
      </c>
      <c r="AJ248">
        <f ca="1">ROUND(SQRT((VLOOKUP($A248,városok!$A$2:$C$346,2,0)-VLOOKUP(AJ$1,városok!$A$2:$C$346,2,0))^2+(VLOOKUP($A248,városok!$A$2:$C$346,3,0)-VLOOKUP(AJ$1,városok!$A$2:$C$346,3,0))^2)/1000,0)</f>
        <v>55</v>
      </c>
      <c r="AK248">
        <f ca="1">ROUND(SQRT((VLOOKUP($A248,városok!$A$2:$C$346,2,0)-VLOOKUP(AK$1,városok!$A$2:$C$346,2,0))^2+(VLOOKUP($A248,városok!$A$2:$C$346,3,0)-VLOOKUP(AK$1,városok!$A$2:$C$346,3,0))^2)/1000,0)</f>
        <v>124</v>
      </c>
      <c r="AL248">
        <f ca="1">ROUND(SQRT((VLOOKUP($A248,városok!$A$2:$C$346,2,0)-VLOOKUP(AL$1,városok!$A$2:$C$346,2,0))^2+(VLOOKUP($A248,városok!$A$2:$C$346,3,0)-VLOOKUP(AL$1,városok!$A$2:$C$346,3,0))^2)/1000,0)</f>
        <v>97</v>
      </c>
      <c r="AM248">
        <f ca="1">ROUND(SQRT((VLOOKUP($A248,városok!$A$2:$C$346,2,0)-VLOOKUP(AM$1,városok!$A$2:$C$346,2,0))^2+(VLOOKUP($A248,városok!$A$2:$C$346,3,0)-VLOOKUP(AM$1,városok!$A$2:$C$346,3,0))^2)/1000,0)</f>
        <v>68</v>
      </c>
      <c r="AN248">
        <f ca="1">ROUND(SQRT((VLOOKUP($A248,városok!$A$2:$C$346,2,0)-VLOOKUP(AN$1,városok!$A$2:$C$346,2,0))^2+(VLOOKUP($A248,városok!$A$2:$C$346,3,0)-VLOOKUP(AN$1,városok!$A$2:$C$346,3,0))^2)/1000,0)</f>
        <v>64</v>
      </c>
      <c r="AO248">
        <f ca="1">ROUND(SQRT((VLOOKUP($A248,városok!$A$2:$C$346,2,0)-VLOOKUP(AO$1,városok!$A$2:$C$346,2,0))^2+(VLOOKUP($A248,városok!$A$2:$C$346,3,0)-VLOOKUP(AO$1,városok!$A$2:$C$346,3,0))^2)/1000,0)</f>
        <v>100</v>
      </c>
      <c r="AP248">
        <f ca="1">ROUND(SQRT((VLOOKUP($A248,városok!$A$2:$C$346,2,0)-VLOOKUP(AP$1,városok!$A$2:$C$346,2,0))^2+(VLOOKUP($A248,városok!$A$2:$C$346,3,0)-VLOOKUP(AP$1,városok!$A$2:$C$346,3,0))^2)/1000,0)</f>
        <v>82</v>
      </c>
      <c r="AQ248">
        <f ca="1">ROUND(SQRT((VLOOKUP($A248,városok!$A$2:$C$346,2,0)-VLOOKUP(AQ$1,városok!$A$2:$C$346,2,0))^2+(VLOOKUP($A248,városok!$A$2:$C$346,3,0)-VLOOKUP(AQ$1,városok!$A$2:$C$346,3,0))^2)/1000,0)</f>
        <v>73</v>
      </c>
      <c r="AR248">
        <f ca="1">ROUND(SQRT((VLOOKUP($A248,városok!$A$2:$C$346,2,0)-VLOOKUP(AR$1,városok!$A$2:$C$346,2,0))^2+(VLOOKUP($A248,városok!$A$2:$C$346,3,0)-VLOOKUP(AR$1,városok!$A$2:$C$346,3,0))^2)/1000,0)</f>
        <v>65</v>
      </c>
      <c r="AS248">
        <f ca="1">ROUND(SQRT((VLOOKUP($A248,városok!$A$2:$C$346,2,0)-VLOOKUP(AS$1,városok!$A$2:$C$346,2,0))^2+(VLOOKUP($A248,városok!$A$2:$C$346,3,0)-VLOOKUP(AS$1,városok!$A$2:$C$346,3,0))^2)/1000,0)</f>
        <v>88</v>
      </c>
      <c r="AT248">
        <f ca="1">ROUND(SQRT((VLOOKUP($A248,városok!$A$2:$C$346,2,0)-VLOOKUP(AT$1,városok!$A$2:$C$346,2,0))^2+(VLOOKUP($A248,városok!$A$2:$C$346,3,0)-VLOOKUP(AT$1,városok!$A$2:$C$346,3,0))^2)/1000,0)</f>
        <v>41</v>
      </c>
      <c r="AU248">
        <f ca="1">ROUND(SQRT((VLOOKUP($A248,városok!$A$2:$C$346,2,0)-VLOOKUP(AU$1,városok!$A$2:$C$346,2,0))^2+(VLOOKUP($A248,városok!$A$2:$C$346,3,0)-VLOOKUP(AU$1,városok!$A$2:$C$346,3,0))^2)/1000,0)</f>
        <v>30</v>
      </c>
      <c r="AV248">
        <f ca="1">ROUND(SQRT((VLOOKUP($A248,városok!$A$2:$C$346,2,0)-VLOOKUP(AV$1,városok!$A$2:$C$346,2,0))^2+(VLOOKUP($A248,városok!$A$2:$C$346,3,0)-VLOOKUP(AV$1,városok!$A$2:$C$346,3,0))^2)/1000,0)</f>
        <v>30</v>
      </c>
      <c r="AW248">
        <f ca="1">ROUND(SQRT((VLOOKUP($A248,városok!$A$2:$C$346,2,0)-VLOOKUP(AW$1,városok!$A$2:$C$346,2,0))^2+(VLOOKUP($A248,városok!$A$2:$C$346,3,0)-VLOOKUP(AW$1,városok!$A$2:$C$346,3,0))^2)/1000,0)</f>
        <v>33</v>
      </c>
      <c r="AX248">
        <f ca="1">ROUND(SQRT((VLOOKUP($A248,városok!$A$2:$C$346,2,0)-VLOOKUP(AX$1,városok!$A$2:$C$346,2,0))^2+(VLOOKUP($A248,városok!$A$2:$C$346,3,0)-VLOOKUP(AX$1,városok!$A$2:$C$346,3,0))^2)/1000,0)</f>
        <v>51</v>
      </c>
      <c r="AY248">
        <f ca="1">ROUND(SQRT((VLOOKUP($A248,városok!$A$2:$C$346,2,0)-VLOOKUP(AY$1,városok!$A$2:$C$346,2,0))^2+(VLOOKUP($A248,városok!$A$2:$C$346,3,0)-VLOOKUP(AY$1,városok!$A$2:$C$346,3,0))^2)/1000,0)</f>
        <v>39</v>
      </c>
      <c r="AZ248">
        <f ca="1">ROUND(SQRT((VLOOKUP($A248,városok!$A$2:$C$346,2,0)-VLOOKUP(AZ$1,városok!$A$2:$C$346,2,0))^2+(VLOOKUP($A248,városok!$A$2:$C$346,3,0)-VLOOKUP(AZ$1,városok!$A$2:$C$346,3,0))^2)/1000,0)</f>
        <v>53</v>
      </c>
      <c r="BA248">
        <f ca="1">ROUND(SQRT((VLOOKUP($A248,városok!$A$2:$C$346,2,0)-VLOOKUP(BA$1,városok!$A$2:$C$346,2,0))^2+(VLOOKUP($A248,városok!$A$2:$C$346,3,0)-VLOOKUP(BA$1,városok!$A$2:$C$346,3,0))^2)/1000,0)</f>
        <v>142</v>
      </c>
      <c r="BB248">
        <f ca="1">ROUND(SQRT((VLOOKUP($A248,városok!$A$2:$C$346,2,0)-VLOOKUP(BB$1,városok!$A$2:$C$346,2,0))^2+(VLOOKUP($A248,városok!$A$2:$C$346,3,0)-VLOOKUP(BB$1,városok!$A$2:$C$346,3,0))^2)/1000,0)</f>
        <v>142</v>
      </c>
      <c r="BC248">
        <f ca="1">ROUND(SQRT((VLOOKUP($A248,városok!$A$2:$C$346,2,0)-VLOOKUP(BC$1,városok!$A$2:$C$346,2,0))^2+(VLOOKUP($A248,városok!$A$2:$C$346,3,0)-VLOOKUP(BC$1,városok!$A$2:$C$346,3,0))^2)/1000,0)</f>
        <v>164</v>
      </c>
      <c r="BD248">
        <f ca="1">ROUND(SQRT((VLOOKUP($A248,városok!$A$2:$C$346,2,0)-VLOOKUP(BD$1,városok!$A$2:$C$346,2,0))^2+(VLOOKUP($A248,városok!$A$2:$C$346,3,0)-VLOOKUP(BD$1,városok!$A$2:$C$346,3,0))^2)/1000,0)</f>
        <v>111</v>
      </c>
      <c r="BE248">
        <f ca="1">ROUND(SQRT((VLOOKUP($A248,városok!$A$2:$C$346,2,0)-VLOOKUP(BE$1,városok!$A$2:$C$346,2,0))^2+(VLOOKUP($A248,városok!$A$2:$C$346,3,0)-VLOOKUP(BE$1,városok!$A$2:$C$346,3,0))^2)/1000,0)</f>
        <v>255</v>
      </c>
      <c r="BF248">
        <f ca="1">ROUND(SQRT((VLOOKUP($A248,városok!$A$2:$C$346,2,0)-VLOOKUP(BF$1,városok!$A$2:$C$346,2,0))^2+(VLOOKUP($A248,városok!$A$2:$C$346,3,0)-VLOOKUP(BF$1,városok!$A$2:$C$346,3,0))^2)/1000,0)</f>
        <v>225</v>
      </c>
      <c r="BG248">
        <f ca="1">ROUND(SQRT((VLOOKUP($A248,városok!$A$2:$C$346,2,0)-VLOOKUP(BG$1,városok!$A$2:$C$346,2,0))^2+(VLOOKUP($A248,városok!$A$2:$C$346,3,0)-VLOOKUP(BG$1,városok!$A$2:$C$346,3,0))^2)/1000,0)</f>
        <v>179</v>
      </c>
      <c r="BH248">
        <f ca="1">ROUND(SQRT((VLOOKUP($A248,városok!$A$2:$C$346,2,0)-VLOOKUP(BH$1,városok!$A$2:$C$346,2,0))^2+(VLOOKUP($A248,városok!$A$2:$C$346,3,0)-VLOOKUP(BH$1,városok!$A$2:$C$346,3,0))^2)/1000,0)</f>
        <v>179</v>
      </c>
      <c r="BI248">
        <f ca="1">ROUND(SQRT((VLOOKUP($A248,városok!$A$2:$C$346,2,0)-VLOOKUP(BI$1,városok!$A$2:$C$346,2,0))^2+(VLOOKUP($A248,városok!$A$2:$C$346,3,0)-VLOOKUP(BI$1,városok!$A$2:$C$346,3,0))^2)/1000,0)</f>
        <v>123</v>
      </c>
      <c r="BJ248">
        <f ca="1">ROUND(SQRT((VLOOKUP($A248,városok!$A$2:$C$346,2,0)-VLOOKUP(BJ$1,városok!$A$2:$C$346,2,0))^2+(VLOOKUP($A248,városok!$A$2:$C$346,3,0)-VLOOKUP(BJ$1,városok!$A$2:$C$346,3,0))^2)/1000,0)</f>
        <v>140</v>
      </c>
      <c r="BK248">
        <f ca="1">ROUND(SQRT((VLOOKUP($A248,városok!$A$2:$C$346,2,0)-VLOOKUP(BK$1,városok!$A$2:$C$346,2,0))^2+(VLOOKUP($A248,városok!$A$2:$C$346,3,0)-VLOOKUP(BK$1,városok!$A$2:$C$346,3,0))^2)/1000,0)</f>
        <v>125</v>
      </c>
      <c r="BL248">
        <f ca="1">ROUND(SQRT((VLOOKUP($A248,városok!$A$2:$C$346,2,0)-VLOOKUP(BL$1,városok!$A$2:$C$346,2,0))^2+(VLOOKUP($A248,városok!$A$2:$C$346,3,0)-VLOOKUP(BL$1,városok!$A$2:$C$346,3,0))^2)/1000,0)</f>
        <v>212</v>
      </c>
      <c r="BM248">
        <f ca="1">ROUND(SQRT((VLOOKUP($A248,városok!$A$2:$C$346,2,0)-VLOOKUP(BM$1,városok!$A$2:$C$346,2,0))^2+(VLOOKUP($A248,városok!$A$2:$C$346,3,0)-VLOOKUP(BM$1,városok!$A$2:$C$346,3,0))^2)/1000,0)</f>
        <v>183</v>
      </c>
      <c r="BN248">
        <f ca="1">ROUND(SQRT((VLOOKUP($A248,városok!$A$2:$C$346,2,0)-VLOOKUP(BN$1,városok!$A$2:$C$346,2,0))^2+(VLOOKUP($A248,városok!$A$2:$C$346,3,0)-VLOOKUP(BN$1,városok!$A$2:$C$346,3,0))^2)/1000,0)</f>
        <v>207</v>
      </c>
      <c r="BO248">
        <f ca="1">ROUND(SQRT((VLOOKUP($A248,városok!$A$2:$C$346,2,0)-VLOOKUP(BO$1,városok!$A$2:$C$346,2,0))^2+(VLOOKUP($A248,városok!$A$2:$C$346,3,0)-VLOOKUP(BO$1,városok!$A$2:$C$346,3,0))^2)/1000,0)</f>
        <v>108</v>
      </c>
      <c r="BP248">
        <f ca="1">ROUND(SQRT((VLOOKUP($A248,városok!$A$2:$C$346,2,0)-VLOOKUP(BP$1,városok!$A$2:$C$346,2,0))^2+(VLOOKUP($A248,városok!$A$2:$C$346,3,0)-VLOOKUP(BP$1,városok!$A$2:$C$346,3,0))^2)/1000,0)</f>
        <v>101</v>
      </c>
      <c r="BQ248">
        <f ca="1">ROUND(SQRT((VLOOKUP($A248,városok!$A$2:$C$346,2,0)-VLOOKUP(BQ$1,városok!$A$2:$C$346,2,0))^2+(VLOOKUP($A248,városok!$A$2:$C$346,3,0)-VLOOKUP(BQ$1,városok!$A$2:$C$346,3,0))^2)/1000,0)</f>
        <v>113</v>
      </c>
      <c r="BR248">
        <f ca="1">ROUND(SQRT((VLOOKUP($A248,városok!$A$2:$C$346,2,0)-VLOOKUP(BR$1,városok!$A$2:$C$346,2,0))^2+(VLOOKUP($A248,városok!$A$2:$C$346,3,0)-VLOOKUP(BR$1,városok!$A$2:$C$346,3,0))^2)/1000,0)</f>
        <v>173</v>
      </c>
      <c r="BS248">
        <f ca="1">ROUND(SQRT((VLOOKUP($A248,városok!$A$2:$C$346,2,0)-VLOOKUP(BS$1,városok!$A$2:$C$346,2,0))^2+(VLOOKUP($A248,városok!$A$2:$C$346,3,0)-VLOOKUP(BS$1,városok!$A$2:$C$346,3,0))^2)/1000,0)</f>
        <v>207</v>
      </c>
      <c r="BT248">
        <f ca="1">ROUND(SQRT((VLOOKUP($A248,városok!$A$2:$C$346,2,0)-VLOOKUP(BT$1,városok!$A$2:$C$346,2,0))^2+(VLOOKUP($A248,városok!$A$2:$C$346,3,0)-VLOOKUP(BT$1,városok!$A$2:$C$346,3,0))^2)/1000,0)</f>
        <v>200</v>
      </c>
    </row>
    <row r="249" spans="1:72" x14ac:dyDescent="0.2">
      <c r="A249" t="str">
        <f>városok!A249</f>
        <v>Vác</v>
      </c>
      <c r="B249">
        <f ca="1">ROUND(SQRT((VLOOKUP($A249,városok!$A$2:$C$346,2,0)-VLOOKUP(B$1,városok!$A$2:$C$346,2,0))^2+(VLOOKUP($A249,városok!$A$2:$C$346,3,0)-VLOOKUP(B$1,városok!$A$2:$C$346,3,0))^2)/1000,0)</f>
        <v>178</v>
      </c>
      <c r="C249">
        <f ca="1">ROUND(SQRT((VLOOKUP($A249,városok!$A$2:$C$346,2,0)-VLOOKUP(C$1,városok!$A$2:$C$346,2,0))^2+(VLOOKUP($A249,városok!$A$2:$C$346,3,0)-VLOOKUP(C$1,városok!$A$2:$C$346,3,0))^2)/1000,0)</f>
        <v>140</v>
      </c>
      <c r="D249">
        <f ca="1">ROUND(SQRT((VLOOKUP($A249,városok!$A$2:$C$346,2,0)-VLOOKUP(D$1,városok!$A$2:$C$346,2,0))^2+(VLOOKUP($A249,városok!$A$2:$C$346,3,0)-VLOOKUP(D$1,városok!$A$2:$C$346,3,0))^2)/1000,0)</f>
        <v>106</v>
      </c>
      <c r="E249">
        <f ca="1">ROUND(SQRT((VLOOKUP($A249,városok!$A$2:$C$346,2,0)-VLOOKUP(E$1,városok!$A$2:$C$346,2,0))^2+(VLOOKUP($A249,városok!$A$2:$C$346,3,0)-VLOOKUP(E$1,városok!$A$2:$C$346,3,0))^2)/1000,0)</f>
        <v>189</v>
      </c>
      <c r="F249">
        <f ca="1">ROUND(SQRT((VLOOKUP($A249,városok!$A$2:$C$346,2,0)-VLOOKUP(F$1,városok!$A$2:$C$346,2,0))^2+(VLOOKUP($A249,városok!$A$2:$C$346,3,0)-VLOOKUP(F$1,városok!$A$2:$C$346,3,0))^2)/1000,0)</f>
        <v>202</v>
      </c>
      <c r="G249">
        <f ca="1">ROUND(SQRT((VLOOKUP($A249,városok!$A$2:$C$346,2,0)-VLOOKUP(G$1,városok!$A$2:$C$346,2,0))^2+(VLOOKUP($A249,városok!$A$2:$C$346,3,0)-VLOOKUP(G$1,városok!$A$2:$C$346,3,0))^2)/1000,0)</f>
        <v>201</v>
      </c>
      <c r="H249">
        <f ca="1">ROUND(SQRT((VLOOKUP($A249,városok!$A$2:$C$346,2,0)-VLOOKUP(H$1,városok!$A$2:$C$346,2,0))^2+(VLOOKUP($A249,városok!$A$2:$C$346,3,0)-VLOOKUP(H$1,városok!$A$2:$C$346,3,0))^2)/1000,0)</f>
        <v>218</v>
      </c>
      <c r="I249">
        <f ca="1">ROUND(SQRT((VLOOKUP($A249,városok!$A$2:$C$346,2,0)-VLOOKUP(I$1,városok!$A$2:$C$346,2,0))^2+(VLOOKUP($A249,városok!$A$2:$C$346,3,0)-VLOOKUP(I$1,városok!$A$2:$C$346,3,0))^2)/1000,0)</f>
        <v>192</v>
      </c>
      <c r="J249">
        <f ca="1">ROUND(SQRT((VLOOKUP($A249,városok!$A$2:$C$346,2,0)-VLOOKUP(J$1,városok!$A$2:$C$346,2,0))^2+(VLOOKUP($A249,városok!$A$2:$C$346,3,0)-VLOOKUP(J$1,városok!$A$2:$C$346,3,0))^2)/1000,0)</f>
        <v>206</v>
      </c>
      <c r="K249">
        <f ca="1">ROUND(SQRT((VLOOKUP($A249,városok!$A$2:$C$346,2,0)-VLOOKUP(K$1,városok!$A$2:$C$346,2,0))^2+(VLOOKUP($A249,városok!$A$2:$C$346,3,0)-VLOOKUP(K$1,városok!$A$2:$C$346,3,0))^2)/1000,0)</f>
        <v>179</v>
      </c>
      <c r="L249">
        <f ca="1">ROUND(SQRT((VLOOKUP($A249,városok!$A$2:$C$346,2,0)-VLOOKUP(L$1,városok!$A$2:$C$346,2,0))^2+(VLOOKUP($A249,városok!$A$2:$C$346,3,0)-VLOOKUP(L$1,városok!$A$2:$C$346,3,0))^2)/1000,0)</f>
        <v>124</v>
      </c>
      <c r="M249">
        <f ca="1">ROUND(SQRT((VLOOKUP($A249,városok!$A$2:$C$346,2,0)-VLOOKUP(M$1,városok!$A$2:$C$346,2,0))^2+(VLOOKUP($A249,városok!$A$2:$C$346,3,0)-VLOOKUP(M$1,városok!$A$2:$C$346,3,0))^2)/1000,0)</f>
        <v>129</v>
      </c>
      <c r="N249">
        <f ca="1">ROUND(SQRT((VLOOKUP($A249,városok!$A$2:$C$346,2,0)-VLOOKUP(N$1,városok!$A$2:$C$346,2,0))^2+(VLOOKUP($A249,városok!$A$2:$C$346,3,0)-VLOOKUP(N$1,városok!$A$2:$C$346,3,0))^2)/1000,0)</f>
        <v>99</v>
      </c>
      <c r="O249">
        <f ca="1">ROUND(SQRT((VLOOKUP($A249,városok!$A$2:$C$346,2,0)-VLOOKUP(O$1,városok!$A$2:$C$346,2,0))^2+(VLOOKUP($A249,városok!$A$2:$C$346,3,0)-VLOOKUP(O$1,városok!$A$2:$C$346,3,0))^2)/1000,0)</f>
        <v>199</v>
      </c>
      <c r="P249">
        <f ca="1">ROUND(SQRT((VLOOKUP($A249,városok!$A$2:$C$346,2,0)-VLOOKUP(P$1,városok!$A$2:$C$346,2,0))^2+(VLOOKUP($A249,városok!$A$2:$C$346,3,0)-VLOOKUP(P$1,városok!$A$2:$C$346,3,0))^2)/1000,0)</f>
        <v>199</v>
      </c>
      <c r="Q249">
        <f ca="1">ROUND(SQRT((VLOOKUP($A249,városok!$A$2:$C$346,2,0)-VLOOKUP(Q$1,városok!$A$2:$C$346,2,0))^2+(VLOOKUP($A249,városok!$A$2:$C$346,3,0)-VLOOKUP(Q$1,városok!$A$2:$C$346,3,0))^2)/1000,0)</f>
        <v>177</v>
      </c>
      <c r="R249">
        <f ca="1">ROUND(SQRT((VLOOKUP($A249,városok!$A$2:$C$346,2,0)-VLOOKUP(R$1,városok!$A$2:$C$346,2,0))^2+(VLOOKUP($A249,városok!$A$2:$C$346,3,0)-VLOOKUP(R$1,városok!$A$2:$C$346,3,0))^2)/1000,0)</f>
        <v>202</v>
      </c>
      <c r="S249">
        <f ca="1">ROUND(SQRT((VLOOKUP($A249,városok!$A$2:$C$346,2,0)-VLOOKUP(S$1,városok!$A$2:$C$346,2,0))^2+(VLOOKUP($A249,városok!$A$2:$C$346,3,0)-VLOOKUP(S$1,városok!$A$2:$C$346,3,0))^2)/1000,0)</f>
        <v>188</v>
      </c>
      <c r="T249">
        <f ca="1">ROUND(SQRT((VLOOKUP($A249,városok!$A$2:$C$346,2,0)-VLOOKUP(T$1,városok!$A$2:$C$346,2,0))^2+(VLOOKUP($A249,városok!$A$2:$C$346,3,0)-VLOOKUP(T$1,városok!$A$2:$C$346,3,0))^2)/1000,0)</f>
        <v>50</v>
      </c>
      <c r="U249">
        <f ca="1">ROUND(SQRT((VLOOKUP($A249,városok!$A$2:$C$346,2,0)-VLOOKUP(U$1,városok!$A$2:$C$346,2,0))^2+(VLOOKUP($A249,városok!$A$2:$C$346,3,0)-VLOOKUP(U$1,városok!$A$2:$C$346,3,0))^2)/1000,0)</f>
        <v>92</v>
      </c>
      <c r="V249">
        <f ca="1">ROUND(SQRT((VLOOKUP($A249,városok!$A$2:$C$346,2,0)-VLOOKUP(V$1,városok!$A$2:$C$346,2,0))^2+(VLOOKUP($A249,városok!$A$2:$C$346,3,0)-VLOOKUP(V$1,városok!$A$2:$C$346,3,0))^2)/1000,0)</f>
        <v>102</v>
      </c>
      <c r="W249">
        <f ca="1">ROUND(SQRT((VLOOKUP($A249,városok!$A$2:$C$346,2,0)-VLOOKUP(W$1,városok!$A$2:$C$346,2,0))^2+(VLOOKUP($A249,városok!$A$2:$C$346,3,0)-VLOOKUP(W$1,városok!$A$2:$C$346,3,0))^2)/1000,0)</f>
        <v>107</v>
      </c>
      <c r="X249">
        <f ca="1">ROUND(SQRT((VLOOKUP($A249,városok!$A$2:$C$346,2,0)-VLOOKUP(X$1,városok!$A$2:$C$346,2,0))^2+(VLOOKUP($A249,városok!$A$2:$C$346,3,0)-VLOOKUP(X$1,városok!$A$2:$C$346,3,0))^2)/1000,0)</f>
        <v>82</v>
      </c>
      <c r="Y249">
        <f ca="1">ROUND(SQRT((VLOOKUP($A249,városok!$A$2:$C$346,2,0)-VLOOKUP(Y$1,városok!$A$2:$C$346,2,0))^2+(VLOOKUP($A249,városok!$A$2:$C$346,3,0)-VLOOKUP(Y$1,városok!$A$2:$C$346,3,0))^2)/1000,0)</f>
        <v>113</v>
      </c>
      <c r="Z249">
        <f ca="1">ROUND(SQRT((VLOOKUP($A249,városok!$A$2:$C$346,2,0)-VLOOKUP(Z$1,városok!$A$2:$C$346,2,0))^2+(VLOOKUP($A249,városok!$A$2:$C$346,3,0)-VLOOKUP(Z$1,városok!$A$2:$C$346,3,0))^2)/1000,0)</f>
        <v>131</v>
      </c>
      <c r="AA249">
        <f ca="1">ROUND(SQRT((VLOOKUP($A249,városok!$A$2:$C$346,2,0)-VLOOKUP(AA$1,városok!$A$2:$C$346,2,0))^2+(VLOOKUP($A249,városok!$A$2:$C$346,3,0)-VLOOKUP(AA$1,városok!$A$2:$C$346,3,0))^2)/1000,0)</f>
        <v>192</v>
      </c>
      <c r="AB249">
        <f ca="1">ROUND(SQRT((VLOOKUP($A249,városok!$A$2:$C$346,2,0)-VLOOKUP(AB$1,városok!$A$2:$C$346,2,0))^2+(VLOOKUP($A249,városok!$A$2:$C$346,3,0)-VLOOKUP(AB$1,városok!$A$2:$C$346,3,0))^2)/1000,0)</f>
        <v>190</v>
      </c>
      <c r="AC249">
        <f ca="1">ROUND(SQRT((VLOOKUP($A249,városok!$A$2:$C$346,2,0)-VLOOKUP(AC$1,városok!$A$2:$C$346,2,0))^2+(VLOOKUP($A249,városok!$A$2:$C$346,3,0)-VLOOKUP(AC$1,városok!$A$2:$C$346,3,0))^2)/1000,0)</f>
        <v>174</v>
      </c>
      <c r="AD249">
        <f ca="1">ROUND(SQRT((VLOOKUP($A249,városok!$A$2:$C$346,2,0)-VLOOKUP(AD$1,városok!$A$2:$C$346,2,0))^2+(VLOOKUP($A249,városok!$A$2:$C$346,3,0)-VLOOKUP(AD$1,városok!$A$2:$C$346,3,0))^2)/1000,0)</f>
        <v>157</v>
      </c>
      <c r="AE249">
        <f ca="1">ROUND(SQRT((VLOOKUP($A249,városok!$A$2:$C$346,2,0)-VLOOKUP(AE$1,városok!$A$2:$C$346,2,0))^2+(VLOOKUP($A249,városok!$A$2:$C$346,3,0)-VLOOKUP(AE$1,városok!$A$2:$C$346,3,0))^2)/1000,0)</f>
        <v>163</v>
      </c>
      <c r="AF249">
        <f ca="1">ROUND(SQRT((VLOOKUP($A249,városok!$A$2:$C$346,2,0)-VLOOKUP(AF$1,városok!$A$2:$C$346,2,0))^2+(VLOOKUP($A249,városok!$A$2:$C$346,3,0)-VLOOKUP(AF$1,városok!$A$2:$C$346,3,0))^2)/1000,0)</f>
        <v>94</v>
      </c>
      <c r="AG249">
        <f ca="1">ROUND(SQRT((VLOOKUP($A249,városok!$A$2:$C$346,2,0)-VLOOKUP(AG$1,városok!$A$2:$C$346,2,0))^2+(VLOOKUP($A249,városok!$A$2:$C$346,3,0)-VLOOKUP(AG$1,városok!$A$2:$C$346,3,0))^2)/1000,0)</f>
        <v>59</v>
      </c>
      <c r="AH249">
        <f ca="1">ROUND(SQRT((VLOOKUP($A249,városok!$A$2:$C$346,2,0)-VLOOKUP(AH$1,városok!$A$2:$C$346,2,0))^2+(VLOOKUP($A249,városok!$A$2:$C$346,3,0)-VLOOKUP(AH$1,városok!$A$2:$C$346,3,0))^2)/1000,0)</f>
        <v>43</v>
      </c>
      <c r="AI249">
        <f ca="1">ROUND(SQRT((VLOOKUP($A249,városok!$A$2:$C$346,2,0)-VLOOKUP(AI$1,városok!$A$2:$C$346,2,0))^2+(VLOOKUP($A249,városok!$A$2:$C$346,3,0)-VLOOKUP(AI$1,városok!$A$2:$C$346,3,0))^2)/1000,0)</f>
        <v>77</v>
      </c>
      <c r="AJ249">
        <f ca="1">ROUND(SQRT((VLOOKUP($A249,városok!$A$2:$C$346,2,0)-VLOOKUP(AJ$1,városok!$A$2:$C$346,2,0))^2+(VLOOKUP($A249,városok!$A$2:$C$346,3,0)-VLOOKUP(AJ$1,városok!$A$2:$C$346,3,0))^2)/1000,0)</f>
        <v>65</v>
      </c>
      <c r="AK249">
        <f ca="1">ROUND(SQRT((VLOOKUP($A249,városok!$A$2:$C$346,2,0)-VLOOKUP(AK$1,városok!$A$2:$C$346,2,0))^2+(VLOOKUP($A249,városok!$A$2:$C$346,3,0)-VLOOKUP(AK$1,városok!$A$2:$C$346,3,0))^2)/1000,0)</f>
        <v>149</v>
      </c>
      <c r="AL249">
        <f ca="1">ROUND(SQRT((VLOOKUP($A249,városok!$A$2:$C$346,2,0)-VLOOKUP(AL$1,városok!$A$2:$C$346,2,0))^2+(VLOOKUP($A249,városok!$A$2:$C$346,3,0)-VLOOKUP(AL$1,városok!$A$2:$C$346,3,0))^2)/1000,0)</f>
        <v>122</v>
      </c>
      <c r="AM249">
        <f ca="1">ROUND(SQRT((VLOOKUP($A249,városok!$A$2:$C$346,2,0)-VLOOKUP(AM$1,városok!$A$2:$C$346,2,0))^2+(VLOOKUP($A249,városok!$A$2:$C$346,3,0)-VLOOKUP(AM$1,városok!$A$2:$C$346,3,0))^2)/1000,0)</f>
        <v>104</v>
      </c>
      <c r="AN249">
        <f ca="1">ROUND(SQRT((VLOOKUP($A249,városok!$A$2:$C$346,2,0)-VLOOKUP(AN$1,városok!$A$2:$C$346,2,0))^2+(VLOOKUP($A249,városok!$A$2:$C$346,3,0)-VLOOKUP(AN$1,városok!$A$2:$C$346,3,0))^2)/1000,0)</f>
        <v>29</v>
      </c>
      <c r="AO249">
        <f ca="1">ROUND(SQRT((VLOOKUP($A249,városok!$A$2:$C$346,2,0)-VLOOKUP(AO$1,városok!$A$2:$C$346,2,0))^2+(VLOOKUP($A249,városok!$A$2:$C$346,3,0)-VLOOKUP(AO$1,városok!$A$2:$C$346,3,0))^2)/1000,0)</f>
        <v>76</v>
      </c>
      <c r="AP249">
        <f ca="1">ROUND(SQRT((VLOOKUP($A249,városok!$A$2:$C$346,2,0)-VLOOKUP(AP$1,városok!$A$2:$C$346,2,0))^2+(VLOOKUP($A249,városok!$A$2:$C$346,3,0)-VLOOKUP(AP$1,városok!$A$2:$C$346,3,0))^2)/1000,0)</f>
        <v>62</v>
      </c>
      <c r="AQ249">
        <f ca="1">ROUND(SQRT((VLOOKUP($A249,városok!$A$2:$C$346,2,0)-VLOOKUP(AQ$1,városok!$A$2:$C$346,2,0))^2+(VLOOKUP($A249,városok!$A$2:$C$346,3,0)-VLOOKUP(AQ$1,városok!$A$2:$C$346,3,0))^2)/1000,0)</f>
        <v>60</v>
      </c>
      <c r="AR249">
        <f ca="1">ROUND(SQRT((VLOOKUP($A249,városok!$A$2:$C$346,2,0)-VLOOKUP(AR$1,városok!$A$2:$C$346,2,0))^2+(VLOOKUP($A249,városok!$A$2:$C$346,3,0)-VLOOKUP(AR$1,városok!$A$2:$C$346,3,0))^2)/1000,0)</f>
        <v>45</v>
      </c>
      <c r="AS249">
        <f ca="1">ROUND(SQRT((VLOOKUP($A249,városok!$A$2:$C$346,2,0)-VLOOKUP(AS$1,városok!$A$2:$C$346,2,0))^2+(VLOOKUP($A249,városok!$A$2:$C$346,3,0)-VLOOKUP(AS$1,városok!$A$2:$C$346,3,0))^2)/1000,0)</f>
        <v>62</v>
      </c>
      <c r="AT249">
        <f ca="1">ROUND(SQRT((VLOOKUP($A249,városok!$A$2:$C$346,2,0)-VLOOKUP(AT$1,városok!$A$2:$C$346,2,0))^2+(VLOOKUP($A249,városok!$A$2:$C$346,3,0)-VLOOKUP(AT$1,városok!$A$2:$C$346,3,0))^2)/1000,0)</f>
        <v>42</v>
      </c>
      <c r="AU249">
        <f ca="1">ROUND(SQRT((VLOOKUP($A249,városok!$A$2:$C$346,2,0)-VLOOKUP(AU$1,városok!$A$2:$C$346,2,0))^2+(VLOOKUP($A249,városok!$A$2:$C$346,3,0)-VLOOKUP(AU$1,városok!$A$2:$C$346,3,0))^2)/1000,0)</f>
        <v>38</v>
      </c>
      <c r="AV249">
        <f ca="1">ROUND(SQRT((VLOOKUP($A249,városok!$A$2:$C$346,2,0)-VLOOKUP(AV$1,városok!$A$2:$C$346,2,0))^2+(VLOOKUP($A249,városok!$A$2:$C$346,3,0)-VLOOKUP(AV$1,városok!$A$2:$C$346,3,0))^2)/1000,0)</f>
        <v>44</v>
      </c>
      <c r="AW249">
        <f ca="1">ROUND(SQRT((VLOOKUP($A249,városok!$A$2:$C$346,2,0)-VLOOKUP(AW$1,városok!$A$2:$C$346,2,0))^2+(VLOOKUP($A249,városok!$A$2:$C$346,3,0)-VLOOKUP(AW$1,városok!$A$2:$C$346,3,0))^2)/1000,0)</f>
        <v>46</v>
      </c>
      <c r="AX249">
        <f ca="1">ROUND(SQRT((VLOOKUP($A249,városok!$A$2:$C$346,2,0)-VLOOKUP(AX$1,városok!$A$2:$C$346,2,0))^2+(VLOOKUP($A249,városok!$A$2:$C$346,3,0)-VLOOKUP(AX$1,városok!$A$2:$C$346,3,0))^2)/1000,0)</f>
        <v>97</v>
      </c>
      <c r="AY249">
        <f ca="1">ROUND(SQRT((VLOOKUP($A249,városok!$A$2:$C$346,2,0)-VLOOKUP(AY$1,városok!$A$2:$C$346,2,0))^2+(VLOOKUP($A249,városok!$A$2:$C$346,3,0)-VLOOKUP(AY$1,városok!$A$2:$C$346,3,0))^2)/1000,0)</f>
        <v>12</v>
      </c>
      <c r="AZ249">
        <f ca="1">ROUND(SQRT((VLOOKUP($A249,városok!$A$2:$C$346,2,0)-VLOOKUP(AZ$1,városok!$A$2:$C$346,2,0))^2+(VLOOKUP($A249,városok!$A$2:$C$346,3,0)-VLOOKUP(AZ$1,városok!$A$2:$C$346,3,0))^2)/1000,0)</f>
        <v>12</v>
      </c>
      <c r="BA249">
        <f ca="1">ROUND(SQRT((VLOOKUP($A249,városok!$A$2:$C$346,2,0)-VLOOKUP(BA$1,városok!$A$2:$C$346,2,0))^2+(VLOOKUP($A249,városok!$A$2:$C$346,3,0)-VLOOKUP(BA$1,városok!$A$2:$C$346,3,0))^2)/1000,0)</f>
        <v>155</v>
      </c>
      <c r="BB249">
        <f ca="1">ROUND(SQRT((VLOOKUP($A249,városok!$A$2:$C$346,2,0)-VLOOKUP(BB$1,városok!$A$2:$C$346,2,0))^2+(VLOOKUP($A249,városok!$A$2:$C$346,3,0)-VLOOKUP(BB$1,városok!$A$2:$C$346,3,0))^2)/1000,0)</f>
        <v>165</v>
      </c>
      <c r="BC249">
        <f ca="1">ROUND(SQRT((VLOOKUP($A249,városok!$A$2:$C$346,2,0)-VLOOKUP(BC$1,városok!$A$2:$C$346,2,0))^2+(VLOOKUP($A249,városok!$A$2:$C$346,3,0)-VLOOKUP(BC$1,városok!$A$2:$C$346,3,0))^2)/1000,0)</f>
        <v>188</v>
      </c>
      <c r="BD249">
        <f ca="1">ROUND(SQRT((VLOOKUP($A249,városok!$A$2:$C$346,2,0)-VLOOKUP(BD$1,városok!$A$2:$C$346,2,0))^2+(VLOOKUP($A249,városok!$A$2:$C$346,3,0)-VLOOKUP(BD$1,városok!$A$2:$C$346,3,0))^2)/1000,0)</f>
        <v>126</v>
      </c>
      <c r="BE249">
        <f ca="1">ROUND(SQRT((VLOOKUP($A249,városok!$A$2:$C$346,2,0)-VLOOKUP(BE$1,városok!$A$2:$C$346,2,0))^2+(VLOOKUP($A249,városok!$A$2:$C$346,3,0)-VLOOKUP(BE$1,városok!$A$2:$C$346,3,0))^2)/1000,0)</f>
        <v>265</v>
      </c>
      <c r="BF249">
        <f ca="1">ROUND(SQRT((VLOOKUP($A249,városok!$A$2:$C$346,2,0)-VLOOKUP(BF$1,városok!$A$2:$C$346,2,0))^2+(VLOOKUP($A249,városok!$A$2:$C$346,3,0)-VLOOKUP(BF$1,városok!$A$2:$C$346,3,0))^2)/1000,0)</f>
        <v>225</v>
      </c>
      <c r="BG249">
        <f ca="1">ROUND(SQRT((VLOOKUP($A249,városok!$A$2:$C$346,2,0)-VLOOKUP(BG$1,városok!$A$2:$C$346,2,0))^2+(VLOOKUP($A249,városok!$A$2:$C$346,3,0)-VLOOKUP(BG$1,városok!$A$2:$C$346,3,0))^2)/1000,0)</f>
        <v>178</v>
      </c>
      <c r="BH249">
        <f ca="1">ROUND(SQRT((VLOOKUP($A249,városok!$A$2:$C$346,2,0)-VLOOKUP(BH$1,városok!$A$2:$C$346,2,0))^2+(VLOOKUP($A249,városok!$A$2:$C$346,3,0)-VLOOKUP(BH$1,városok!$A$2:$C$346,3,0))^2)/1000,0)</f>
        <v>178</v>
      </c>
      <c r="BI249">
        <f ca="1">ROUND(SQRT((VLOOKUP($A249,városok!$A$2:$C$346,2,0)-VLOOKUP(BI$1,városok!$A$2:$C$346,2,0))^2+(VLOOKUP($A249,városok!$A$2:$C$346,3,0)-VLOOKUP(BI$1,városok!$A$2:$C$346,3,0))^2)/1000,0)</f>
        <v>159</v>
      </c>
      <c r="BJ249">
        <f ca="1">ROUND(SQRT((VLOOKUP($A249,városok!$A$2:$C$346,2,0)-VLOOKUP(BJ$1,városok!$A$2:$C$346,2,0))^2+(VLOOKUP($A249,városok!$A$2:$C$346,3,0)-VLOOKUP(BJ$1,városok!$A$2:$C$346,3,0))^2)/1000,0)</f>
        <v>175</v>
      </c>
      <c r="BK249">
        <f ca="1">ROUND(SQRT((VLOOKUP($A249,városok!$A$2:$C$346,2,0)-VLOOKUP(BK$1,városok!$A$2:$C$346,2,0))^2+(VLOOKUP($A249,városok!$A$2:$C$346,3,0)-VLOOKUP(BK$1,városok!$A$2:$C$346,3,0))^2)/1000,0)</f>
        <v>163</v>
      </c>
      <c r="BL249">
        <f ca="1">ROUND(SQRT((VLOOKUP($A249,városok!$A$2:$C$346,2,0)-VLOOKUP(BL$1,városok!$A$2:$C$346,2,0))^2+(VLOOKUP($A249,városok!$A$2:$C$346,3,0)-VLOOKUP(BL$1,városok!$A$2:$C$346,3,0))^2)/1000,0)</f>
        <v>209</v>
      </c>
      <c r="BM249">
        <f ca="1">ROUND(SQRT((VLOOKUP($A249,városok!$A$2:$C$346,2,0)-VLOOKUP(BM$1,városok!$A$2:$C$346,2,0))^2+(VLOOKUP($A249,városok!$A$2:$C$346,3,0)-VLOOKUP(BM$1,városok!$A$2:$C$346,3,0))^2)/1000,0)</f>
        <v>176</v>
      </c>
      <c r="BN249">
        <f ca="1">ROUND(SQRT((VLOOKUP($A249,városok!$A$2:$C$346,2,0)-VLOOKUP(BN$1,városok!$A$2:$C$346,2,0))^2+(VLOOKUP($A249,városok!$A$2:$C$346,3,0)-VLOOKUP(BN$1,városok!$A$2:$C$346,3,0))^2)/1000,0)</f>
        <v>199</v>
      </c>
      <c r="BO249">
        <f ca="1">ROUND(SQRT((VLOOKUP($A249,városok!$A$2:$C$346,2,0)-VLOOKUP(BO$1,városok!$A$2:$C$346,2,0))^2+(VLOOKUP($A249,városok!$A$2:$C$346,3,0)-VLOOKUP(BO$1,városok!$A$2:$C$346,3,0))^2)/1000,0)</f>
        <v>119</v>
      </c>
      <c r="BP249">
        <f ca="1">ROUND(SQRT((VLOOKUP($A249,városok!$A$2:$C$346,2,0)-VLOOKUP(BP$1,városok!$A$2:$C$346,2,0))^2+(VLOOKUP($A249,városok!$A$2:$C$346,3,0)-VLOOKUP(BP$1,városok!$A$2:$C$346,3,0))^2)/1000,0)</f>
        <v>114</v>
      </c>
      <c r="BQ249">
        <f ca="1">ROUND(SQRT((VLOOKUP($A249,városok!$A$2:$C$346,2,0)-VLOOKUP(BQ$1,városok!$A$2:$C$346,2,0))^2+(VLOOKUP($A249,városok!$A$2:$C$346,3,0)-VLOOKUP(BQ$1,városok!$A$2:$C$346,3,0))^2)/1000,0)</f>
        <v>120</v>
      </c>
      <c r="BR249">
        <f ca="1">ROUND(SQRT((VLOOKUP($A249,városok!$A$2:$C$346,2,0)-VLOOKUP(BR$1,városok!$A$2:$C$346,2,0))^2+(VLOOKUP($A249,városok!$A$2:$C$346,3,0)-VLOOKUP(BR$1,városok!$A$2:$C$346,3,0))^2)/1000,0)</f>
        <v>181</v>
      </c>
      <c r="BS249">
        <f ca="1">ROUND(SQRT((VLOOKUP($A249,városok!$A$2:$C$346,2,0)-VLOOKUP(BS$1,városok!$A$2:$C$346,2,0))^2+(VLOOKUP($A249,városok!$A$2:$C$346,3,0)-VLOOKUP(BS$1,városok!$A$2:$C$346,3,0))^2)/1000,0)</f>
        <v>220</v>
      </c>
      <c r="BT249">
        <f ca="1">ROUND(SQRT((VLOOKUP($A249,városok!$A$2:$C$346,2,0)-VLOOKUP(BT$1,városok!$A$2:$C$346,2,0))^2+(VLOOKUP($A249,városok!$A$2:$C$346,3,0)-VLOOKUP(BT$1,városok!$A$2:$C$346,3,0))^2)/1000,0)</f>
        <v>203</v>
      </c>
    </row>
    <row r="250" spans="1:72" x14ac:dyDescent="0.2">
      <c r="A250" t="str">
        <f>városok!A250</f>
        <v>Vecsés</v>
      </c>
      <c r="B250">
        <f ca="1">ROUND(SQRT((VLOOKUP($A250,városok!$A$2:$C$346,2,0)-VLOOKUP(B$1,városok!$A$2:$C$346,2,0))^2+(VLOOKUP($A250,városok!$A$2:$C$346,3,0)-VLOOKUP(B$1,városok!$A$2:$C$346,3,0))^2)/1000,0)</f>
        <v>138</v>
      </c>
      <c r="C250">
        <f ca="1">ROUND(SQRT((VLOOKUP($A250,városok!$A$2:$C$346,2,0)-VLOOKUP(C$1,városok!$A$2:$C$346,2,0))^2+(VLOOKUP($A250,városok!$A$2:$C$346,3,0)-VLOOKUP(C$1,városok!$A$2:$C$346,3,0))^2)/1000,0)</f>
        <v>100</v>
      </c>
      <c r="D250">
        <f ca="1">ROUND(SQRT((VLOOKUP($A250,városok!$A$2:$C$346,2,0)-VLOOKUP(D$1,városok!$A$2:$C$346,2,0))^2+(VLOOKUP($A250,városok!$A$2:$C$346,3,0)-VLOOKUP(D$1,városok!$A$2:$C$346,3,0))^2)/1000,0)</f>
        <v>64</v>
      </c>
      <c r="E250">
        <f ca="1">ROUND(SQRT((VLOOKUP($A250,városok!$A$2:$C$346,2,0)-VLOOKUP(E$1,városok!$A$2:$C$346,2,0))^2+(VLOOKUP($A250,városok!$A$2:$C$346,3,0)-VLOOKUP(E$1,városok!$A$2:$C$346,3,0))^2)/1000,0)</f>
        <v>155</v>
      </c>
      <c r="F250">
        <f ca="1">ROUND(SQRT((VLOOKUP($A250,városok!$A$2:$C$346,2,0)-VLOOKUP(F$1,városok!$A$2:$C$346,2,0))^2+(VLOOKUP($A250,városok!$A$2:$C$346,3,0)-VLOOKUP(F$1,városok!$A$2:$C$346,3,0))^2)/1000,0)</f>
        <v>163</v>
      </c>
      <c r="G250">
        <f ca="1">ROUND(SQRT((VLOOKUP($A250,városok!$A$2:$C$346,2,0)-VLOOKUP(G$1,városok!$A$2:$C$346,2,0))^2+(VLOOKUP($A250,városok!$A$2:$C$346,3,0)-VLOOKUP(G$1,városok!$A$2:$C$346,3,0))^2)/1000,0)</f>
        <v>167</v>
      </c>
      <c r="H250">
        <f ca="1">ROUND(SQRT((VLOOKUP($A250,városok!$A$2:$C$346,2,0)-VLOOKUP(H$1,városok!$A$2:$C$346,2,0))^2+(VLOOKUP($A250,városok!$A$2:$C$346,3,0)-VLOOKUP(H$1,városok!$A$2:$C$346,3,0))^2)/1000,0)</f>
        <v>188</v>
      </c>
      <c r="I250">
        <f ca="1">ROUND(SQRT((VLOOKUP($A250,városok!$A$2:$C$346,2,0)-VLOOKUP(I$1,városok!$A$2:$C$346,2,0))^2+(VLOOKUP($A250,városok!$A$2:$C$346,3,0)-VLOOKUP(I$1,városok!$A$2:$C$346,3,0))^2)/1000,0)</f>
        <v>160</v>
      </c>
      <c r="J250">
        <f ca="1">ROUND(SQRT((VLOOKUP($A250,városok!$A$2:$C$346,2,0)-VLOOKUP(J$1,városok!$A$2:$C$346,2,0))^2+(VLOOKUP($A250,városok!$A$2:$C$346,3,0)-VLOOKUP(J$1,városok!$A$2:$C$346,3,0))^2)/1000,0)</f>
        <v>175</v>
      </c>
      <c r="K250">
        <f ca="1">ROUND(SQRT((VLOOKUP($A250,városok!$A$2:$C$346,2,0)-VLOOKUP(K$1,városok!$A$2:$C$346,2,0))^2+(VLOOKUP($A250,városok!$A$2:$C$346,3,0)-VLOOKUP(K$1,városok!$A$2:$C$346,3,0))^2)/1000,0)</f>
        <v>142</v>
      </c>
      <c r="L250">
        <f ca="1">ROUND(SQRT((VLOOKUP($A250,városok!$A$2:$C$346,2,0)-VLOOKUP(L$1,városok!$A$2:$C$346,2,0))^2+(VLOOKUP($A250,városok!$A$2:$C$346,3,0)-VLOOKUP(L$1,városok!$A$2:$C$346,3,0))^2)/1000,0)</f>
        <v>140</v>
      </c>
      <c r="M250">
        <f ca="1">ROUND(SQRT((VLOOKUP($A250,városok!$A$2:$C$346,2,0)-VLOOKUP(M$1,városok!$A$2:$C$346,2,0))^2+(VLOOKUP($A250,városok!$A$2:$C$346,3,0)-VLOOKUP(M$1,városok!$A$2:$C$346,3,0))^2)/1000,0)</f>
        <v>139</v>
      </c>
      <c r="N250">
        <f ca="1">ROUND(SQRT((VLOOKUP($A250,városok!$A$2:$C$346,2,0)-VLOOKUP(N$1,városok!$A$2:$C$346,2,0))^2+(VLOOKUP($A250,városok!$A$2:$C$346,3,0)-VLOOKUP(N$1,városok!$A$2:$C$346,3,0))^2)/1000,0)</f>
        <v>119</v>
      </c>
      <c r="O250">
        <f ca="1">ROUND(SQRT((VLOOKUP($A250,városok!$A$2:$C$346,2,0)-VLOOKUP(O$1,városok!$A$2:$C$346,2,0))^2+(VLOOKUP($A250,városok!$A$2:$C$346,3,0)-VLOOKUP(O$1,városok!$A$2:$C$346,3,0))^2)/1000,0)</f>
        <v>210</v>
      </c>
      <c r="P250">
        <f ca="1">ROUND(SQRT((VLOOKUP($A250,városok!$A$2:$C$346,2,0)-VLOOKUP(P$1,városok!$A$2:$C$346,2,0))^2+(VLOOKUP($A250,városok!$A$2:$C$346,3,0)-VLOOKUP(P$1,városok!$A$2:$C$346,3,0))^2)/1000,0)</f>
        <v>210</v>
      </c>
      <c r="Q250">
        <f ca="1">ROUND(SQRT((VLOOKUP($A250,városok!$A$2:$C$346,2,0)-VLOOKUP(Q$1,városok!$A$2:$C$346,2,0))^2+(VLOOKUP($A250,városok!$A$2:$C$346,3,0)-VLOOKUP(Q$1,városok!$A$2:$C$346,3,0))^2)/1000,0)</f>
        <v>136</v>
      </c>
      <c r="R250">
        <f ca="1">ROUND(SQRT((VLOOKUP($A250,városok!$A$2:$C$346,2,0)-VLOOKUP(R$1,városok!$A$2:$C$346,2,0))^2+(VLOOKUP($A250,városok!$A$2:$C$346,3,0)-VLOOKUP(R$1,városok!$A$2:$C$346,3,0))^2)/1000,0)</f>
        <v>161</v>
      </c>
      <c r="S250">
        <f ca="1">ROUND(SQRT((VLOOKUP($A250,városok!$A$2:$C$346,2,0)-VLOOKUP(S$1,városok!$A$2:$C$346,2,0))^2+(VLOOKUP($A250,városok!$A$2:$C$346,3,0)-VLOOKUP(S$1,városok!$A$2:$C$346,3,0))^2)/1000,0)</f>
        <v>146</v>
      </c>
      <c r="T250">
        <f ca="1">ROUND(SQRT((VLOOKUP($A250,városok!$A$2:$C$346,2,0)-VLOOKUP(T$1,városok!$A$2:$C$346,2,0))^2+(VLOOKUP($A250,városok!$A$2:$C$346,3,0)-VLOOKUP(T$1,városok!$A$2:$C$346,3,0))^2)/1000,0)</f>
        <v>48</v>
      </c>
      <c r="U250">
        <f ca="1">ROUND(SQRT((VLOOKUP($A250,városok!$A$2:$C$346,2,0)-VLOOKUP(U$1,városok!$A$2:$C$346,2,0))^2+(VLOOKUP($A250,városok!$A$2:$C$346,3,0)-VLOOKUP(U$1,városok!$A$2:$C$346,3,0))^2)/1000,0)</f>
        <v>55</v>
      </c>
      <c r="V250">
        <f ca="1">ROUND(SQRT((VLOOKUP($A250,városok!$A$2:$C$346,2,0)-VLOOKUP(V$1,városok!$A$2:$C$346,2,0))^2+(VLOOKUP($A250,városok!$A$2:$C$346,3,0)-VLOOKUP(V$1,városok!$A$2:$C$346,3,0))^2)/1000,0)</f>
        <v>82</v>
      </c>
      <c r="W250">
        <f ca="1">ROUND(SQRT((VLOOKUP($A250,városok!$A$2:$C$346,2,0)-VLOOKUP(W$1,városok!$A$2:$C$346,2,0))^2+(VLOOKUP($A250,városok!$A$2:$C$346,3,0)-VLOOKUP(W$1,városok!$A$2:$C$346,3,0))^2)/1000,0)</f>
        <v>75</v>
      </c>
      <c r="X250">
        <f ca="1">ROUND(SQRT((VLOOKUP($A250,városok!$A$2:$C$346,2,0)-VLOOKUP(X$1,városok!$A$2:$C$346,2,0))^2+(VLOOKUP($A250,városok!$A$2:$C$346,3,0)-VLOOKUP(X$1,városok!$A$2:$C$346,3,0))^2)/1000,0)</f>
        <v>72</v>
      </c>
      <c r="Y250">
        <f ca="1">ROUND(SQRT((VLOOKUP($A250,városok!$A$2:$C$346,2,0)-VLOOKUP(Y$1,városok!$A$2:$C$346,2,0))^2+(VLOOKUP($A250,városok!$A$2:$C$346,3,0)-VLOOKUP(Y$1,városok!$A$2:$C$346,3,0))^2)/1000,0)</f>
        <v>126</v>
      </c>
      <c r="Z250">
        <f ca="1">ROUND(SQRT((VLOOKUP($A250,városok!$A$2:$C$346,2,0)-VLOOKUP(Z$1,városok!$A$2:$C$346,2,0))^2+(VLOOKUP($A250,városok!$A$2:$C$346,3,0)-VLOOKUP(Z$1,városok!$A$2:$C$346,3,0))^2)/1000,0)</f>
        <v>145</v>
      </c>
      <c r="AA250">
        <f ca="1">ROUND(SQRT((VLOOKUP($A250,városok!$A$2:$C$346,2,0)-VLOOKUP(AA$1,városok!$A$2:$C$346,2,0))^2+(VLOOKUP($A250,városok!$A$2:$C$346,3,0)-VLOOKUP(AA$1,városok!$A$2:$C$346,3,0))^2)/1000,0)</f>
        <v>204</v>
      </c>
      <c r="AB250">
        <f ca="1">ROUND(SQRT((VLOOKUP($A250,városok!$A$2:$C$346,2,0)-VLOOKUP(AB$1,városok!$A$2:$C$346,2,0))^2+(VLOOKUP($A250,városok!$A$2:$C$346,3,0)-VLOOKUP(AB$1,városok!$A$2:$C$346,3,0))^2)/1000,0)</f>
        <v>179</v>
      </c>
      <c r="AC250">
        <f ca="1">ROUND(SQRT((VLOOKUP($A250,városok!$A$2:$C$346,2,0)-VLOOKUP(AC$1,városok!$A$2:$C$346,2,0))^2+(VLOOKUP($A250,városok!$A$2:$C$346,3,0)-VLOOKUP(AC$1,városok!$A$2:$C$346,3,0))^2)/1000,0)</f>
        <v>161</v>
      </c>
      <c r="AD250">
        <f ca="1">ROUND(SQRT((VLOOKUP($A250,városok!$A$2:$C$346,2,0)-VLOOKUP(AD$1,városok!$A$2:$C$346,2,0))^2+(VLOOKUP($A250,városok!$A$2:$C$346,3,0)-VLOOKUP(AD$1,városok!$A$2:$C$346,3,0))^2)/1000,0)</f>
        <v>143</v>
      </c>
      <c r="AE250">
        <f ca="1">ROUND(SQRT((VLOOKUP($A250,városok!$A$2:$C$346,2,0)-VLOOKUP(AE$1,városok!$A$2:$C$346,2,0))^2+(VLOOKUP($A250,városok!$A$2:$C$346,3,0)-VLOOKUP(AE$1,városok!$A$2:$C$346,3,0))^2)/1000,0)</f>
        <v>145</v>
      </c>
      <c r="AF250">
        <f ca="1">ROUND(SQRT((VLOOKUP($A250,városok!$A$2:$C$346,2,0)-VLOOKUP(AF$1,városok!$A$2:$C$346,2,0))^2+(VLOOKUP($A250,városok!$A$2:$C$346,3,0)-VLOOKUP(AF$1,városok!$A$2:$C$346,3,0))^2)/1000,0)</f>
        <v>100</v>
      </c>
      <c r="AG250">
        <f ca="1">ROUND(SQRT((VLOOKUP($A250,városok!$A$2:$C$346,2,0)-VLOOKUP(AG$1,városok!$A$2:$C$346,2,0))^2+(VLOOKUP($A250,városok!$A$2:$C$346,3,0)-VLOOKUP(AG$1,városok!$A$2:$C$346,3,0))^2)/1000,0)</f>
        <v>65</v>
      </c>
      <c r="AH250">
        <f ca="1">ROUND(SQRT((VLOOKUP($A250,városok!$A$2:$C$346,2,0)-VLOOKUP(AH$1,városok!$A$2:$C$346,2,0))^2+(VLOOKUP($A250,városok!$A$2:$C$346,3,0)-VLOOKUP(AH$1,városok!$A$2:$C$346,3,0))^2)/1000,0)</f>
        <v>43</v>
      </c>
      <c r="AI250">
        <f ca="1">ROUND(SQRT((VLOOKUP($A250,városok!$A$2:$C$346,2,0)-VLOOKUP(AI$1,városok!$A$2:$C$346,2,0))^2+(VLOOKUP($A250,városok!$A$2:$C$346,3,0)-VLOOKUP(AI$1,városok!$A$2:$C$346,3,0))^2)/1000,0)</f>
        <v>93</v>
      </c>
      <c r="AJ250">
        <f ca="1">ROUND(SQRT((VLOOKUP($A250,városok!$A$2:$C$346,2,0)-VLOOKUP(AJ$1,városok!$A$2:$C$346,2,0))^2+(VLOOKUP($A250,városok!$A$2:$C$346,3,0)-VLOOKUP(AJ$1,városok!$A$2:$C$346,3,0))^2)/1000,0)</f>
        <v>60</v>
      </c>
      <c r="AK250">
        <f ca="1">ROUND(SQRT((VLOOKUP($A250,városok!$A$2:$C$346,2,0)-VLOOKUP(AK$1,városok!$A$2:$C$346,2,0))^2+(VLOOKUP($A250,városok!$A$2:$C$346,3,0)-VLOOKUP(AK$1,városok!$A$2:$C$346,3,0))^2)/1000,0)</f>
        <v>130</v>
      </c>
      <c r="AL250">
        <f ca="1">ROUND(SQRT((VLOOKUP($A250,városok!$A$2:$C$346,2,0)-VLOOKUP(AL$1,városok!$A$2:$C$346,2,0))^2+(VLOOKUP($A250,városok!$A$2:$C$346,3,0)-VLOOKUP(AL$1,városok!$A$2:$C$346,3,0))^2)/1000,0)</f>
        <v>103</v>
      </c>
      <c r="AM250">
        <f ca="1">ROUND(SQRT((VLOOKUP($A250,városok!$A$2:$C$346,2,0)-VLOOKUP(AM$1,városok!$A$2:$C$346,2,0))^2+(VLOOKUP($A250,városok!$A$2:$C$346,3,0)-VLOOKUP(AM$1,városok!$A$2:$C$346,3,0))^2)/1000,0)</f>
        <v>74</v>
      </c>
      <c r="AN250">
        <f ca="1">ROUND(SQRT((VLOOKUP($A250,városok!$A$2:$C$346,2,0)-VLOOKUP(AN$1,városok!$A$2:$C$346,2,0))^2+(VLOOKUP($A250,városok!$A$2:$C$346,3,0)-VLOOKUP(AN$1,városok!$A$2:$C$346,3,0))^2)/1000,0)</f>
        <v>58</v>
      </c>
      <c r="AO250">
        <f ca="1">ROUND(SQRT((VLOOKUP($A250,városok!$A$2:$C$346,2,0)-VLOOKUP(AO$1,városok!$A$2:$C$346,2,0))^2+(VLOOKUP($A250,városok!$A$2:$C$346,3,0)-VLOOKUP(AO$1,városok!$A$2:$C$346,3,0))^2)/1000,0)</f>
        <v>93</v>
      </c>
      <c r="AP250">
        <f ca="1">ROUND(SQRT((VLOOKUP($A250,városok!$A$2:$C$346,2,0)-VLOOKUP(AP$1,városok!$A$2:$C$346,2,0))^2+(VLOOKUP($A250,városok!$A$2:$C$346,3,0)-VLOOKUP(AP$1,városok!$A$2:$C$346,3,0))^2)/1000,0)</f>
        <v>75</v>
      </c>
      <c r="AQ250">
        <f ca="1">ROUND(SQRT((VLOOKUP($A250,városok!$A$2:$C$346,2,0)-VLOOKUP(AQ$1,városok!$A$2:$C$346,2,0))^2+(VLOOKUP($A250,városok!$A$2:$C$346,3,0)-VLOOKUP(AQ$1,városok!$A$2:$C$346,3,0))^2)/1000,0)</f>
        <v>67</v>
      </c>
      <c r="AR250">
        <f ca="1">ROUND(SQRT((VLOOKUP($A250,városok!$A$2:$C$346,2,0)-VLOOKUP(AR$1,városok!$A$2:$C$346,2,0))^2+(VLOOKUP($A250,városok!$A$2:$C$346,3,0)-VLOOKUP(AR$1,városok!$A$2:$C$346,3,0))^2)/1000,0)</f>
        <v>66</v>
      </c>
      <c r="AS250">
        <f ca="1">ROUND(SQRT((VLOOKUP($A250,városok!$A$2:$C$346,2,0)-VLOOKUP(AS$1,városok!$A$2:$C$346,2,0))^2+(VLOOKUP($A250,városok!$A$2:$C$346,3,0)-VLOOKUP(AS$1,városok!$A$2:$C$346,3,0))^2)/1000,0)</f>
        <v>89</v>
      </c>
      <c r="AT250">
        <f ca="1">ROUND(SQRT((VLOOKUP($A250,városok!$A$2:$C$346,2,0)-VLOOKUP(AT$1,városok!$A$2:$C$346,2,0))^2+(VLOOKUP($A250,városok!$A$2:$C$346,3,0)-VLOOKUP(AT$1,városok!$A$2:$C$346,3,0))^2)/1000,0)</f>
        <v>34</v>
      </c>
      <c r="AU250">
        <f ca="1">ROUND(SQRT((VLOOKUP($A250,városok!$A$2:$C$346,2,0)-VLOOKUP(AU$1,városok!$A$2:$C$346,2,0))^2+(VLOOKUP($A250,városok!$A$2:$C$346,3,0)-VLOOKUP(AU$1,városok!$A$2:$C$346,3,0))^2)/1000,0)</f>
        <v>23</v>
      </c>
      <c r="AV250">
        <f ca="1">ROUND(SQRT((VLOOKUP($A250,városok!$A$2:$C$346,2,0)-VLOOKUP(AV$1,városok!$A$2:$C$346,2,0))^2+(VLOOKUP($A250,városok!$A$2:$C$346,3,0)-VLOOKUP(AV$1,városok!$A$2:$C$346,3,0))^2)/1000,0)</f>
        <v>24</v>
      </c>
      <c r="AW250">
        <f ca="1">ROUND(SQRT((VLOOKUP($A250,városok!$A$2:$C$346,2,0)-VLOOKUP(AW$1,városok!$A$2:$C$346,2,0))^2+(VLOOKUP($A250,városok!$A$2:$C$346,3,0)-VLOOKUP(AW$1,városok!$A$2:$C$346,3,0))^2)/1000,0)</f>
        <v>27</v>
      </c>
      <c r="AX250">
        <f ca="1">ROUND(SQRT((VLOOKUP($A250,városok!$A$2:$C$346,2,0)-VLOOKUP(AX$1,városok!$A$2:$C$346,2,0))^2+(VLOOKUP($A250,városok!$A$2:$C$346,3,0)-VLOOKUP(AX$1,városok!$A$2:$C$346,3,0))^2)/1000,0)</f>
        <v>57</v>
      </c>
      <c r="AY250">
        <f ca="1">ROUND(SQRT((VLOOKUP($A250,városok!$A$2:$C$346,2,0)-VLOOKUP(AY$1,városok!$A$2:$C$346,2,0))^2+(VLOOKUP($A250,városok!$A$2:$C$346,3,0)-VLOOKUP(AY$1,városok!$A$2:$C$346,3,0))^2)/1000,0)</f>
        <v>34</v>
      </c>
      <c r="AZ250">
        <f ca="1">ROUND(SQRT((VLOOKUP($A250,városok!$A$2:$C$346,2,0)-VLOOKUP(AZ$1,városok!$A$2:$C$346,2,0))^2+(VLOOKUP($A250,városok!$A$2:$C$346,3,0)-VLOOKUP(AZ$1,városok!$A$2:$C$346,3,0))^2)/1000,0)</f>
        <v>47</v>
      </c>
      <c r="BA250">
        <f ca="1">ROUND(SQRT((VLOOKUP($A250,városok!$A$2:$C$346,2,0)-VLOOKUP(BA$1,városok!$A$2:$C$346,2,0))^2+(VLOOKUP($A250,városok!$A$2:$C$346,3,0)-VLOOKUP(BA$1,városok!$A$2:$C$346,3,0))^2)/1000,0)</f>
        <v>137</v>
      </c>
      <c r="BB250">
        <f ca="1">ROUND(SQRT((VLOOKUP($A250,városok!$A$2:$C$346,2,0)-VLOOKUP(BB$1,városok!$A$2:$C$346,2,0))^2+(VLOOKUP($A250,városok!$A$2:$C$346,3,0)-VLOOKUP(BB$1,városok!$A$2:$C$346,3,0))^2)/1000,0)</f>
        <v>139</v>
      </c>
      <c r="BC250">
        <f ca="1">ROUND(SQRT((VLOOKUP($A250,városok!$A$2:$C$346,2,0)-VLOOKUP(BC$1,városok!$A$2:$C$346,2,0))^2+(VLOOKUP($A250,városok!$A$2:$C$346,3,0)-VLOOKUP(BC$1,városok!$A$2:$C$346,3,0))^2)/1000,0)</f>
        <v>162</v>
      </c>
      <c r="BD250">
        <f ca="1">ROUND(SQRT((VLOOKUP($A250,városok!$A$2:$C$346,2,0)-VLOOKUP(BD$1,városok!$A$2:$C$346,2,0))^2+(VLOOKUP($A250,városok!$A$2:$C$346,3,0)-VLOOKUP(BD$1,városok!$A$2:$C$346,3,0))^2)/1000,0)</f>
        <v>106</v>
      </c>
      <c r="BE250">
        <f ca="1">ROUND(SQRT((VLOOKUP($A250,városok!$A$2:$C$346,2,0)-VLOOKUP(BE$1,városok!$A$2:$C$346,2,0))^2+(VLOOKUP($A250,városok!$A$2:$C$346,3,0)-VLOOKUP(BE$1,városok!$A$2:$C$346,3,0))^2)/1000,0)</f>
        <v>261</v>
      </c>
      <c r="BF250">
        <f ca="1">ROUND(SQRT((VLOOKUP($A250,városok!$A$2:$C$346,2,0)-VLOOKUP(BF$1,városok!$A$2:$C$346,2,0))^2+(VLOOKUP($A250,városok!$A$2:$C$346,3,0)-VLOOKUP(BF$1,városok!$A$2:$C$346,3,0))^2)/1000,0)</f>
        <v>229</v>
      </c>
      <c r="BG250">
        <f ca="1">ROUND(SQRT((VLOOKUP($A250,városok!$A$2:$C$346,2,0)-VLOOKUP(BG$1,városok!$A$2:$C$346,2,0))^2+(VLOOKUP($A250,városok!$A$2:$C$346,3,0)-VLOOKUP(BG$1,városok!$A$2:$C$346,3,0))^2)/1000,0)</f>
        <v>184</v>
      </c>
      <c r="BH250">
        <f ca="1">ROUND(SQRT((VLOOKUP($A250,városok!$A$2:$C$346,2,0)-VLOOKUP(BH$1,városok!$A$2:$C$346,2,0))^2+(VLOOKUP($A250,városok!$A$2:$C$346,3,0)-VLOOKUP(BH$1,városok!$A$2:$C$346,3,0))^2)/1000,0)</f>
        <v>183</v>
      </c>
      <c r="BI250">
        <f ca="1">ROUND(SQRT((VLOOKUP($A250,városok!$A$2:$C$346,2,0)-VLOOKUP(BI$1,városok!$A$2:$C$346,2,0))^2+(VLOOKUP($A250,városok!$A$2:$C$346,3,0)-VLOOKUP(BI$1,városok!$A$2:$C$346,3,0))^2)/1000,0)</f>
        <v>122</v>
      </c>
      <c r="BJ250">
        <f ca="1">ROUND(SQRT((VLOOKUP($A250,városok!$A$2:$C$346,2,0)-VLOOKUP(BJ$1,városok!$A$2:$C$346,2,0))^2+(VLOOKUP($A250,városok!$A$2:$C$346,3,0)-VLOOKUP(BJ$1,városok!$A$2:$C$346,3,0))^2)/1000,0)</f>
        <v>139</v>
      </c>
      <c r="BK250">
        <f ca="1">ROUND(SQRT((VLOOKUP($A250,városok!$A$2:$C$346,2,0)-VLOOKUP(BK$1,városok!$A$2:$C$346,2,0))^2+(VLOOKUP($A250,városok!$A$2:$C$346,3,0)-VLOOKUP(BK$1,városok!$A$2:$C$346,3,0))^2)/1000,0)</f>
        <v>125</v>
      </c>
      <c r="BL250">
        <f ca="1">ROUND(SQRT((VLOOKUP($A250,városok!$A$2:$C$346,2,0)-VLOOKUP(BL$1,városok!$A$2:$C$346,2,0))^2+(VLOOKUP($A250,városok!$A$2:$C$346,3,0)-VLOOKUP(BL$1,városok!$A$2:$C$346,3,0))^2)/1000,0)</f>
        <v>206</v>
      </c>
      <c r="BM250">
        <f ca="1">ROUND(SQRT((VLOOKUP($A250,városok!$A$2:$C$346,2,0)-VLOOKUP(BM$1,városok!$A$2:$C$346,2,0))^2+(VLOOKUP($A250,városok!$A$2:$C$346,3,0)-VLOOKUP(BM$1,városok!$A$2:$C$346,3,0))^2)/1000,0)</f>
        <v>177</v>
      </c>
      <c r="BN250">
        <f ca="1">ROUND(SQRT((VLOOKUP($A250,városok!$A$2:$C$346,2,0)-VLOOKUP(BN$1,városok!$A$2:$C$346,2,0))^2+(VLOOKUP($A250,városok!$A$2:$C$346,3,0)-VLOOKUP(BN$1,városok!$A$2:$C$346,3,0))^2)/1000,0)</f>
        <v>200</v>
      </c>
      <c r="BO250">
        <f ca="1">ROUND(SQRT((VLOOKUP($A250,városok!$A$2:$C$346,2,0)-VLOOKUP(BO$1,városok!$A$2:$C$346,2,0))^2+(VLOOKUP($A250,városok!$A$2:$C$346,3,0)-VLOOKUP(BO$1,városok!$A$2:$C$346,3,0))^2)/1000,0)</f>
        <v>103</v>
      </c>
      <c r="BP250">
        <f ca="1">ROUND(SQRT((VLOOKUP($A250,városok!$A$2:$C$346,2,0)-VLOOKUP(BP$1,városok!$A$2:$C$346,2,0))^2+(VLOOKUP($A250,városok!$A$2:$C$346,3,0)-VLOOKUP(BP$1,városok!$A$2:$C$346,3,0))^2)/1000,0)</f>
        <v>96</v>
      </c>
      <c r="BQ250">
        <f ca="1">ROUND(SQRT((VLOOKUP($A250,városok!$A$2:$C$346,2,0)-VLOOKUP(BQ$1,városok!$A$2:$C$346,2,0))^2+(VLOOKUP($A250,városok!$A$2:$C$346,3,0)-VLOOKUP(BQ$1,városok!$A$2:$C$346,3,0))^2)/1000,0)</f>
        <v>108</v>
      </c>
      <c r="BR250">
        <f ca="1">ROUND(SQRT((VLOOKUP($A250,városok!$A$2:$C$346,2,0)-VLOOKUP(BR$1,városok!$A$2:$C$346,2,0))^2+(VLOOKUP($A250,városok!$A$2:$C$346,3,0)-VLOOKUP(BR$1,városok!$A$2:$C$346,3,0))^2)/1000,0)</f>
        <v>168</v>
      </c>
      <c r="BS250">
        <f ca="1">ROUND(SQRT((VLOOKUP($A250,városok!$A$2:$C$346,2,0)-VLOOKUP(BS$1,városok!$A$2:$C$346,2,0))^2+(VLOOKUP($A250,városok!$A$2:$C$346,3,0)-VLOOKUP(BS$1,városok!$A$2:$C$346,3,0))^2)/1000,0)</f>
        <v>203</v>
      </c>
      <c r="BT250">
        <f ca="1">ROUND(SQRT((VLOOKUP($A250,városok!$A$2:$C$346,2,0)-VLOOKUP(BT$1,városok!$A$2:$C$346,2,0))^2+(VLOOKUP($A250,városok!$A$2:$C$346,3,0)-VLOOKUP(BT$1,városok!$A$2:$C$346,3,0))^2)/1000,0)</f>
        <v>194</v>
      </c>
    </row>
    <row r="251" spans="1:72" x14ac:dyDescent="0.2">
      <c r="A251" t="str">
        <f>városok!A251</f>
        <v>Veresegyház</v>
      </c>
      <c r="B251">
        <f ca="1">ROUND(SQRT((VLOOKUP($A251,városok!$A$2:$C$346,2,0)-VLOOKUP(B$1,városok!$A$2:$C$346,2,0))^2+(VLOOKUP($A251,városok!$A$2:$C$346,3,0)-VLOOKUP(B$1,városok!$A$2:$C$346,3,0))^2)/1000,0)</f>
        <v>165</v>
      </c>
      <c r="C251">
        <f ca="1">ROUND(SQRT((VLOOKUP($A251,városok!$A$2:$C$346,2,0)-VLOOKUP(C$1,városok!$A$2:$C$346,2,0))^2+(VLOOKUP($A251,városok!$A$2:$C$346,3,0)-VLOOKUP(C$1,városok!$A$2:$C$346,3,0))^2)/1000,0)</f>
        <v>127</v>
      </c>
      <c r="D251">
        <f ca="1">ROUND(SQRT((VLOOKUP($A251,városok!$A$2:$C$346,2,0)-VLOOKUP(D$1,városok!$A$2:$C$346,2,0))^2+(VLOOKUP($A251,városok!$A$2:$C$346,3,0)-VLOOKUP(D$1,városok!$A$2:$C$346,3,0))^2)/1000,0)</f>
        <v>88</v>
      </c>
      <c r="E251">
        <f ca="1">ROUND(SQRT((VLOOKUP($A251,városok!$A$2:$C$346,2,0)-VLOOKUP(E$1,városok!$A$2:$C$346,2,0))^2+(VLOOKUP($A251,városok!$A$2:$C$346,3,0)-VLOOKUP(E$1,városok!$A$2:$C$346,3,0))^2)/1000,0)</f>
        <v>180</v>
      </c>
      <c r="F251">
        <f ca="1">ROUND(SQRT((VLOOKUP($A251,városok!$A$2:$C$346,2,0)-VLOOKUP(F$1,városok!$A$2:$C$346,2,0))^2+(VLOOKUP($A251,városok!$A$2:$C$346,3,0)-VLOOKUP(F$1,városok!$A$2:$C$346,3,0))^2)/1000,0)</f>
        <v>190</v>
      </c>
      <c r="G251">
        <f ca="1">ROUND(SQRT((VLOOKUP($A251,városok!$A$2:$C$346,2,0)-VLOOKUP(G$1,városok!$A$2:$C$346,2,0))^2+(VLOOKUP($A251,városok!$A$2:$C$346,3,0)-VLOOKUP(G$1,városok!$A$2:$C$346,3,0))^2)/1000,0)</f>
        <v>192</v>
      </c>
      <c r="H251">
        <f ca="1">ROUND(SQRT((VLOOKUP($A251,városok!$A$2:$C$346,2,0)-VLOOKUP(H$1,városok!$A$2:$C$346,2,0))^2+(VLOOKUP($A251,városok!$A$2:$C$346,3,0)-VLOOKUP(H$1,városok!$A$2:$C$346,3,0))^2)/1000,0)</f>
        <v>211</v>
      </c>
      <c r="I251">
        <f ca="1">ROUND(SQRT((VLOOKUP($A251,városok!$A$2:$C$346,2,0)-VLOOKUP(I$1,városok!$A$2:$C$346,2,0))^2+(VLOOKUP($A251,városok!$A$2:$C$346,3,0)-VLOOKUP(I$1,városok!$A$2:$C$346,3,0))^2)/1000,0)</f>
        <v>174</v>
      </c>
      <c r="J251">
        <f ca="1">ROUND(SQRT((VLOOKUP($A251,városok!$A$2:$C$346,2,0)-VLOOKUP(J$1,városok!$A$2:$C$346,2,0))^2+(VLOOKUP($A251,városok!$A$2:$C$346,3,0)-VLOOKUP(J$1,városok!$A$2:$C$346,3,0))^2)/1000,0)</f>
        <v>188</v>
      </c>
      <c r="K251">
        <f ca="1">ROUND(SQRT((VLOOKUP($A251,városok!$A$2:$C$346,2,0)-VLOOKUP(K$1,városok!$A$2:$C$346,2,0))^2+(VLOOKUP($A251,városok!$A$2:$C$346,3,0)-VLOOKUP(K$1,városok!$A$2:$C$346,3,0))^2)/1000,0)</f>
        <v>160</v>
      </c>
      <c r="L251">
        <f ca="1">ROUND(SQRT((VLOOKUP($A251,városok!$A$2:$C$346,2,0)-VLOOKUP(L$1,városok!$A$2:$C$346,2,0))^2+(VLOOKUP($A251,városok!$A$2:$C$346,3,0)-VLOOKUP(L$1,városok!$A$2:$C$346,3,0))^2)/1000,0)</f>
        <v>121</v>
      </c>
      <c r="M251">
        <f ca="1">ROUND(SQRT((VLOOKUP($A251,városok!$A$2:$C$346,2,0)-VLOOKUP(M$1,városok!$A$2:$C$346,2,0))^2+(VLOOKUP($A251,városok!$A$2:$C$346,3,0)-VLOOKUP(M$1,városok!$A$2:$C$346,3,0))^2)/1000,0)</f>
        <v>124</v>
      </c>
      <c r="N251">
        <f ca="1">ROUND(SQRT((VLOOKUP($A251,városok!$A$2:$C$346,2,0)-VLOOKUP(N$1,városok!$A$2:$C$346,2,0))^2+(VLOOKUP($A251,városok!$A$2:$C$346,3,0)-VLOOKUP(N$1,városok!$A$2:$C$346,3,0))^2)/1000,0)</f>
        <v>99</v>
      </c>
      <c r="O251">
        <f ca="1">ROUND(SQRT((VLOOKUP($A251,városok!$A$2:$C$346,2,0)-VLOOKUP(O$1,városok!$A$2:$C$346,2,0))^2+(VLOOKUP($A251,városok!$A$2:$C$346,3,0)-VLOOKUP(O$1,városok!$A$2:$C$346,3,0))^2)/1000,0)</f>
        <v>195</v>
      </c>
      <c r="P251">
        <f ca="1">ROUND(SQRT((VLOOKUP($A251,városok!$A$2:$C$346,2,0)-VLOOKUP(P$1,városok!$A$2:$C$346,2,0))^2+(VLOOKUP($A251,városok!$A$2:$C$346,3,0)-VLOOKUP(P$1,városok!$A$2:$C$346,3,0))^2)/1000,0)</f>
        <v>195</v>
      </c>
      <c r="Q251">
        <f ca="1">ROUND(SQRT((VLOOKUP($A251,városok!$A$2:$C$346,2,0)-VLOOKUP(Q$1,városok!$A$2:$C$346,2,0))^2+(VLOOKUP($A251,városok!$A$2:$C$346,3,0)-VLOOKUP(Q$1,városok!$A$2:$C$346,3,0))^2)/1000,0)</f>
        <v>158</v>
      </c>
      <c r="R251">
        <f ca="1">ROUND(SQRT((VLOOKUP($A251,városok!$A$2:$C$346,2,0)-VLOOKUP(R$1,városok!$A$2:$C$346,2,0))^2+(VLOOKUP($A251,városok!$A$2:$C$346,3,0)-VLOOKUP(R$1,városok!$A$2:$C$346,3,0))^2)/1000,0)</f>
        <v>183</v>
      </c>
      <c r="S251">
        <f ca="1">ROUND(SQRT((VLOOKUP($A251,városok!$A$2:$C$346,2,0)-VLOOKUP(S$1,városok!$A$2:$C$346,2,0))^2+(VLOOKUP($A251,városok!$A$2:$C$346,3,0)-VLOOKUP(S$1,városok!$A$2:$C$346,3,0))^2)/1000,0)</f>
        <v>170</v>
      </c>
      <c r="T251">
        <f ca="1">ROUND(SQRT((VLOOKUP($A251,városok!$A$2:$C$346,2,0)-VLOOKUP(T$1,városok!$A$2:$C$346,2,0))^2+(VLOOKUP($A251,városok!$A$2:$C$346,3,0)-VLOOKUP(T$1,városok!$A$2:$C$346,3,0))^2)/1000,0)</f>
        <v>52</v>
      </c>
      <c r="U251">
        <f ca="1">ROUND(SQRT((VLOOKUP($A251,városok!$A$2:$C$346,2,0)-VLOOKUP(U$1,városok!$A$2:$C$346,2,0))^2+(VLOOKUP($A251,városok!$A$2:$C$346,3,0)-VLOOKUP(U$1,városok!$A$2:$C$346,3,0))^2)/1000,0)</f>
        <v>81</v>
      </c>
      <c r="V251">
        <f ca="1">ROUND(SQRT((VLOOKUP($A251,városok!$A$2:$C$346,2,0)-VLOOKUP(V$1,városok!$A$2:$C$346,2,0))^2+(VLOOKUP($A251,városok!$A$2:$C$346,3,0)-VLOOKUP(V$1,városok!$A$2:$C$346,3,0))^2)/1000,0)</f>
        <v>99</v>
      </c>
      <c r="W251">
        <f ca="1">ROUND(SQRT((VLOOKUP($A251,városok!$A$2:$C$346,2,0)-VLOOKUP(W$1,városok!$A$2:$C$346,2,0))^2+(VLOOKUP($A251,városok!$A$2:$C$346,3,0)-VLOOKUP(W$1,városok!$A$2:$C$346,3,0))^2)/1000,0)</f>
        <v>99</v>
      </c>
      <c r="X251">
        <f ca="1">ROUND(SQRT((VLOOKUP($A251,városok!$A$2:$C$346,2,0)-VLOOKUP(X$1,városok!$A$2:$C$346,2,0))^2+(VLOOKUP($A251,városok!$A$2:$C$346,3,0)-VLOOKUP(X$1,városok!$A$2:$C$346,3,0))^2)/1000,0)</f>
        <v>82</v>
      </c>
      <c r="Y251">
        <f ca="1">ROUND(SQRT((VLOOKUP($A251,városok!$A$2:$C$346,2,0)-VLOOKUP(Y$1,városok!$A$2:$C$346,2,0))^2+(VLOOKUP($A251,városok!$A$2:$C$346,3,0)-VLOOKUP(Y$1,városok!$A$2:$C$346,3,0))^2)/1000,0)</f>
        <v>124</v>
      </c>
      <c r="Z251">
        <f ca="1">ROUND(SQRT((VLOOKUP($A251,városok!$A$2:$C$346,2,0)-VLOOKUP(Z$1,városok!$A$2:$C$346,2,0))^2+(VLOOKUP($A251,városok!$A$2:$C$346,3,0)-VLOOKUP(Z$1,városok!$A$2:$C$346,3,0))^2)/1000,0)</f>
        <v>142</v>
      </c>
      <c r="AA251">
        <f ca="1">ROUND(SQRT((VLOOKUP($A251,városok!$A$2:$C$346,2,0)-VLOOKUP(AA$1,városok!$A$2:$C$346,2,0))^2+(VLOOKUP($A251,városok!$A$2:$C$346,3,0)-VLOOKUP(AA$1,városok!$A$2:$C$346,3,0))^2)/1000,0)</f>
        <v>203</v>
      </c>
      <c r="AB251">
        <f ca="1">ROUND(SQRT((VLOOKUP($A251,városok!$A$2:$C$346,2,0)-VLOOKUP(AB$1,városok!$A$2:$C$346,2,0))^2+(VLOOKUP($A251,városok!$A$2:$C$346,3,0)-VLOOKUP(AB$1,városok!$A$2:$C$346,3,0))^2)/1000,0)</f>
        <v>177</v>
      </c>
      <c r="AC251">
        <f ca="1">ROUND(SQRT((VLOOKUP($A251,városok!$A$2:$C$346,2,0)-VLOOKUP(AC$1,városok!$A$2:$C$346,2,0))^2+(VLOOKUP($A251,városok!$A$2:$C$346,3,0)-VLOOKUP(AC$1,városok!$A$2:$C$346,3,0))^2)/1000,0)</f>
        <v>161</v>
      </c>
      <c r="AD251">
        <f ca="1">ROUND(SQRT((VLOOKUP($A251,városok!$A$2:$C$346,2,0)-VLOOKUP(AD$1,városok!$A$2:$C$346,2,0))^2+(VLOOKUP($A251,városok!$A$2:$C$346,3,0)-VLOOKUP(AD$1,városok!$A$2:$C$346,3,0))^2)/1000,0)</f>
        <v>144</v>
      </c>
      <c r="AE251">
        <f ca="1">ROUND(SQRT((VLOOKUP($A251,városok!$A$2:$C$346,2,0)-VLOOKUP(AE$1,városok!$A$2:$C$346,2,0))^2+(VLOOKUP($A251,városok!$A$2:$C$346,3,0)-VLOOKUP(AE$1,városok!$A$2:$C$346,3,0))^2)/1000,0)</f>
        <v>148</v>
      </c>
      <c r="AF251">
        <f ca="1">ROUND(SQRT((VLOOKUP($A251,városok!$A$2:$C$346,2,0)-VLOOKUP(AF$1,városok!$A$2:$C$346,2,0))^2+(VLOOKUP($A251,városok!$A$2:$C$346,3,0)-VLOOKUP(AF$1,városok!$A$2:$C$346,3,0))^2)/1000,0)</f>
        <v>87</v>
      </c>
      <c r="AG251">
        <f ca="1">ROUND(SQRT((VLOOKUP($A251,városok!$A$2:$C$346,2,0)-VLOOKUP(AG$1,városok!$A$2:$C$346,2,0))^2+(VLOOKUP($A251,városok!$A$2:$C$346,3,0)-VLOOKUP(AG$1,városok!$A$2:$C$346,3,0))^2)/1000,0)</f>
        <v>50</v>
      </c>
      <c r="AH251">
        <f ca="1">ROUND(SQRT((VLOOKUP($A251,városok!$A$2:$C$346,2,0)-VLOOKUP(AH$1,városok!$A$2:$C$346,2,0))^2+(VLOOKUP($A251,városok!$A$2:$C$346,3,0)-VLOOKUP(AH$1,városok!$A$2:$C$346,3,0))^2)/1000,0)</f>
        <v>30</v>
      </c>
      <c r="AI251">
        <f ca="1">ROUND(SQRT((VLOOKUP($A251,városok!$A$2:$C$346,2,0)-VLOOKUP(AI$1,városok!$A$2:$C$346,2,0))^2+(VLOOKUP($A251,városok!$A$2:$C$346,3,0)-VLOOKUP(AI$1,városok!$A$2:$C$346,3,0))^2)/1000,0)</f>
        <v>73</v>
      </c>
      <c r="AJ251">
        <f ca="1">ROUND(SQRT((VLOOKUP($A251,városok!$A$2:$C$346,2,0)-VLOOKUP(AJ$1,városok!$A$2:$C$346,2,0))^2+(VLOOKUP($A251,városok!$A$2:$C$346,3,0)-VLOOKUP(AJ$1,városok!$A$2:$C$346,3,0))^2)/1000,0)</f>
        <v>52</v>
      </c>
      <c r="AK251">
        <f ca="1">ROUND(SQRT((VLOOKUP($A251,városok!$A$2:$C$346,2,0)-VLOOKUP(AK$1,városok!$A$2:$C$346,2,0))^2+(VLOOKUP($A251,városok!$A$2:$C$346,3,0)-VLOOKUP(AK$1,városok!$A$2:$C$346,3,0))^2)/1000,0)</f>
        <v>134</v>
      </c>
      <c r="AL251">
        <f ca="1">ROUND(SQRT((VLOOKUP($A251,városok!$A$2:$C$346,2,0)-VLOOKUP(AL$1,városok!$A$2:$C$346,2,0))^2+(VLOOKUP($A251,városok!$A$2:$C$346,3,0)-VLOOKUP(AL$1,városok!$A$2:$C$346,3,0))^2)/1000,0)</f>
        <v>106</v>
      </c>
      <c r="AM251">
        <f ca="1">ROUND(SQRT((VLOOKUP($A251,városok!$A$2:$C$346,2,0)-VLOOKUP(AM$1,városok!$A$2:$C$346,2,0))^2+(VLOOKUP($A251,városok!$A$2:$C$346,3,0)-VLOOKUP(AM$1,városok!$A$2:$C$346,3,0))^2)/1000,0)</f>
        <v>86</v>
      </c>
      <c r="AN251">
        <f ca="1">ROUND(SQRT((VLOOKUP($A251,városok!$A$2:$C$346,2,0)-VLOOKUP(AN$1,városok!$A$2:$C$346,2,0))^2+(VLOOKUP($A251,városok!$A$2:$C$346,3,0)-VLOOKUP(AN$1,városok!$A$2:$C$346,3,0))^2)/1000,0)</f>
        <v>43</v>
      </c>
      <c r="AO251">
        <f ca="1">ROUND(SQRT((VLOOKUP($A251,városok!$A$2:$C$346,2,0)-VLOOKUP(AO$1,városok!$A$2:$C$346,2,0))^2+(VLOOKUP($A251,városok!$A$2:$C$346,3,0)-VLOOKUP(AO$1,városok!$A$2:$C$346,3,0))^2)/1000,0)</f>
        <v>88</v>
      </c>
      <c r="AP251">
        <f ca="1">ROUND(SQRT((VLOOKUP($A251,városok!$A$2:$C$346,2,0)-VLOOKUP(AP$1,városok!$A$2:$C$346,2,0))^2+(VLOOKUP($A251,városok!$A$2:$C$346,3,0)-VLOOKUP(AP$1,városok!$A$2:$C$346,3,0))^2)/1000,0)</f>
        <v>71</v>
      </c>
      <c r="AQ251">
        <f ca="1">ROUND(SQRT((VLOOKUP($A251,városok!$A$2:$C$346,2,0)-VLOOKUP(AQ$1,városok!$A$2:$C$346,2,0))^2+(VLOOKUP($A251,városok!$A$2:$C$346,3,0)-VLOOKUP(AQ$1,városok!$A$2:$C$346,3,0))^2)/1000,0)</f>
        <v>66</v>
      </c>
      <c r="AR251">
        <f ca="1">ROUND(SQRT((VLOOKUP($A251,városok!$A$2:$C$346,2,0)-VLOOKUP(AR$1,városok!$A$2:$C$346,2,0))^2+(VLOOKUP($A251,városok!$A$2:$C$346,3,0)-VLOOKUP(AR$1,városok!$A$2:$C$346,3,0))^2)/1000,0)</f>
        <v>43</v>
      </c>
      <c r="AS251">
        <f ca="1">ROUND(SQRT((VLOOKUP($A251,városok!$A$2:$C$346,2,0)-VLOOKUP(AS$1,városok!$A$2:$C$346,2,0))^2+(VLOOKUP($A251,városok!$A$2:$C$346,3,0)-VLOOKUP(AS$1,városok!$A$2:$C$346,3,0))^2)/1000,0)</f>
        <v>65</v>
      </c>
      <c r="AT251">
        <f ca="1">ROUND(SQRT((VLOOKUP($A251,városok!$A$2:$C$346,2,0)-VLOOKUP(AT$1,városok!$A$2:$C$346,2,0))^2+(VLOOKUP($A251,városok!$A$2:$C$346,3,0)-VLOOKUP(AT$1,városok!$A$2:$C$346,3,0))^2)/1000,0)</f>
        <v>40</v>
      </c>
      <c r="AU251">
        <f ca="1">ROUND(SQRT((VLOOKUP($A251,városok!$A$2:$C$346,2,0)-VLOOKUP(AU$1,városok!$A$2:$C$346,2,0))^2+(VLOOKUP($A251,városok!$A$2:$C$346,3,0)-VLOOKUP(AU$1,városok!$A$2:$C$346,3,0))^2)/1000,0)</f>
        <v>32</v>
      </c>
      <c r="AV251">
        <f ca="1">ROUND(SQRT((VLOOKUP($A251,városok!$A$2:$C$346,2,0)-VLOOKUP(AV$1,városok!$A$2:$C$346,2,0))^2+(VLOOKUP($A251,városok!$A$2:$C$346,3,0)-VLOOKUP(AV$1,városok!$A$2:$C$346,3,0))^2)/1000,0)</f>
        <v>37</v>
      </c>
      <c r="AW251">
        <f ca="1">ROUND(SQRT((VLOOKUP($A251,városok!$A$2:$C$346,2,0)-VLOOKUP(AW$1,városok!$A$2:$C$346,2,0))^2+(VLOOKUP($A251,városok!$A$2:$C$346,3,0)-VLOOKUP(AW$1,városok!$A$2:$C$346,3,0))^2)/1000,0)</f>
        <v>40</v>
      </c>
      <c r="AX251">
        <f ca="1">ROUND(SQRT((VLOOKUP($A251,városok!$A$2:$C$346,2,0)-VLOOKUP(AX$1,városok!$A$2:$C$346,2,0))^2+(VLOOKUP($A251,városok!$A$2:$C$346,3,0)-VLOOKUP(AX$1,városok!$A$2:$C$346,3,0))^2)/1000,0)</f>
        <v>79</v>
      </c>
      <c r="AY251">
        <f ca="1">ROUND(SQRT((VLOOKUP($A251,városok!$A$2:$C$346,2,0)-VLOOKUP(AY$1,városok!$A$2:$C$346,2,0))^2+(VLOOKUP($A251,városok!$A$2:$C$346,3,0)-VLOOKUP(AY$1,városok!$A$2:$C$346,3,0))^2)/1000,0)</f>
        <v>17</v>
      </c>
      <c r="AZ251">
        <f ca="1">ROUND(SQRT((VLOOKUP($A251,városok!$A$2:$C$346,2,0)-VLOOKUP(AZ$1,városok!$A$2:$C$346,2,0))^2+(VLOOKUP($A251,városok!$A$2:$C$346,3,0)-VLOOKUP(AZ$1,városok!$A$2:$C$346,3,0))^2)/1000,0)</f>
        <v>28</v>
      </c>
      <c r="BA251">
        <f ca="1">ROUND(SQRT((VLOOKUP($A251,városok!$A$2:$C$346,2,0)-VLOOKUP(BA$1,városok!$A$2:$C$346,2,0))^2+(VLOOKUP($A251,városok!$A$2:$C$346,3,0)-VLOOKUP(BA$1,városok!$A$2:$C$346,3,0))^2)/1000,0)</f>
        <v>154</v>
      </c>
      <c r="BB251">
        <f ca="1">ROUND(SQRT((VLOOKUP($A251,városok!$A$2:$C$346,2,0)-VLOOKUP(BB$1,városok!$A$2:$C$346,2,0))^2+(VLOOKUP($A251,városok!$A$2:$C$346,3,0)-VLOOKUP(BB$1,városok!$A$2:$C$346,3,0))^2)/1000,0)</f>
        <v>160</v>
      </c>
      <c r="BC251">
        <f ca="1">ROUND(SQRT((VLOOKUP($A251,városok!$A$2:$C$346,2,0)-VLOOKUP(BC$1,városok!$A$2:$C$346,2,0))^2+(VLOOKUP($A251,városok!$A$2:$C$346,3,0)-VLOOKUP(BC$1,városok!$A$2:$C$346,3,0))^2)/1000,0)</f>
        <v>183</v>
      </c>
      <c r="BD251">
        <f ca="1">ROUND(SQRT((VLOOKUP($A251,városok!$A$2:$C$346,2,0)-VLOOKUP(BD$1,városok!$A$2:$C$346,2,0))^2+(VLOOKUP($A251,városok!$A$2:$C$346,3,0)-VLOOKUP(BD$1,városok!$A$2:$C$346,3,0))^2)/1000,0)</f>
        <v>124</v>
      </c>
      <c r="BE251">
        <f ca="1">ROUND(SQRT((VLOOKUP($A251,városok!$A$2:$C$346,2,0)-VLOOKUP(BE$1,városok!$A$2:$C$346,2,0))^2+(VLOOKUP($A251,városok!$A$2:$C$346,3,0)-VLOOKUP(BE$1,városok!$A$2:$C$346,3,0))^2)/1000,0)</f>
        <v>255</v>
      </c>
      <c r="BF251">
        <f ca="1">ROUND(SQRT((VLOOKUP($A251,városok!$A$2:$C$346,2,0)-VLOOKUP(BF$1,városok!$A$2:$C$346,2,0))^2+(VLOOKUP($A251,városok!$A$2:$C$346,3,0)-VLOOKUP(BF$1,városok!$A$2:$C$346,3,0))^2)/1000,0)</f>
        <v>218</v>
      </c>
      <c r="BG251">
        <f ca="1">ROUND(SQRT((VLOOKUP($A251,városok!$A$2:$C$346,2,0)-VLOOKUP(BG$1,városok!$A$2:$C$346,2,0))^2+(VLOOKUP($A251,városok!$A$2:$C$346,3,0)-VLOOKUP(BG$1,városok!$A$2:$C$346,3,0))^2)/1000,0)</f>
        <v>172</v>
      </c>
      <c r="BH251">
        <f ca="1">ROUND(SQRT((VLOOKUP($A251,városok!$A$2:$C$346,2,0)-VLOOKUP(BH$1,városok!$A$2:$C$346,2,0))^2+(VLOOKUP($A251,városok!$A$2:$C$346,3,0)-VLOOKUP(BH$1,városok!$A$2:$C$346,3,0))^2)/1000,0)</f>
        <v>171</v>
      </c>
      <c r="BI251">
        <f ca="1">ROUND(SQRT((VLOOKUP($A251,városok!$A$2:$C$346,2,0)-VLOOKUP(BI$1,városok!$A$2:$C$346,2,0))^2+(VLOOKUP($A251,városok!$A$2:$C$346,3,0)-VLOOKUP(BI$1,városok!$A$2:$C$346,3,0))^2)/1000,0)</f>
        <v>148</v>
      </c>
      <c r="BJ251">
        <f ca="1">ROUND(SQRT((VLOOKUP($A251,városok!$A$2:$C$346,2,0)-VLOOKUP(BJ$1,városok!$A$2:$C$346,2,0))^2+(VLOOKUP($A251,városok!$A$2:$C$346,3,0)-VLOOKUP(BJ$1,városok!$A$2:$C$346,3,0))^2)/1000,0)</f>
        <v>165</v>
      </c>
      <c r="BK251">
        <f ca="1">ROUND(SQRT((VLOOKUP($A251,városok!$A$2:$C$346,2,0)-VLOOKUP(BK$1,városok!$A$2:$C$346,2,0))^2+(VLOOKUP($A251,városok!$A$2:$C$346,3,0)-VLOOKUP(BK$1,városok!$A$2:$C$346,3,0))^2)/1000,0)</f>
        <v>151</v>
      </c>
      <c r="BL251">
        <f ca="1">ROUND(SQRT((VLOOKUP($A251,városok!$A$2:$C$346,2,0)-VLOOKUP(BL$1,városok!$A$2:$C$346,2,0))^2+(VLOOKUP($A251,városok!$A$2:$C$346,3,0)-VLOOKUP(BL$1,városok!$A$2:$C$346,3,0))^2)/1000,0)</f>
        <v>214</v>
      </c>
      <c r="BM251">
        <f ca="1">ROUND(SQRT((VLOOKUP($A251,városok!$A$2:$C$346,2,0)-VLOOKUP(BM$1,városok!$A$2:$C$346,2,0))^2+(VLOOKUP($A251,városok!$A$2:$C$346,3,0)-VLOOKUP(BM$1,városok!$A$2:$C$346,3,0))^2)/1000,0)</f>
        <v>183</v>
      </c>
      <c r="BN251">
        <f ca="1">ROUND(SQRT((VLOOKUP($A251,városok!$A$2:$C$346,2,0)-VLOOKUP(BN$1,városok!$A$2:$C$346,2,0))^2+(VLOOKUP($A251,városok!$A$2:$C$346,3,0)-VLOOKUP(BN$1,városok!$A$2:$C$346,3,0))^2)/1000,0)</f>
        <v>206</v>
      </c>
      <c r="BO251">
        <f ca="1">ROUND(SQRT((VLOOKUP($A251,városok!$A$2:$C$346,2,0)-VLOOKUP(BO$1,városok!$A$2:$C$346,2,0))^2+(VLOOKUP($A251,városok!$A$2:$C$346,3,0)-VLOOKUP(BO$1,városok!$A$2:$C$346,3,0))^2)/1000,0)</f>
        <v>118</v>
      </c>
      <c r="BP251">
        <f ca="1">ROUND(SQRT((VLOOKUP($A251,városok!$A$2:$C$346,2,0)-VLOOKUP(BP$1,városok!$A$2:$C$346,2,0))^2+(VLOOKUP($A251,városok!$A$2:$C$346,3,0)-VLOOKUP(BP$1,városok!$A$2:$C$346,3,0))^2)/1000,0)</f>
        <v>112</v>
      </c>
      <c r="BQ251">
        <f ca="1">ROUND(SQRT((VLOOKUP($A251,városok!$A$2:$C$346,2,0)-VLOOKUP(BQ$1,városok!$A$2:$C$346,2,0))^2+(VLOOKUP($A251,városok!$A$2:$C$346,3,0)-VLOOKUP(BQ$1,városok!$A$2:$C$346,3,0))^2)/1000,0)</f>
        <v>121</v>
      </c>
      <c r="BR251">
        <f ca="1">ROUND(SQRT((VLOOKUP($A251,városok!$A$2:$C$346,2,0)-VLOOKUP(BR$1,városok!$A$2:$C$346,2,0))^2+(VLOOKUP($A251,városok!$A$2:$C$346,3,0)-VLOOKUP(BR$1,városok!$A$2:$C$346,3,0))^2)/1000,0)</f>
        <v>182</v>
      </c>
      <c r="BS251">
        <f ca="1">ROUND(SQRT((VLOOKUP($A251,városok!$A$2:$C$346,2,0)-VLOOKUP(BS$1,városok!$A$2:$C$346,2,0))^2+(VLOOKUP($A251,városok!$A$2:$C$346,3,0)-VLOOKUP(BS$1,városok!$A$2:$C$346,3,0))^2)/1000,0)</f>
        <v>219</v>
      </c>
      <c r="BT251">
        <f ca="1">ROUND(SQRT((VLOOKUP($A251,városok!$A$2:$C$346,2,0)-VLOOKUP(BT$1,városok!$A$2:$C$346,2,0))^2+(VLOOKUP($A251,városok!$A$2:$C$346,3,0)-VLOOKUP(BT$1,városok!$A$2:$C$346,3,0))^2)/1000,0)</f>
        <v>206</v>
      </c>
    </row>
    <row r="252" spans="1:72" x14ac:dyDescent="0.2">
      <c r="A252" t="str">
        <f>városok!A252</f>
        <v>Visegrád</v>
      </c>
      <c r="B252">
        <f ca="1">ROUND(SQRT((VLOOKUP($A252,városok!$A$2:$C$346,2,0)-VLOOKUP(B$1,városok!$A$2:$C$346,2,0))^2+(VLOOKUP($A252,városok!$A$2:$C$346,3,0)-VLOOKUP(B$1,városok!$A$2:$C$346,3,0))^2)/1000,0)</f>
        <v>178</v>
      </c>
      <c r="C252">
        <f ca="1">ROUND(SQRT((VLOOKUP($A252,városok!$A$2:$C$346,2,0)-VLOOKUP(C$1,városok!$A$2:$C$346,2,0))^2+(VLOOKUP($A252,városok!$A$2:$C$346,3,0)-VLOOKUP(C$1,városok!$A$2:$C$346,3,0))^2)/1000,0)</f>
        <v>140</v>
      </c>
      <c r="D252">
        <f ca="1">ROUND(SQRT((VLOOKUP($A252,városok!$A$2:$C$346,2,0)-VLOOKUP(D$1,városok!$A$2:$C$346,2,0))^2+(VLOOKUP($A252,városok!$A$2:$C$346,3,0)-VLOOKUP(D$1,városok!$A$2:$C$346,3,0))^2)/1000,0)</f>
        <v>112</v>
      </c>
      <c r="E252">
        <f ca="1">ROUND(SQRT((VLOOKUP($A252,városok!$A$2:$C$346,2,0)-VLOOKUP(E$1,városok!$A$2:$C$346,2,0))^2+(VLOOKUP($A252,városok!$A$2:$C$346,3,0)-VLOOKUP(E$1,városok!$A$2:$C$346,3,0))^2)/1000,0)</f>
        <v>185</v>
      </c>
      <c r="F252">
        <f ca="1">ROUND(SQRT((VLOOKUP($A252,városok!$A$2:$C$346,2,0)-VLOOKUP(F$1,városok!$A$2:$C$346,2,0))^2+(VLOOKUP($A252,városok!$A$2:$C$346,3,0)-VLOOKUP(F$1,városok!$A$2:$C$346,3,0))^2)/1000,0)</f>
        <v>201</v>
      </c>
      <c r="G252">
        <f ca="1">ROUND(SQRT((VLOOKUP($A252,városok!$A$2:$C$346,2,0)-VLOOKUP(G$1,városok!$A$2:$C$346,2,0))^2+(VLOOKUP($A252,városok!$A$2:$C$346,3,0)-VLOOKUP(G$1,városok!$A$2:$C$346,3,0))^2)/1000,0)</f>
        <v>198</v>
      </c>
      <c r="H252">
        <f ca="1">ROUND(SQRT((VLOOKUP($A252,városok!$A$2:$C$346,2,0)-VLOOKUP(H$1,városok!$A$2:$C$346,2,0))^2+(VLOOKUP($A252,városok!$A$2:$C$346,3,0)-VLOOKUP(H$1,városok!$A$2:$C$346,3,0))^2)/1000,0)</f>
        <v>213</v>
      </c>
      <c r="I252">
        <f ca="1">ROUND(SQRT((VLOOKUP($A252,városok!$A$2:$C$346,2,0)-VLOOKUP(I$1,városok!$A$2:$C$346,2,0))^2+(VLOOKUP($A252,városok!$A$2:$C$346,3,0)-VLOOKUP(I$1,városok!$A$2:$C$346,3,0))^2)/1000,0)</f>
        <v>202</v>
      </c>
      <c r="J252">
        <f ca="1">ROUND(SQRT((VLOOKUP($A252,városok!$A$2:$C$346,2,0)-VLOOKUP(J$1,városok!$A$2:$C$346,2,0))^2+(VLOOKUP($A252,városok!$A$2:$C$346,3,0)-VLOOKUP(J$1,városok!$A$2:$C$346,3,0))^2)/1000,0)</f>
        <v>216</v>
      </c>
      <c r="K252">
        <f ca="1">ROUND(SQRT((VLOOKUP($A252,városok!$A$2:$C$346,2,0)-VLOOKUP(K$1,városok!$A$2:$C$346,2,0))^2+(VLOOKUP($A252,városok!$A$2:$C$346,3,0)-VLOOKUP(K$1,városok!$A$2:$C$346,3,0))^2)/1000,0)</f>
        <v>187</v>
      </c>
      <c r="L252">
        <f ca="1">ROUND(SQRT((VLOOKUP($A252,városok!$A$2:$C$346,2,0)-VLOOKUP(L$1,városok!$A$2:$C$346,2,0))^2+(VLOOKUP($A252,városok!$A$2:$C$346,3,0)-VLOOKUP(L$1,városok!$A$2:$C$346,3,0))^2)/1000,0)</f>
        <v>135</v>
      </c>
      <c r="M252">
        <f ca="1">ROUND(SQRT((VLOOKUP($A252,városok!$A$2:$C$346,2,0)-VLOOKUP(M$1,városok!$A$2:$C$346,2,0))^2+(VLOOKUP($A252,városok!$A$2:$C$346,3,0)-VLOOKUP(M$1,városok!$A$2:$C$346,3,0))^2)/1000,0)</f>
        <v>141</v>
      </c>
      <c r="N252">
        <f ca="1">ROUND(SQRT((VLOOKUP($A252,városok!$A$2:$C$346,2,0)-VLOOKUP(N$1,városok!$A$2:$C$346,2,0))^2+(VLOOKUP($A252,városok!$A$2:$C$346,3,0)-VLOOKUP(N$1,városok!$A$2:$C$346,3,0))^2)/1000,0)</f>
        <v>110</v>
      </c>
      <c r="O252">
        <f ca="1">ROUND(SQRT((VLOOKUP($A252,városok!$A$2:$C$346,2,0)-VLOOKUP(O$1,városok!$A$2:$C$346,2,0))^2+(VLOOKUP($A252,városok!$A$2:$C$346,3,0)-VLOOKUP(O$1,városok!$A$2:$C$346,3,0))^2)/1000,0)</f>
        <v>211</v>
      </c>
      <c r="P252">
        <f ca="1">ROUND(SQRT((VLOOKUP($A252,városok!$A$2:$C$346,2,0)-VLOOKUP(P$1,városok!$A$2:$C$346,2,0))^2+(VLOOKUP($A252,városok!$A$2:$C$346,3,0)-VLOOKUP(P$1,városok!$A$2:$C$346,3,0))^2)/1000,0)</f>
        <v>211</v>
      </c>
      <c r="Q252">
        <f ca="1">ROUND(SQRT((VLOOKUP($A252,városok!$A$2:$C$346,2,0)-VLOOKUP(Q$1,városok!$A$2:$C$346,2,0))^2+(VLOOKUP($A252,városok!$A$2:$C$346,3,0)-VLOOKUP(Q$1,városok!$A$2:$C$346,3,0))^2)/1000,0)</f>
        <v>183</v>
      </c>
      <c r="R252">
        <f ca="1">ROUND(SQRT((VLOOKUP($A252,városok!$A$2:$C$346,2,0)-VLOOKUP(R$1,városok!$A$2:$C$346,2,0))^2+(VLOOKUP($A252,városok!$A$2:$C$346,3,0)-VLOOKUP(R$1,városok!$A$2:$C$346,3,0))^2)/1000,0)</f>
        <v>209</v>
      </c>
      <c r="S252">
        <f ca="1">ROUND(SQRT((VLOOKUP($A252,városok!$A$2:$C$346,2,0)-VLOOKUP(S$1,városok!$A$2:$C$346,2,0))^2+(VLOOKUP($A252,városok!$A$2:$C$346,3,0)-VLOOKUP(S$1,városok!$A$2:$C$346,3,0))^2)/1000,0)</f>
        <v>193</v>
      </c>
      <c r="T252">
        <f ca="1">ROUND(SQRT((VLOOKUP($A252,városok!$A$2:$C$346,2,0)-VLOOKUP(T$1,városok!$A$2:$C$346,2,0))^2+(VLOOKUP($A252,városok!$A$2:$C$346,3,0)-VLOOKUP(T$1,városok!$A$2:$C$346,3,0))^2)/1000,0)</f>
        <v>42</v>
      </c>
      <c r="U252">
        <f ca="1">ROUND(SQRT((VLOOKUP($A252,városok!$A$2:$C$346,2,0)-VLOOKUP(U$1,városok!$A$2:$C$346,2,0))^2+(VLOOKUP($A252,városok!$A$2:$C$346,3,0)-VLOOKUP(U$1,városok!$A$2:$C$346,3,0))^2)/1000,0)</f>
        <v>91</v>
      </c>
      <c r="V252">
        <f ca="1">ROUND(SQRT((VLOOKUP($A252,városok!$A$2:$C$346,2,0)-VLOOKUP(V$1,városok!$A$2:$C$346,2,0))^2+(VLOOKUP($A252,városok!$A$2:$C$346,3,0)-VLOOKUP(V$1,városok!$A$2:$C$346,3,0))^2)/1000,0)</f>
        <v>95</v>
      </c>
      <c r="W252">
        <f ca="1">ROUND(SQRT((VLOOKUP($A252,városok!$A$2:$C$346,2,0)-VLOOKUP(W$1,városok!$A$2:$C$346,2,0))^2+(VLOOKUP($A252,városok!$A$2:$C$346,3,0)-VLOOKUP(W$1,városok!$A$2:$C$346,3,0))^2)/1000,0)</f>
        <v>103</v>
      </c>
      <c r="X252">
        <f ca="1">ROUND(SQRT((VLOOKUP($A252,városok!$A$2:$C$346,2,0)-VLOOKUP(X$1,városok!$A$2:$C$346,2,0))^2+(VLOOKUP($A252,városok!$A$2:$C$346,3,0)-VLOOKUP(X$1,városok!$A$2:$C$346,3,0))^2)/1000,0)</f>
        <v>73</v>
      </c>
      <c r="Y252">
        <f ca="1">ROUND(SQRT((VLOOKUP($A252,városok!$A$2:$C$346,2,0)-VLOOKUP(Y$1,városok!$A$2:$C$346,2,0))^2+(VLOOKUP($A252,városok!$A$2:$C$346,3,0)-VLOOKUP(Y$1,városok!$A$2:$C$346,3,0))^2)/1000,0)</f>
        <v>101</v>
      </c>
      <c r="Z252">
        <f ca="1">ROUND(SQRT((VLOOKUP($A252,városok!$A$2:$C$346,2,0)-VLOOKUP(Z$1,városok!$A$2:$C$346,2,0))^2+(VLOOKUP($A252,városok!$A$2:$C$346,3,0)-VLOOKUP(Z$1,városok!$A$2:$C$346,3,0))^2)/1000,0)</f>
        <v>119</v>
      </c>
      <c r="AA252">
        <f ca="1">ROUND(SQRT((VLOOKUP($A252,városok!$A$2:$C$346,2,0)-VLOOKUP(AA$1,városok!$A$2:$C$346,2,0))^2+(VLOOKUP($A252,városok!$A$2:$C$346,3,0)-VLOOKUP(AA$1,városok!$A$2:$C$346,3,0))^2)/1000,0)</f>
        <v>179</v>
      </c>
      <c r="AB252">
        <f ca="1">ROUND(SQRT((VLOOKUP($A252,városok!$A$2:$C$346,2,0)-VLOOKUP(AB$1,városok!$A$2:$C$346,2,0))^2+(VLOOKUP($A252,városok!$A$2:$C$346,3,0)-VLOOKUP(AB$1,városok!$A$2:$C$346,3,0))^2)/1000,0)</f>
        <v>202</v>
      </c>
      <c r="AC252">
        <f ca="1">ROUND(SQRT((VLOOKUP($A252,városok!$A$2:$C$346,2,0)-VLOOKUP(AC$1,városok!$A$2:$C$346,2,0))^2+(VLOOKUP($A252,városok!$A$2:$C$346,3,0)-VLOOKUP(AC$1,városok!$A$2:$C$346,3,0))^2)/1000,0)</f>
        <v>186</v>
      </c>
      <c r="AD252">
        <f ca="1">ROUND(SQRT((VLOOKUP($A252,városok!$A$2:$C$346,2,0)-VLOOKUP(AD$1,városok!$A$2:$C$346,2,0))^2+(VLOOKUP($A252,városok!$A$2:$C$346,3,0)-VLOOKUP(AD$1,városok!$A$2:$C$346,3,0))^2)/1000,0)</f>
        <v>169</v>
      </c>
      <c r="AE252">
        <f ca="1">ROUND(SQRT((VLOOKUP($A252,városok!$A$2:$C$346,2,0)-VLOOKUP(AE$1,városok!$A$2:$C$346,2,0))^2+(VLOOKUP($A252,városok!$A$2:$C$346,3,0)-VLOOKUP(AE$1,városok!$A$2:$C$346,3,0))^2)/1000,0)</f>
        <v>175</v>
      </c>
      <c r="AF252">
        <f ca="1">ROUND(SQRT((VLOOKUP($A252,városok!$A$2:$C$346,2,0)-VLOOKUP(AF$1,városok!$A$2:$C$346,2,0))^2+(VLOOKUP($A252,városok!$A$2:$C$346,3,0)-VLOOKUP(AF$1,városok!$A$2:$C$346,3,0))^2)/1000,0)</f>
        <v>106</v>
      </c>
      <c r="AG252">
        <f ca="1">ROUND(SQRT((VLOOKUP($A252,városok!$A$2:$C$346,2,0)-VLOOKUP(AG$1,városok!$A$2:$C$346,2,0))^2+(VLOOKUP($A252,városok!$A$2:$C$346,3,0)-VLOOKUP(AG$1,városok!$A$2:$C$346,3,0))^2)/1000,0)</f>
        <v>72</v>
      </c>
      <c r="AH252">
        <f ca="1">ROUND(SQRT((VLOOKUP($A252,városok!$A$2:$C$346,2,0)-VLOOKUP(AH$1,városok!$A$2:$C$346,2,0))^2+(VLOOKUP($A252,városok!$A$2:$C$346,3,0)-VLOOKUP(AH$1,városok!$A$2:$C$346,3,0))^2)/1000,0)</f>
        <v>55</v>
      </c>
      <c r="AI252">
        <f ca="1">ROUND(SQRT((VLOOKUP($A252,városok!$A$2:$C$346,2,0)-VLOOKUP(AI$1,városok!$A$2:$C$346,2,0))^2+(VLOOKUP($A252,városok!$A$2:$C$346,3,0)-VLOOKUP(AI$1,városok!$A$2:$C$346,3,0))^2)/1000,0)</f>
        <v>88</v>
      </c>
      <c r="AJ252">
        <f ca="1">ROUND(SQRT((VLOOKUP($A252,városok!$A$2:$C$346,2,0)-VLOOKUP(AJ$1,városok!$A$2:$C$346,2,0))^2+(VLOOKUP($A252,városok!$A$2:$C$346,3,0)-VLOOKUP(AJ$1,városok!$A$2:$C$346,3,0))^2)/1000,0)</f>
        <v>77</v>
      </c>
      <c r="AK252">
        <f ca="1">ROUND(SQRT((VLOOKUP($A252,városok!$A$2:$C$346,2,0)-VLOOKUP(AK$1,városok!$A$2:$C$346,2,0))^2+(VLOOKUP($A252,városok!$A$2:$C$346,3,0)-VLOOKUP(AK$1,városok!$A$2:$C$346,3,0))^2)/1000,0)</f>
        <v>161</v>
      </c>
      <c r="AL252">
        <f ca="1">ROUND(SQRT((VLOOKUP($A252,városok!$A$2:$C$346,2,0)-VLOOKUP(AL$1,városok!$A$2:$C$346,2,0))^2+(VLOOKUP($A252,városok!$A$2:$C$346,3,0)-VLOOKUP(AL$1,városok!$A$2:$C$346,3,0))^2)/1000,0)</f>
        <v>133</v>
      </c>
      <c r="AM252">
        <f ca="1">ROUND(SQRT((VLOOKUP($A252,városok!$A$2:$C$346,2,0)-VLOOKUP(AM$1,városok!$A$2:$C$346,2,0))^2+(VLOOKUP($A252,városok!$A$2:$C$346,3,0)-VLOOKUP(AM$1,városok!$A$2:$C$346,3,0))^2)/1000,0)</f>
        <v>114</v>
      </c>
      <c r="AN252">
        <f ca="1">ROUND(SQRT((VLOOKUP($A252,városok!$A$2:$C$346,2,0)-VLOOKUP(AN$1,városok!$A$2:$C$346,2,0))^2+(VLOOKUP($A252,városok!$A$2:$C$346,3,0)-VLOOKUP(AN$1,városok!$A$2:$C$346,3,0))^2)/1000,0)</f>
        <v>17</v>
      </c>
      <c r="AO252">
        <f ca="1">ROUND(SQRT((VLOOKUP($A252,városok!$A$2:$C$346,2,0)-VLOOKUP(AO$1,városok!$A$2:$C$346,2,0))^2+(VLOOKUP($A252,városok!$A$2:$C$346,3,0)-VLOOKUP(AO$1,városok!$A$2:$C$346,3,0))^2)/1000,0)</f>
        <v>64</v>
      </c>
      <c r="AP252">
        <f ca="1">ROUND(SQRT((VLOOKUP($A252,városok!$A$2:$C$346,2,0)-VLOOKUP(AP$1,városok!$A$2:$C$346,2,0))^2+(VLOOKUP($A252,városok!$A$2:$C$346,3,0)-VLOOKUP(AP$1,városok!$A$2:$C$346,3,0))^2)/1000,0)</f>
        <v>50</v>
      </c>
      <c r="AQ252">
        <f ca="1">ROUND(SQRT((VLOOKUP($A252,városok!$A$2:$C$346,2,0)-VLOOKUP(AQ$1,városok!$A$2:$C$346,2,0))^2+(VLOOKUP($A252,városok!$A$2:$C$346,3,0)-VLOOKUP(AQ$1,városok!$A$2:$C$346,3,0))^2)/1000,0)</f>
        <v>49</v>
      </c>
      <c r="AR252">
        <f ca="1">ROUND(SQRT((VLOOKUP($A252,városok!$A$2:$C$346,2,0)-VLOOKUP(AR$1,városok!$A$2:$C$346,2,0))^2+(VLOOKUP($A252,városok!$A$2:$C$346,3,0)-VLOOKUP(AR$1,városok!$A$2:$C$346,3,0))^2)/1000,0)</f>
        <v>56</v>
      </c>
      <c r="AS252">
        <f ca="1">ROUND(SQRT((VLOOKUP($A252,városok!$A$2:$C$346,2,0)-VLOOKUP(AS$1,városok!$A$2:$C$346,2,0))^2+(VLOOKUP($A252,városok!$A$2:$C$346,3,0)-VLOOKUP(AS$1,városok!$A$2:$C$346,3,0))^2)/1000,0)</f>
        <v>73</v>
      </c>
      <c r="AT252">
        <f ca="1">ROUND(SQRT((VLOOKUP($A252,városok!$A$2:$C$346,2,0)-VLOOKUP(AT$1,városok!$A$2:$C$346,2,0))^2+(VLOOKUP($A252,városok!$A$2:$C$346,3,0)-VLOOKUP(AT$1,városok!$A$2:$C$346,3,0))^2)/1000,0)</f>
        <v>37</v>
      </c>
      <c r="AU252">
        <f ca="1">ROUND(SQRT((VLOOKUP($A252,városok!$A$2:$C$346,2,0)-VLOOKUP(AU$1,városok!$A$2:$C$346,2,0))^2+(VLOOKUP($A252,városok!$A$2:$C$346,3,0)-VLOOKUP(AU$1,városok!$A$2:$C$346,3,0))^2)/1000,0)</f>
        <v>36</v>
      </c>
      <c r="AV252">
        <f ca="1">ROUND(SQRT((VLOOKUP($A252,városok!$A$2:$C$346,2,0)-VLOOKUP(AV$1,városok!$A$2:$C$346,2,0))^2+(VLOOKUP($A252,városok!$A$2:$C$346,3,0)-VLOOKUP(AV$1,városok!$A$2:$C$346,3,0))^2)/1000,0)</f>
        <v>42</v>
      </c>
      <c r="AW252">
        <f ca="1">ROUND(SQRT((VLOOKUP($A252,városok!$A$2:$C$346,2,0)-VLOOKUP(AW$1,városok!$A$2:$C$346,2,0))^2+(VLOOKUP($A252,városok!$A$2:$C$346,3,0)-VLOOKUP(AW$1,városok!$A$2:$C$346,3,0))^2)/1000,0)</f>
        <v>44</v>
      </c>
      <c r="AX252">
        <f ca="1">ROUND(SQRT((VLOOKUP($A252,városok!$A$2:$C$346,2,0)-VLOOKUP(AX$1,városok!$A$2:$C$346,2,0))^2+(VLOOKUP($A252,városok!$A$2:$C$346,3,0)-VLOOKUP(AX$1,városok!$A$2:$C$346,3,0))^2)/1000,0)</f>
        <v>104</v>
      </c>
      <c r="AY252">
        <f ca="1">ROUND(SQRT((VLOOKUP($A252,városok!$A$2:$C$346,2,0)-VLOOKUP(AY$1,városok!$A$2:$C$346,2,0))^2+(VLOOKUP($A252,városok!$A$2:$C$346,3,0)-VLOOKUP(AY$1,városok!$A$2:$C$346,3,0))^2)/1000,0)</f>
        <v>13</v>
      </c>
      <c r="AZ252">
        <f ca="1">ROUND(SQRT((VLOOKUP($A252,városok!$A$2:$C$346,2,0)-VLOOKUP(AZ$1,városok!$A$2:$C$346,2,0))^2+(VLOOKUP($A252,városok!$A$2:$C$346,3,0)-VLOOKUP(AZ$1,városok!$A$2:$C$346,3,0))^2)/1000,0)</f>
        <v>0</v>
      </c>
      <c r="BA252">
        <f ca="1">ROUND(SQRT((VLOOKUP($A252,városok!$A$2:$C$346,2,0)-VLOOKUP(BA$1,városok!$A$2:$C$346,2,0))^2+(VLOOKUP($A252,városok!$A$2:$C$346,3,0)-VLOOKUP(BA$1,városok!$A$2:$C$346,3,0))^2)/1000,0)</f>
        <v>147</v>
      </c>
      <c r="BB252">
        <f ca="1">ROUND(SQRT((VLOOKUP($A252,városok!$A$2:$C$346,2,0)-VLOOKUP(BB$1,városok!$A$2:$C$346,2,0))^2+(VLOOKUP($A252,városok!$A$2:$C$346,3,0)-VLOOKUP(BB$1,városok!$A$2:$C$346,3,0))^2)/1000,0)</f>
        <v>159</v>
      </c>
      <c r="BC252">
        <f ca="1">ROUND(SQRT((VLOOKUP($A252,városok!$A$2:$C$346,2,0)-VLOOKUP(BC$1,városok!$A$2:$C$346,2,0))^2+(VLOOKUP($A252,városok!$A$2:$C$346,3,0)-VLOOKUP(BC$1,városok!$A$2:$C$346,3,0))^2)/1000,0)</f>
        <v>182</v>
      </c>
      <c r="BD252">
        <f ca="1">ROUND(SQRT((VLOOKUP($A252,városok!$A$2:$C$346,2,0)-VLOOKUP(BD$1,városok!$A$2:$C$346,2,0))^2+(VLOOKUP($A252,városok!$A$2:$C$346,3,0)-VLOOKUP(BD$1,városok!$A$2:$C$346,3,0))^2)/1000,0)</f>
        <v>119</v>
      </c>
      <c r="BE252">
        <f ca="1">ROUND(SQRT((VLOOKUP($A252,városok!$A$2:$C$346,2,0)-VLOOKUP(BE$1,városok!$A$2:$C$346,2,0))^2+(VLOOKUP($A252,városok!$A$2:$C$346,3,0)-VLOOKUP(BE$1,városok!$A$2:$C$346,3,0))^2)/1000,0)</f>
        <v>277</v>
      </c>
      <c r="BF252">
        <f ca="1">ROUND(SQRT((VLOOKUP($A252,városok!$A$2:$C$346,2,0)-VLOOKUP(BF$1,városok!$A$2:$C$346,2,0))^2+(VLOOKUP($A252,városok!$A$2:$C$346,3,0)-VLOOKUP(BF$1,városok!$A$2:$C$346,3,0))^2)/1000,0)</f>
        <v>237</v>
      </c>
      <c r="BG252">
        <f ca="1">ROUND(SQRT((VLOOKUP($A252,városok!$A$2:$C$346,2,0)-VLOOKUP(BG$1,városok!$A$2:$C$346,2,0))^2+(VLOOKUP($A252,városok!$A$2:$C$346,3,0)-VLOOKUP(BG$1,városok!$A$2:$C$346,3,0))^2)/1000,0)</f>
        <v>190</v>
      </c>
      <c r="BH252">
        <f ca="1">ROUND(SQRT((VLOOKUP($A252,városok!$A$2:$C$346,2,0)-VLOOKUP(BH$1,városok!$A$2:$C$346,2,0))^2+(VLOOKUP($A252,városok!$A$2:$C$346,3,0)-VLOOKUP(BH$1,városok!$A$2:$C$346,3,0))^2)/1000,0)</f>
        <v>190</v>
      </c>
      <c r="BI252">
        <f ca="1">ROUND(SQRT((VLOOKUP($A252,városok!$A$2:$C$346,2,0)-VLOOKUP(BI$1,városok!$A$2:$C$346,2,0))^2+(VLOOKUP($A252,városok!$A$2:$C$346,3,0)-VLOOKUP(BI$1,városok!$A$2:$C$346,3,0))^2)/1000,0)</f>
        <v>157</v>
      </c>
      <c r="BJ252">
        <f ca="1">ROUND(SQRT((VLOOKUP($A252,városok!$A$2:$C$346,2,0)-VLOOKUP(BJ$1,városok!$A$2:$C$346,2,0))^2+(VLOOKUP($A252,városok!$A$2:$C$346,3,0)-VLOOKUP(BJ$1,városok!$A$2:$C$346,3,0))^2)/1000,0)</f>
        <v>171</v>
      </c>
      <c r="BK252">
        <f ca="1">ROUND(SQRT((VLOOKUP($A252,városok!$A$2:$C$346,2,0)-VLOOKUP(BK$1,városok!$A$2:$C$346,2,0))^2+(VLOOKUP($A252,városok!$A$2:$C$346,3,0)-VLOOKUP(BK$1,városok!$A$2:$C$346,3,0))^2)/1000,0)</f>
        <v>161</v>
      </c>
      <c r="BL252">
        <f ca="1">ROUND(SQRT((VLOOKUP($A252,városok!$A$2:$C$346,2,0)-VLOOKUP(BL$1,városok!$A$2:$C$346,2,0))^2+(VLOOKUP($A252,városok!$A$2:$C$346,3,0)-VLOOKUP(BL$1,városok!$A$2:$C$346,3,0))^2)/1000,0)</f>
        <v>198</v>
      </c>
      <c r="BM252">
        <f ca="1">ROUND(SQRT((VLOOKUP($A252,városok!$A$2:$C$346,2,0)-VLOOKUP(BM$1,városok!$A$2:$C$346,2,0))^2+(VLOOKUP($A252,városok!$A$2:$C$346,3,0)-VLOOKUP(BM$1,városok!$A$2:$C$346,3,0))^2)/1000,0)</f>
        <v>164</v>
      </c>
      <c r="BN252">
        <f ca="1">ROUND(SQRT((VLOOKUP($A252,városok!$A$2:$C$346,2,0)-VLOOKUP(BN$1,városok!$A$2:$C$346,2,0))^2+(VLOOKUP($A252,városok!$A$2:$C$346,3,0)-VLOOKUP(BN$1,városok!$A$2:$C$346,3,0))^2)/1000,0)</f>
        <v>187</v>
      </c>
      <c r="BO252">
        <f ca="1">ROUND(SQRT((VLOOKUP($A252,városok!$A$2:$C$346,2,0)-VLOOKUP(BO$1,városok!$A$2:$C$346,2,0))^2+(VLOOKUP($A252,városok!$A$2:$C$346,3,0)-VLOOKUP(BO$1,városok!$A$2:$C$346,3,0))^2)/1000,0)</f>
        <v>111</v>
      </c>
      <c r="BP252">
        <f ca="1">ROUND(SQRT((VLOOKUP($A252,városok!$A$2:$C$346,2,0)-VLOOKUP(BP$1,városok!$A$2:$C$346,2,0))^2+(VLOOKUP($A252,városok!$A$2:$C$346,3,0)-VLOOKUP(BP$1,városok!$A$2:$C$346,3,0))^2)/1000,0)</f>
        <v>106</v>
      </c>
      <c r="BQ252">
        <f ca="1">ROUND(SQRT((VLOOKUP($A252,városok!$A$2:$C$346,2,0)-VLOOKUP(BQ$1,városok!$A$2:$C$346,2,0))^2+(VLOOKUP($A252,városok!$A$2:$C$346,3,0)-VLOOKUP(BQ$1,városok!$A$2:$C$346,3,0))^2)/1000,0)</f>
        <v>111</v>
      </c>
      <c r="BR252">
        <f ca="1">ROUND(SQRT((VLOOKUP($A252,városok!$A$2:$C$346,2,0)-VLOOKUP(BR$1,városok!$A$2:$C$346,2,0))^2+(VLOOKUP($A252,városok!$A$2:$C$346,3,0)-VLOOKUP(BR$1,városok!$A$2:$C$346,3,0))^2)/1000,0)</f>
        <v>172</v>
      </c>
      <c r="BS252">
        <f ca="1">ROUND(SQRT((VLOOKUP($A252,városok!$A$2:$C$346,2,0)-VLOOKUP(BS$1,városok!$A$2:$C$346,2,0))^2+(VLOOKUP($A252,városok!$A$2:$C$346,3,0)-VLOOKUP(BS$1,városok!$A$2:$C$346,3,0))^2)/1000,0)</f>
        <v>211</v>
      </c>
      <c r="BT252">
        <f ca="1">ROUND(SQRT((VLOOKUP($A252,városok!$A$2:$C$346,2,0)-VLOOKUP(BT$1,városok!$A$2:$C$346,2,0))^2+(VLOOKUP($A252,városok!$A$2:$C$346,3,0)-VLOOKUP(BT$1,városok!$A$2:$C$346,3,0))^2)/1000,0)</f>
        <v>193</v>
      </c>
    </row>
    <row r="253" spans="1:72" x14ac:dyDescent="0.2">
      <c r="A253" t="str">
        <f>városok!A253</f>
        <v>Zsámbék</v>
      </c>
      <c r="B253">
        <f ca="1">ROUND(SQRT((VLOOKUP($A253,városok!$A$2:$C$346,2,0)-VLOOKUP(B$1,városok!$A$2:$C$346,2,0))^2+(VLOOKUP($A253,városok!$A$2:$C$346,3,0)-VLOOKUP(B$1,városok!$A$2:$C$346,3,0))^2)/1000,0)</f>
        <v>153</v>
      </c>
      <c r="C253">
        <f ca="1">ROUND(SQRT((VLOOKUP($A253,városok!$A$2:$C$346,2,0)-VLOOKUP(C$1,városok!$A$2:$C$346,2,0))^2+(VLOOKUP($A253,városok!$A$2:$C$346,3,0)-VLOOKUP(C$1,városok!$A$2:$C$346,3,0))^2)/1000,0)</f>
        <v>115</v>
      </c>
      <c r="D253">
        <f ca="1">ROUND(SQRT((VLOOKUP($A253,városok!$A$2:$C$346,2,0)-VLOOKUP(D$1,városok!$A$2:$C$346,2,0))^2+(VLOOKUP($A253,városok!$A$2:$C$346,3,0)-VLOOKUP(D$1,városok!$A$2:$C$346,3,0))^2)/1000,0)</f>
        <v>102</v>
      </c>
      <c r="E253">
        <f ca="1">ROUND(SQRT((VLOOKUP($A253,városok!$A$2:$C$346,2,0)-VLOOKUP(E$1,városok!$A$2:$C$346,2,0))^2+(VLOOKUP($A253,városok!$A$2:$C$346,3,0)-VLOOKUP(E$1,városok!$A$2:$C$346,3,0))^2)/1000,0)</f>
        <v>155</v>
      </c>
      <c r="F253">
        <f ca="1">ROUND(SQRT((VLOOKUP($A253,városok!$A$2:$C$346,2,0)-VLOOKUP(F$1,városok!$A$2:$C$346,2,0))^2+(VLOOKUP($A253,városok!$A$2:$C$346,3,0)-VLOOKUP(F$1,városok!$A$2:$C$346,3,0))^2)/1000,0)</f>
        <v>173</v>
      </c>
      <c r="G253">
        <f ca="1">ROUND(SQRT((VLOOKUP($A253,városok!$A$2:$C$346,2,0)-VLOOKUP(G$1,városok!$A$2:$C$346,2,0))^2+(VLOOKUP($A253,városok!$A$2:$C$346,3,0)-VLOOKUP(G$1,városok!$A$2:$C$346,3,0))^2)/1000,0)</f>
        <v>167</v>
      </c>
      <c r="H253">
        <f ca="1">ROUND(SQRT((VLOOKUP($A253,városok!$A$2:$C$346,2,0)-VLOOKUP(H$1,városok!$A$2:$C$346,2,0))^2+(VLOOKUP($A253,városok!$A$2:$C$346,3,0)-VLOOKUP(H$1,városok!$A$2:$C$346,3,0))^2)/1000,0)</f>
        <v>181</v>
      </c>
      <c r="I253">
        <f ca="1">ROUND(SQRT((VLOOKUP($A253,városok!$A$2:$C$346,2,0)-VLOOKUP(I$1,városok!$A$2:$C$346,2,0))^2+(VLOOKUP($A253,városok!$A$2:$C$346,3,0)-VLOOKUP(I$1,városok!$A$2:$C$346,3,0))^2)/1000,0)</f>
        <v>204</v>
      </c>
      <c r="J253">
        <f ca="1">ROUND(SQRT((VLOOKUP($A253,városok!$A$2:$C$346,2,0)-VLOOKUP(J$1,városok!$A$2:$C$346,2,0))^2+(VLOOKUP($A253,városok!$A$2:$C$346,3,0)-VLOOKUP(J$1,városok!$A$2:$C$346,3,0))^2)/1000,0)</f>
        <v>218</v>
      </c>
      <c r="K253">
        <f ca="1">ROUND(SQRT((VLOOKUP($A253,városok!$A$2:$C$346,2,0)-VLOOKUP(K$1,városok!$A$2:$C$346,2,0))^2+(VLOOKUP($A253,városok!$A$2:$C$346,3,0)-VLOOKUP(K$1,városok!$A$2:$C$346,3,0))^2)/1000,0)</f>
        <v>184</v>
      </c>
      <c r="L253">
        <f ca="1">ROUND(SQRT((VLOOKUP($A253,városok!$A$2:$C$346,2,0)-VLOOKUP(L$1,városok!$A$2:$C$346,2,0))^2+(VLOOKUP($A253,városok!$A$2:$C$346,3,0)-VLOOKUP(L$1,városok!$A$2:$C$346,3,0))^2)/1000,0)</f>
        <v>163</v>
      </c>
      <c r="M253">
        <f ca="1">ROUND(SQRT((VLOOKUP($A253,városok!$A$2:$C$346,2,0)-VLOOKUP(M$1,városok!$A$2:$C$346,2,0))^2+(VLOOKUP($A253,városok!$A$2:$C$346,3,0)-VLOOKUP(M$1,városok!$A$2:$C$346,3,0))^2)/1000,0)</f>
        <v>167</v>
      </c>
      <c r="N253">
        <f ca="1">ROUND(SQRT((VLOOKUP($A253,városok!$A$2:$C$346,2,0)-VLOOKUP(N$1,városok!$A$2:$C$346,2,0))^2+(VLOOKUP($A253,városok!$A$2:$C$346,3,0)-VLOOKUP(N$1,városok!$A$2:$C$346,3,0))^2)/1000,0)</f>
        <v>139</v>
      </c>
      <c r="O253">
        <f ca="1">ROUND(SQRT((VLOOKUP($A253,városok!$A$2:$C$346,2,0)-VLOOKUP(O$1,városok!$A$2:$C$346,2,0))^2+(VLOOKUP($A253,városok!$A$2:$C$346,3,0)-VLOOKUP(O$1,városok!$A$2:$C$346,3,0))^2)/1000,0)</f>
        <v>238</v>
      </c>
      <c r="P253">
        <f ca="1">ROUND(SQRT((VLOOKUP($A253,városok!$A$2:$C$346,2,0)-VLOOKUP(P$1,városok!$A$2:$C$346,2,0))^2+(VLOOKUP($A253,városok!$A$2:$C$346,3,0)-VLOOKUP(P$1,városok!$A$2:$C$346,3,0))^2)/1000,0)</f>
        <v>238</v>
      </c>
      <c r="Q253">
        <f ca="1">ROUND(SQRT((VLOOKUP($A253,városok!$A$2:$C$346,2,0)-VLOOKUP(Q$1,városok!$A$2:$C$346,2,0))^2+(VLOOKUP($A253,városok!$A$2:$C$346,3,0)-VLOOKUP(Q$1,városok!$A$2:$C$346,3,0))^2)/1000,0)</f>
        <v>175</v>
      </c>
      <c r="R253">
        <f ca="1">ROUND(SQRT((VLOOKUP($A253,városok!$A$2:$C$346,2,0)-VLOOKUP(R$1,városok!$A$2:$C$346,2,0))^2+(VLOOKUP($A253,városok!$A$2:$C$346,3,0)-VLOOKUP(R$1,városok!$A$2:$C$346,3,0))^2)/1000,0)</f>
        <v>199</v>
      </c>
      <c r="S253">
        <f ca="1">ROUND(SQRT((VLOOKUP($A253,városok!$A$2:$C$346,2,0)-VLOOKUP(S$1,városok!$A$2:$C$346,2,0))^2+(VLOOKUP($A253,városok!$A$2:$C$346,3,0)-VLOOKUP(S$1,városok!$A$2:$C$346,3,0))^2)/1000,0)</f>
        <v>181</v>
      </c>
      <c r="T253">
        <f ca="1">ROUND(SQRT((VLOOKUP($A253,városok!$A$2:$C$346,2,0)-VLOOKUP(T$1,városok!$A$2:$C$346,2,0))^2+(VLOOKUP($A253,városok!$A$2:$C$346,3,0)-VLOOKUP(T$1,városok!$A$2:$C$346,3,0))^2)/1000,0)</f>
        <v>9</v>
      </c>
      <c r="U253">
        <f ca="1">ROUND(SQRT((VLOOKUP($A253,városok!$A$2:$C$346,2,0)-VLOOKUP(U$1,városok!$A$2:$C$346,2,0))^2+(VLOOKUP($A253,városok!$A$2:$C$346,3,0)-VLOOKUP(U$1,városok!$A$2:$C$346,3,0))^2)/1000,0)</f>
        <v>67</v>
      </c>
      <c r="V253">
        <f ca="1">ROUND(SQRT((VLOOKUP($A253,városok!$A$2:$C$346,2,0)-VLOOKUP(V$1,városok!$A$2:$C$346,2,0))^2+(VLOOKUP($A253,városok!$A$2:$C$346,3,0)-VLOOKUP(V$1,városok!$A$2:$C$346,3,0))^2)/1000,0)</f>
        <v>63</v>
      </c>
      <c r="W253">
        <f ca="1">ROUND(SQRT((VLOOKUP($A253,városok!$A$2:$C$346,2,0)-VLOOKUP(W$1,városok!$A$2:$C$346,2,0))^2+(VLOOKUP($A253,városok!$A$2:$C$346,3,0)-VLOOKUP(W$1,városok!$A$2:$C$346,3,0))^2)/1000,0)</f>
        <v>74</v>
      </c>
      <c r="X253">
        <f ca="1">ROUND(SQRT((VLOOKUP($A253,városok!$A$2:$C$346,2,0)-VLOOKUP(X$1,városok!$A$2:$C$346,2,0))^2+(VLOOKUP($A253,városok!$A$2:$C$346,3,0)-VLOOKUP(X$1,városok!$A$2:$C$346,3,0))^2)/1000,0)</f>
        <v>41</v>
      </c>
      <c r="Y253">
        <f ca="1">ROUND(SQRT((VLOOKUP($A253,városok!$A$2:$C$346,2,0)-VLOOKUP(Y$1,városok!$A$2:$C$346,2,0))^2+(VLOOKUP($A253,városok!$A$2:$C$346,3,0)-VLOOKUP(Y$1,városok!$A$2:$C$346,3,0))^2)/1000,0)</f>
        <v>83</v>
      </c>
      <c r="Z253">
        <f ca="1">ROUND(SQRT((VLOOKUP($A253,városok!$A$2:$C$346,2,0)-VLOOKUP(Z$1,városok!$A$2:$C$346,2,0))^2+(VLOOKUP($A253,városok!$A$2:$C$346,3,0)-VLOOKUP(Z$1,városok!$A$2:$C$346,3,0))^2)/1000,0)</f>
        <v>102</v>
      </c>
      <c r="AA253">
        <f ca="1">ROUND(SQRT((VLOOKUP($A253,városok!$A$2:$C$346,2,0)-VLOOKUP(AA$1,városok!$A$2:$C$346,2,0))^2+(VLOOKUP($A253,városok!$A$2:$C$346,3,0)-VLOOKUP(AA$1,városok!$A$2:$C$346,3,0))^2)/1000,0)</f>
        <v>161</v>
      </c>
      <c r="AB253">
        <f ca="1">ROUND(SQRT((VLOOKUP($A253,városok!$A$2:$C$346,2,0)-VLOOKUP(AB$1,városok!$A$2:$C$346,2,0))^2+(VLOOKUP($A253,városok!$A$2:$C$346,3,0)-VLOOKUP(AB$1,városok!$A$2:$C$346,3,0))^2)/1000,0)</f>
        <v>219</v>
      </c>
      <c r="AC253">
        <f ca="1">ROUND(SQRT((VLOOKUP($A253,városok!$A$2:$C$346,2,0)-VLOOKUP(AC$1,városok!$A$2:$C$346,2,0))^2+(VLOOKUP($A253,városok!$A$2:$C$346,3,0)-VLOOKUP(AC$1,városok!$A$2:$C$346,3,0))^2)/1000,0)</f>
        <v>202</v>
      </c>
      <c r="AD253">
        <f ca="1">ROUND(SQRT((VLOOKUP($A253,városok!$A$2:$C$346,2,0)-VLOOKUP(AD$1,városok!$A$2:$C$346,2,0))^2+(VLOOKUP($A253,városok!$A$2:$C$346,3,0)-VLOOKUP(AD$1,városok!$A$2:$C$346,3,0))^2)/1000,0)</f>
        <v>184</v>
      </c>
      <c r="AE253">
        <f ca="1">ROUND(SQRT((VLOOKUP($A253,városok!$A$2:$C$346,2,0)-VLOOKUP(AE$1,városok!$A$2:$C$346,2,0))^2+(VLOOKUP($A253,városok!$A$2:$C$346,3,0)-VLOOKUP(AE$1,városok!$A$2:$C$346,3,0))^2)/1000,0)</f>
        <v>187</v>
      </c>
      <c r="AF253">
        <f ca="1">ROUND(SQRT((VLOOKUP($A253,városok!$A$2:$C$346,2,0)-VLOOKUP(AF$1,városok!$A$2:$C$346,2,0))^2+(VLOOKUP($A253,városok!$A$2:$C$346,3,0)-VLOOKUP(AF$1,városok!$A$2:$C$346,3,0))^2)/1000,0)</f>
        <v>130</v>
      </c>
      <c r="AG253">
        <f ca="1">ROUND(SQRT((VLOOKUP($A253,városok!$A$2:$C$346,2,0)-VLOOKUP(AG$1,városok!$A$2:$C$346,2,0))^2+(VLOOKUP($A253,városok!$A$2:$C$346,3,0)-VLOOKUP(AG$1,városok!$A$2:$C$346,3,0))^2)/1000,0)</f>
        <v>94</v>
      </c>
      <c r="AH253">
        <f ca="1">ROUND(SQRT((VLOOKUP($A253,városok!$A$2:$C$346,2,0)-VLOOKUP(AH$1,városok!$A$2:$C$346,2,0))^2+(VLOOKUP($A253,városok!$A$2:$C$346,3,0)-VLOOKUP(AH$1,városok!$A$2:$C$346,3,0))^2)/1000,0)</f>
        <v>73</v>
      </c>
      <c r="AI253">
        <f ca="1">ROUND(SQRT((VLOOKUP($A253,városok!$A$2:$C$346,2,0)-VLOOKUP(AI$1,városok!$A$2:$C$346,2,0))^2+(VLOOKUP($A253,városok!$A$2:$C$346,3,0)-VLOOKUP(AI$1,városok!$A$2:$C$346,3,0))^2)/1000,0)</f>
        <v>116</v>
      </c>
      <c r="AJ253">
        <f ca="1">ROUND(SQRT((VLOOKUP($A253,városok!$A$2:$C$346,2,0)-VLOOKUP(AJ$1,városok!$A$2:$C$346,2,0))^2+(VLOOKUP($A253,városok!$A$2:$C$346,3,0)-VLOOKUP(AJ$1,városok!$A$2:$C$346,3,0))^2)/1000,0)</f>
        <v>95</v>
      </c>
      <c r="AK253">
        <f ca="1">ROUND(SQRT((VLOOKUP($A253,városok!$A$2:$C$346,2,0)-VLOOKUP(AK$1,városok!$A$2:$C$346,2,0))^2+(VLOOKUP($A253,városok!$A$2:$C$346,3,0)-VLOOKUP(AK$1,városok!$A$2:$C$346,3,0))^2)/1000,0)</f>
        <v>173</v>
      </c>
      <c r="AL253">
        <f ca="1">ROUND(SQRT((VLOOKUP($A253,városok!$A$2:$C$346,2,0)-VLOOKUP(AL$1,városok!$A$2:$C$346,2,0))^2+(VLOOKUP($A253,városok!$A$2:$C$346,3,0)-VLOOKUP(AL$1,városok!$A$2:$C$346,3,0))^2)/1000,0)</f>
        <v>145</v>
      </c>
      <c r="AM253">
        <f ca="1">ROUND(SQRT((VLOOKUP($A253,városok!$A$2:$C$346,2,0)-VLOOKUP(AM$1,városok!$A$2:$C$346,2,0))^2+(VLOOKUP($A253,városok!$A$2:$C$346,3,0)-VLOOKUP(AM$1,városok!$A$2:$C$346,3,0))^2)/1000,0)</f>
        <v>118</v>
      </c>
      <c r="AN253">
        <f ca="1">ROUND(SQRT((VLOOKUP($A253,városok!$A$2:$C$346,2,0)-VLOOKUP(AN$1,városok!$A$2:$C$346,2,0))^2+(VLOOKUP($A253,városok!$A$2:$C$346,3,0)-VLOOKUP(AN$1,városok!$A$2:$C$346,3,0))^2)/1000,0)</f>
        <v>27</v>
      </c>
      <c r="AO253">
        <f ca="1">ROUND(SQRT((VLOOKUP($A253,városok!$A$2:$C$346,2,0)-VLOOKUP(AO$1,városok!$A$2:$C$346,2,0))^2+(VLOOKUP($A253,városok!$A$2:$C$346,3,0)-VLOOKUP(AO$1,városok!$A$2:$C$346,3,0))^2)/1000,0)</f>
        <v>50</v>
      </c>
      <c r="AP253">
        <f ca="1">ROUND(SQRT((VLOOKUP($A253,városok!$A$2:$C$346,2,0)-VLOOKUP(AP$1,városok!$A$2:$C$346,2,0))^2+(VLOOKUP($A253,városok!$A$2:$C$346,3,0)-VLOOKUP(AP$1,városok!$A$2:$C$346,3,0))^2)/1000,0)</f>
        <v>31</v>
      </c>
      <c r="AQ253">
        <f ca="1">ROUND(SQRT((VLOOKUP($A253,városok!$A$2:$C$346,2,0)-VLOOKUP(AQ$1,városok!$A$2:$C$346,2,0))^2+(VLOOKUP($A253,városok!$A$2:$C$346,3,0)-VLOOKUP(AQ$1,városok!$A$2:$C$346,3,0))^2)/1000,0)</f>
        <v>24</v>
      </c>
      <c r="AR253">
        <f ca="1">ROUND(SQRT((VLOOKUP($A253,városok!$A$2:$C$346,2,0)-VLOOKUP(AR$1,városok!$A$2:$C$346,2,0))^2+(VLOOKUP($A253,városok!$A$2:$C$346,3,0)-VLOOKUP(AR$1,városok!$A$2:$C$346,3,0))^2)/1000,0)</f>
        <v>84</v>
      </c>
      <c r="AS253">
        <f ca="1">ROUND(SQRT((VLOOKUP($A253,városok!$A$2:$C$346,2,0)-VLOOKUP(AS$1,városok!$A$2:$C$346,2,0))^2+(VLOOKUP($A253,városok!$A$2:$C$346,3,0)-VLOOKUP(AS$1,városok!$A$2:$C$346,3,0))^2)/1000,0)</f>
        <v>103</v>
      </c>
      <c r="AT253">
        <f ca="1">ROUND(SQRT((VLOOKUP($A253,városok!$A$2:$C$346,2,0)-VLOOKUP(AT$1,városok!$A$2:$C$346,2,0))^2+(VLOOKUP($A253,városok!$A$2:$C$346,3,0)-VLOOKUP(AT$1,városok!$A$2:$C$346,3,0))^2)/1000,0)</f>
        <v>11</v>
      </c>
      <c r="AU253">
        <f ca="1">ROUND(SQRT((VLOOKUP($A253,városok!$A$2:$C$346,2,0)-VLOOKUP(AU$1,városok!$A$2:$C$346,2,0))^2+(VLOOKUP($A253,városok!$A$2:$C$346,3,0)-VLOOKUP(AU$1,városok!$A$2:$C$346,3,0))^2)/1000,0)</f>
        <v>21</v>
      </c>
      <c r="AV253">
        <f ca="1">ROUND(SQRT((VLOOKUP($A253,városok!$A$2:$C$346,2,0)-VLOOKUP(AV$1,városok!$A$2:$C$346,2,0))^2+(VLOOKUP($A253,városok!$A$2:$C$346,3,0)-VLOOKUP(AV$1,városok!$A$2:$C$346,3,0))^2)/1000,0)</f>
        <v>23</v>
      </c>
      <c r="AW253">
        <f ca="1">ROUND(SQRT((VLOOKUP($A253,városok!$A$2:$C$346,2,0)-VLOOKUP(AW$1,városok!$A$2:$C$346,2,0))^2+(VLOOKUP($A253,városok!$A$2:$C$346,3,0)-VLOOKUP(AW$1,városok!$A$2:$C$346,3,0))^2)/1000,0)</f>
        <v>22</v>
      </c>
      <c r="AX253">
        <f ca="1">ROUND(SQRT((VLOOKUP($A253,városok!$A$2:$C$346,2,0)-VLOOKUP(AX$1,városok!$A$2:$C$346,2,0))^2+(VLOOKUP($A253,városok!$A$2:$C$346,3,0)-VLOOKUP(AX$1,városok!$A$2:$C$346,3,0))^2)/1000,0)</f>
        <v>99</v>
      </c>
      <c r="AY253">
        <f ca="1">ROUND(SQRT((VLOOKUP($A253,városok!$A$2:$C$346,2,0)-VLOOKUP(AY$1,városok!$A$2:$C$346,2,0))^2+(VLOOKUP($A253,városok!$A$2:$C$346,3,0)-VLOOKUP(AY$1,városok!$A$2:$C$346,3,0))^2)/1000,0)</f>
        <v>30</v>
      </c>
      <c r="AZ253">
        <f ca="1">ROUND(SQRT((VLOOKUP($A253,városok!$A$2:$C$346,2,0)-VLOOKUP(AZ$1,városok!$A$2:$C$346,2,0))^2+(VLOOKUP($A253,városok!$A$2:$C$346,3,0)-VLOOKUP(AZ$1,városok!$A$2:$C$346,3,0))^2)/1000,0)</f>
        <v>32</v>
      </c>
      <c r="BA253">
        <f ca="1">ROUND(SQRT((VLOOKUP($A253,városok!$A$2:$C$346,2,0)-VLOOKUP(BA$1,városok!$A$2:$C$346,2,0))^2+(VLOOKUP($A253,városok!$A$2:$C$346,3,0)-VLOOKUP(BA$1,városok!$A$2:$C$346,3,0))^2)/1000,0)</f>
        <v>115</v>
      </c>
      <c r="BB253">
        <f ca="1">ROUND(SQRT((VLOOKUP($A253,városok!$A$2:$C$346,2,0)-VLOOKUP(BB$1,városok!$A$2:$C$346,2,0))^2+(VLOOKUP($A253,városok!$A$2:$C$346,3,0)-VLOOKUP(BB$1,városok!$A$2:$C$346,3,0))^2)/1000,0)</f>
        <v>127</v>
      </c>
      <c r="BC253">
        <f ca="1">ROUND(SQRT((VLOOKUP($A253,városok!$A$2:$C$346,2,0)-VLOOKUP(BC$1,városok!$A$2:$C$346,2,0))^2+(VLOOKUP($A253,városok!$A$2:$C$346,3,0)-VLOOKUP(BC$1,városok!$A$2:$C$346,3,0))^2)/1000,0)</f>
        <v>150</v>
      </c>
      <c r="BD253">
        <f ca="1">ROUND(SQRT((VLOOKUP($A253,városok!$A$2:$C$346,2,0)-VLOOKUP(BD$1,városok!$A$2:$C$346,2,0))^2+(VLOOKUP($A253,városok!$A$2:$C$346,3,0)-VLOOKUP(BD$1,városok!$A$2:$C$346,3,0))^2)/1000,0)</f>
        <v>87</v>
      </c>
      <c r="BE253">
        <f ca="1">ROUND(SQRT((VLOOKUP($A253,városok!$A$2:$C$346,2,0)-VLOOKUP(BE$1,városok!$A$2:$C$346,2,0))^2+(VLOOKUP($A253,városok!$A$2:$C$346,3,0)-VLOOKUP(BE$1,városok!$A$2:$C$346,3,0))^2)/1000,0)</f>
        <v>298</v>
      </c>
      <c r="BF253">
        <f ca="1">ROUND(SQRT((VLOOKUP($A253,városok!$A$2:$C$346,2,0)-VLOOKUP(BF$1,városok!$A$2:$C$346,2,0))^2+(VLOOKUP($A253,városok!$A$2:$C$346,3,0)-VLOOKUP(BF$1,városok!$A$2:$C$346,3,0))^2)/1000,0)</f>
        <v>262</v>
      </c>
      <c r="BG253">
        <f ca="1">ROUND(SQRT((VLOOKUP($A253,városok!$A$2:$C$346,2,0)-VLOOKUP(BG$1,városok!$A$2:$C$346,2,0))^2+(VLOOKUP($A253,városok!$A$2:$C$346,3,0)-VLOOKUP(BG$1,városok!$A$2:$C$346,3,0))^2)/1000,0)</f>
        <v>215</v>
      </c>
      <c r="BH253">
        <f ca="1">ROUND(SQRT((VLOOKUP($A253,városok!$A$2:$C$346,2,0)-VLOOKUP(BH$1,városok!$A$2:$C$346,2,0))^2+(VLOOKUP($A253,városok!$A$2:$C$346,3,0)-VLOOKUP(BH$1,városok!$A$2:$C$346,3,0))^2)/1000,0)</f>
        <v>215</v>
      </c>
      <c r="BI253">
        <f ca="1">ROUND(SQRT((VLOOKUP($A253,városok!$A$2:$C$346,2,0)-VLOOKUP(BI$1,városok!$A$2:$C$346,2,0))^2+(VLOOKUP($A253,városok!$A$2:$C$346,3,0)-VLOOKUP(BI$1,városok!$A$2:$C$346,3,0))^2)/1000,0)</f>
        <v>128</v>
      </c>
      <c r="BJ253">
        <f ca="1">ROUND(SQRT((VLOOKUP($A253,városok!$A$2:$C$346,2,0)-VLOOKUP(BJ$1,városok!$A$2:$C$346,2,0))^2+(VLOOKUP($A253,városok!$A$2:$C$346,3,0)-VLOOKUP(BJ$1,városok!$A$2:$C$346,3,0))^2)/1000,0)</f>
        <v>142</v>
      </c>
      <c r="BK253">
        <f ca="1">ROUND(SQRT((VLOOKUP($A253,városok!$A$2:$C$346,2,0)-VLOOKUP(BK$1,városok!$A$2:$C$346,2,0))^2+(VLOOKUP($A253,városok!$A$2:$C$346,3,0)-VLOOKUP(BK$1,városok!$A$2:$C$346,3,0))^2)/1000,0)</f>
        <v>133</v>
      </c>
      <c r="BL253">
        <f ca="1">ROUND(SQRT((VLOOKUP($A253,városok!$A$2:$C$346,2,0)-VLOOKUP(BL$1,városok!$A$2:$C$346,2,0))^2+(VLOOKUP($A253,városok!$A$2:$C$346,3,0)-VLOOKUP(BL$1,városok!$A$2:$C$346,3,0))^2)/1000,0)</f>
        <v>171</v>
      </c>
      <c r="BM253">
        <f ca="1">ROUND(SQRT((VLOOKUP($A253,városok!$A$2:$C$346,2,0)-VLOOKUP(BM$1,városok!$A$2:$C$346,2,0))^2+(VLOOKUP($A253,városok!$A$2:$C$346,3,0)-VLOOKUP(BM$1,városok!$A$2:$C$346,3,0))^2)/1000,0)</f>
        <v>139</v>
      </c>
      <c r="BN253">
        <f ca="1">ROUND(SQRT((VLOOKUP($A253,városok!$A$2:$C$346,2,0)-VLOOKUP(BN$1,városok!$A$2:$C$346,2,0))^2+(VLOOKUP($A253,városok!$A$2:$C$346,3,0)-VLOOKUP(BN$1,városok!$A$2:$C$346,3,0))^2)/1000,0)</f>
        <v>162</v>
      </c>
      <c r="BO253">
        <f ca="1">ROUND(SQRT((VLOOKUP($A253,városok!$A$2:$C$346,2,0)-VLOOKUP(BO$1,városok!$A$2:$C$346,2,0))^2+(VLOOKUP($A253,városok!$A$2:$C$346,3,0)-VLOOKUP(BO$1,városok!$A$2:$C$346,3,0))^2)/1000,0)</f>
        <v>79</v>
      </c>
      <c r="BP253">
        <f ca="1">ROUND(SQRT((VLOOKUP($A253,városok!$A$2:$C$346,2,0)-VLOOKUP(BP$1,városok!$A$2:$C$346,2,0))^2+(VLOOKUP($A253,városok!$A$2:$C$346,3,0)-VLOOKUP(BP$1,városok!$A$2:$C$346,3,0))^2)/1000,0)</f>
        <v>73</v>
      </c>
      <c r="BQ253">
        <f ca="1">ROUND(SQRT((VLOOKUP($A253,városok!$A$2:$C$346,2,0)-VLOOKUP(BQ$1,városok!$A$2:$C$346,2,0))^2+(VLOOKUP($A253,városok!$A$2:$C$346,3,0)-VLOOKUP(BQ$1,városok!$A$2:$C$346,3,0))^2)/1000,0)</f>
        <v>79</v>
      </c>
      <c r="BR253">
        <f ca="1">ROUND(SQRT((VLOOKUP($A253,városok!$A$2:$C$346,2,0)-VLOOKUP(BR$1,városok!$A$2:$C$346,2,0))^2+(VLOOKUP($A253,városok!$A$2:$C$346,3,0)-VLOOKUP(BR$1,városok!$A$2:$C$346,3,0))^2)/1000,0)</f>
        <v>141</v>
      </c>
      <c r="BS253">
        <f ca="1">ROUND(SQRT((VLOOKUP($A253,városok!$A$2:$C$346,2,0)-VLOOKUP(BS$1,városok!$A$2:$C$346,2,0))^2+(VLOOKUP($A253,városok!$A$2:$C$346,3,0)-VLOOKUP(BS$1,városok!$A$2:$C$346,3,0))^2)/1000,0)</f>
        <v>179</v>
      </c>
      <c r="BT253">
        <f ca="1">ROUND(SQRT((VLOOKUP($A253,városok!$A$2:$C$346,2,0)-VLOOKUP(BT$1,városok!$A$2:$C$346,2,0))^2+(VLOOKUP($A253,városok!$A$2:$C$346,3,0)-VLOOKUP(BT$1,városok!$A$2:$C$346,3,0))^2)/1000,0)</f>
        <v>163</v>
      </c>
    </row>
    <row r="254" spans="1:72" x14ac:dyDescent="0.2">
      <c r="A254" t="str">
        <f>városok!A254</f>
        <v>Balatonboglár</v>
      </c>
      <c r="B254">
        <f ca="1">ROUND(SQRT((VLOOKUP($A254,városok!$A$2:$C$346,2,0)-VLOOKUP(B$1,városok!$A$2:$C$346,2,0))^2+(VLOOKUP($A254,városok!$A$2:$C$346,3,0)-VLOOKUP(B$1,városok!$A$2:$C$346,3,0))^2)/1000,0)</f>
        <v>119</v>
      </c>
      <c r="C254">
        <f ca="1">ROUND(SQRT((VLOOKUP($A254,városok!$A$2:$C$346,2,0)-VLOOKUP(C$1,városok!$A$2:$C$346,2,0))^2+(VLOOKUP($A254,városok!$A$2:$C$346,3,0)-VLOOKUP(C$1,városok!$A$2:$C$346,3,0))^2)/1000,0)</f>
        <v>104</v>
      </c>
      <c r="D254">
        <f ca="1">ROUND(SQRT((VLOOKUP($A254,városok!$A$2:$C$346,2,0)-VLOOKUP(D$1,városok!$A$2:$C$346,2,0))^2+(VLOOKUP($A254,városok!$A$2:$C$346,3,0)-VLOOKUP(D$1,városok!$A$2:$C$346,3,0))^2)/1000,0)</f>
        <v>155</v>
      </c>
      <c r="E254">
        <f ca="1">ROUND(SQRT((VLOOKUP($A254,városok!$A$2:$C$346,2,0)-VLOOKUP(E$1,városok!$A$2:$C$346,2,0))^2+(VLOOKUP($A254,városok!$A$2:$C$346,3,0)-VLOOKUP(E$1,városok!$A$2:$C$346,3,0))^2)/1000,0)</f>
        <v>80</v>
      </c>
      <c r="F254">
        <f ca="1">ROUND(SQRT((VLOOKUP($A254,városok!$A$2:$C$346,2,0)-VLOOKUP(F$1,városok!$A$2:$C$346,2,0))^2+(VLOOKUP($A254,városok!$A$2:$C$346,3,0)-VLOOKUP(F$1,városok!$A$2:$C$346,3,0))^2)/1000,0)</f>
        <v>117</v>
      </c>
      <c r="G254">
        <f ca="1">ROUND(SQRT((VLOOKUP($A254,városok!$A$2:$C$346,2,0)-VLOOKUP(G$1,városok!$A$2:$C$346,2,0))^2+(VLOOKUP($A254,városok!$A$2:$C$346,3,0)-VLOOKUP(G$1,városok!$A$2:$C$346,3,0))^2)/1000,0)</f>
        <v>89</v>
      </c>
      <c r="H254">
        <f ca="1">ROUND(SQRT((VLOOKUP($A254,városok!$A$2:$C$346,2,0)-VLOOKUP(H$1,városok!$A$2:$C$346,2,0))^2+(VLOOKUP($A254,városok!$A$2:$C$346,3,0)-VLOOKUP(H$1,városok!$A$2:$C$346,3,0))^2)/1000,0)</f>
        <v>81</v>
      </c>
      <c r="I254">
        <f ca="1">ROUND(SQRT((VLOOKUP($A254,városok!$A$2:$C$346,2,0)-VLOOKUP(I$1,városok!$A$2:$C$346,2,0))^2+(VLOOKUP($A254,városok!$A$2:$C$346,3,0)-VLOOKUP(I$1,városok!$A$2:$C$346,3,0))^2)/1000,0)</f>
        <v>262</v>
      </c>
      <c r="J254">
        <f ca="1">ROUND(SQRT((VLOOKUP($A254,városok!$A$2:$C$346,2,0)-VLOOKUP(J$1,városok!$A$2:$C$346,2,0))^2+(VLOOKUP($A254,városok!$A$2:$C$346,3,0)-VLOOKUP(J$1,városok!$A$2:$C$346,3,0))^2)/1000,0)</f>
        <v>277</v>
      </c>
      <c r="K254">
        <f ca="1">ROUND(SQRT((VLOOKUP($A254,városok!$A$2:$C$346,2,0)-VLOOKUP(K$1,városok!$A$2:$C$346,2,0))^2+(VLOOKUP($A254,városok!$A$2:$C$346,3,0)-VLOOKUP(K$1,városok!$A$2:$C$346,3,0))^2)/1000,0)</f>
        <v>231</v>
      </c>
      <c r="L254">
        <f ca="1">ROUND(SQRT((VLOOKUP($A254,városok!$A$2:$C$346,2,0)-VLOOKUP(L$1,városok!$A$2:$C$346,2,0))^2+(VLOOKUP($A254,városok!$A$2:$C$346,3,0)-VLOOKUP(L$1,városok!$A$2:$C$346,3,0))^2)/1000,0)</f>
        <v>278</v>
      </c>
      <c r="M254">
        <f ca="1">ROUND(SQRT((VLOOKUP($A254,városok!$A$2:$C$346,2,0)-VLOOKUP(M$1,városok!$A$2:$C$346,2,0))^2+(VLOOKUP($A254,városok!$A$2:$C$346,3,0)-VLOOKUP(M$1,városok!$A$2:$C$346,3,0))^2)/1000,0)</f>
        <v>279</v>
      </c>
      <c r="N254">
        <f ca="1">ROUND(SQRT((VLOOKUP($A254,városok!$A$2:$C$346,2,0)-VLOOKUP(N$1,városok!$A$2:$C$346,2,0))^2+(VLOOKUP($A254,városok!$A$2:$C$346,3,0)-VLOOKUP(N$1,városok!$A$2:$C$346,3,0))^2)/1000,0)</f>
        <v>255</v>
      </c>
      <c r="O254">
        <f ca="1">ROUND(SQRT((VLOOKUP($A254,városok!$A$2:$C$346,2,0)-VLOOKUP(O$1,városok!$A$2:$C$346,2,0))^2+(VLOOKUP($A254,városok!$A$2:$C$346,3,0)-VLOOKUP(O$1,városok!$A$2:$C$346,3,0))^2)/1000,0)</f>
        <v>350</v>
      </c>
      <c r="P254">
        <f ca="1">ROUND(SQRT((VLOOKUP($A254,városok!$A$2:$C$346,2,0)-VLOOKUP(P$1,városok!$A$2:$C$346,2,0))^2+(VLOOKUP($A254,városok!$A$2:$C$346,3,0)-VLOOKUP(P$1,városok!$A$2:$C$346,3,0))^2)/1000,0)</f>
        <v>350</v>
      </c>
      <c r="Q254">
        <f ca="1">ROUND(SQRT((VLOOKUP($A254,városok!$A$2:$C$346,2,0)-VLOOKUP(Q$1,városok!$A$2:$C$346,2,0))^2+(VLOOKUP($A254,városok!$A$2:$C$346,3,0)-VLOOKUP(Q$1,városok!$A$2:$C$346,3,0))^2)/1000,0)</f>
        <v>208</v>
      </c>
      <c r="R254">
        <f ca="1">ROUND(SQRT((VLOOKUP($A254,városok!$A$2:$C$346,2,0)-VLOOKUP(R$1,városok!$A$2:$C$346,2,0))^2+(VLOOKUP($A254,városok!$A$2:$C$346,3,0)-VLOOKUP(R$1,városok!$A$2:$C$346,3,0))^2)/1000,0)</f>
        <v>225</v>
      </c>
      <c r="S254">
        <f ca="1">ROUND(SQRT((VLOOKUP($A254,városok!$A$2:$C$346,2,0)-VLOOKUP(S$1,városok!$A$2:$C$346,2,0))^2+(VLOOKUP($A254,városok!$A$2:$C$346,3,0)-VLOOKUP(S$1,városok!$A$2:$C$346,3,0))^2)/1000,0)</f>
        <v>200</v>
      </c>
      <c r="T254">
        <f ca="1">ROUND(SQRT((VLOOKUP($A254,városok!$A$2:$C$346,2,0)-VLOOKUP(T$1,városok!$A$2:$C$346,2,0))^2+(VLOOKUP($A254,városok!$A$2:$C$346,3,0)-VLOOKUP(T$1,városok!$A$2:$C$346,3,0))^2)/1000,0)</f>
        <v>109</v>
      </c>
      <c r="U254">
        <f ca="1">ROUND(SQRT((VLOOKUP($A254,városok!$A$2:$C$346,2,0)-VLOOKUP(U$1,városok!$A$2:$C$346,2,0))^2+(VLOOKUP($A254,városok!$A$2:$C$346,3,0)-VLOOKUP(U$1,városok!$A$2:$C$346,3,0))^2)/1000,0)</f>
        <v>99</v>
      </c>
      <c r="V254">
        <f ca="1">ROUND(SQRT((VLOOKUP($A254,városok!$A$2:$C$346,2,0)-VLOOKUP(V$1,városok!$A$2:$C$346,2,0))^2+(VLOOKUP($A254,városok!$A$2:$C$346,3,0)-VLOOKUP(V$1,városok!$A$2:$C$346,3,0))^2)/1000,0)</f>
        <v>58</v>
      </c>
      <c r="W254">
        <f ca="1">ROUND(SQRT((VLOOKUP($A254,városok!$A$2:$C$346,2,0)-VLOOKUP(W$1,városok!$A$2:$C$346,2,0))^2+(VLOOKUP($A254,városok!$A$2:$C$346,3,0)-VLOOKUP(W$1,városok!$A$2:$C$346,3,0))^2)/1000,0)</f>
        <v>74</v>
      </c>
      <c r="X254">
        <f ca="1">ROUND(SQRT((VLOOKUP($A254,városok!$A$2:$C$346,2,0)-VLOOKUP(X$1,városok!$A$2:$C$346,2,0))^2+(VLOOKUP($A254,városok!$A$2:$C$346,3,0)-VLOOKUP(X$1,városok!$A$2:$C$346,3,0))^2)/1000,0)</f>
        <v>77</v>
      </c>
      <c r="Y254">
        <f ca="1">ROUND(SQRT((VLOOKUP($A254,városok!$A$2:$C$346,2,0)-VLOOKUP(Y$1,városok!$A$2:$C$346,2,0))^2+(VLOOKUP($A254,városok!$A$2:$C$346,3,0)-VLOOKUP(Y$1,városok!$A$2:$C$346,3,0))^2)/1000,0)</f>
        <v>102</v>
      </c>
      <c r="Z254">
        <f ca="1">ROUND(SQRT((VLOOKUP($A254,városok!$A$2:$C$346,2,0)-VLOOKUP(Z$1,városok!$A$2:$C$346,2,0))^2+(VLOOKUP($A254,városok!$A$2:$C$346,3,0)-VLOOKUP(Z$1,városok!$A$2:$C$346,3,0))^2)/1000,0)</f>
        <v>109</v>
      </c>
      <c r="AA254">
        <f ca="1">ROUND(SQRT((VLOOKUP($A254,városok!$A$2:$C$346,2,0)-VLOOKUP(AA$1,városok!$A$2:$C$346,2,0))^2+(VLOOKUP($A254,városok!$A$2:$C$346,3,0)-VLOOKUP(AA$1,városok!$A$2:$C$346,3,0))^2)/1000,0)</f>
        <v>130</v>
      </c>
      <c r="AB254">
        <f ca="1">ROUND(SQRT((VLOOKUP($A254,városok!$A$2:$C$346,2,0)-VLOOKUP(AB$1,városok!$A$2:$C$346,2,0))^2+(VLOOKUP($A254,városok!$A$2:$C$346,3,0)-VLOOKUP(AB$1,városok!$A$2:$C$346,3,0))^2)/1000,0)</f>
        <v>313</v>
      </c>
      <c r="AC254">
        <f ca="1">ROUND(SQRT((VLOOKUP($A254,városok!$A$2:$C$346,2,0)-VLOOKUP(AC$1,városok!$A$2:$C$346,2,0))^2+(VLOOKUP($A254,városok!$A$2:$C$346,3,0)-VLOOKUP(AC$1,városok!$A$2:$C$346,3,0))^2)/1000,0)</f>
        <v>293</v>
      </c>
      <c r="AD254">
        <f ca="1">ROUND(SQRT((VLOOKUP($A254,városok!$A$2:$C$346,2,0)-VLOOKUP(AD$1,városok!$A$2:$C$346,2,0))^2+(VLOOKUP($A254,városok!$A$2:$C$346,3,0)-VLOOKUP(AD$1,városok!$A$2:$C$346,3,0))^2)/1000,0)</f>
        <v>275</v>
      </c>
      <c r="AE254">
        <f ca="1">ROUND(SQRT((VLOOKUP($A254,városok!$A$2:$C$346,2,0)-VLOOKUP(AE$1,városok!$A$2:$C$346,2,0))^2+(VLOOKUP($A254,városok!$A$2:$C$346,3,0)-VLOOKUP(AE$1,városok!$A$2:$C$346,3,0))^2)/1000,0)</f>
        <v>273</v>
      </c>
      <c r="AF254">
        <f ca="1">ROUND(SQRT((VLOOKUP($A254,városok!$A$2:$C$346,2,0)-VLOOKUP(AF$1,városok!$A$2:$C$346,2,0))^2+(VLOOKUP($A254,városok!$A$2:$C$346,3,0)-VLOOKUP(AF$1,városok!$A$2:$C$346,3,0))^2)/1000,0)</f>
        <v>240</v>
      </c>
      <c r="AG254">
        <f ca="1">ROUND(SQRT((VLOOKUP($A254,városok!$A$2:$C$346,2,0)-VLOOKUP(AG$1,városok!$A$2:$C$346,2,0))^2+(VLOOKUP($A254,városok!$A$2:$C$346,3,0)-VLOOKUP(AG$1,városok!$A$2:$C$346,3,0))^2)/1000,0)</f>
        <v>205</v>
      </c>
      <c r="AH254">
        <f ca="1">ROUND(SQRT((VLOOKUP($A254,városok!$A$2:$C$346,2,0)-VLOOKUP(AH$1,városok!$A$2:$C$346,2,0))^2+(VLOOKUP($A254,városok!$A$2:$C$346,3,0)-VLOOKUP(AH$1,városok!$A$2:$C$346,3,0))^2)/1000,0)</f>
        <v>182</v>
      </c>
      <c r="AI254">
        <f ca="1">ROUND(SQRT((VLOOKUP($A254,városok!$A$2:$C$346,2,0)-VLOOKUP(AI$1,városok!$A$2:$C$346,2,0))^2+(VLOOKUP($A254,városok!$A$2:$C$346,3,0)-VLOOKUP(AI$1,városok!$A$2:$C$346,3,0))^2)/1000,0)</f>
        <v>230</v>
      </c>
      <c r="AJ254">
        <f ca="1">ROUND(SQRT((VLOOKUP($A254,városok!$A$2:$C$346,2,0)-VLOOKUP(AJ$1,városok!$A$2:$C$346,2,0))^2+(VLOOKUP($A254,városok!$A$2:$C$346,3,0)-VLOOKUP(AJ$1,városok!$A$2:$C$346,3,0))^2)/1000,0)</f>
        <v>200</v>
      </c>
      <c r="AK254">
        <f ca="1">ROUND(SQRT((VLOOKUP($A254,városok!$A$2:$C$346,2,0)-VLOOKUP(AK$1,városok!$A$2:$C$346,2,0))^2+(VLOOKUP($A254,városok!$A$2:$C$346,3,0)-VLOOKUP(AK$1,városok!$A$2:$C$346,3,0))^2)/1000,0)</f>
        <v>258</v>
      </c>
      <c r="AL254">
        <f ca="1">ROUND(SQRT((VLOOKUP($A254,városok!$A$2:$C$346,2,0)-VLOOKUP(AL$1,városok!$A$2:$C$346,2,0))^2+(VLOOKUP($A254,városok!$A$2:$C$346,3,0)-VLOOKUP(AL$1,városok!$A$2:$C$346,3,0))^2)/1000,0)</f>
        <v>235</v>
      </c>
      <c r="AM254">
        <f ca="1">ROUND(SQRT((VLOOKUP($A254,városok!$A$2:$C$346,2,0)-VLOOKUP(AM$1,városok!$A$2:$C$346,2,0))^2+(VLOOKUP($A254,városok!$A$2:$C$346,3,0)-VLOOKUP(AM$1,városok!$A$2:$C$346,3,0))^2)/1000,0)</f>
        <v>197</v>
      </c>
      <c r="AN254">
        <f ca="1">ROUND(SQRT((VLOOKUP($A254,városok!$A$2:$C$346,2,0)-VLOOKUP(AN$1,városok!$A$2:$C$346,2,0))^2+(VLOOKUP($A254,városok!$A$2:$C$346,3,0)-VLOOKUP(AN$1,városok!$A$2:$C$346,3,0))^2)/1000,0)</f>
        <v>140</v>
      </c>
      <c r="AO254">
        <f ca="1">ROUND(SQRT((VLOOKUP($A254,városok!$A$2:$C$346,2,0)-VLOOKUP(AO$1,városok!$A$2:$C$346,2,0))^2+(VLOOKUP($A254,városok!$A$2:$C$346,3,0)-VLOOKUP(AO$1,városok!$A$2:$C$346,3,0))^2)/1000,0)</f>
        <v>113</v>
      </c>
      <c r="AP254">
        <f ca="1">ROUND(SQRT((VLOOKUP($A254,városok!$A$2:$C$346,2,0)-VLOOKUP(AP$1,városok!$A$2:$C$346,2,0))^2+(VLOOKUP($A254,városok!$A$2:$C$346,3,0)-VLOOKUP(AP$1,városok!$A$2:$C$346,3,0))^2)/1000,0)</f>
        <v>109</v>
      </c>
      <c r="AQ254">
        <f ca="1">ROUND(SQRT((VLOOKUP($A254,városok!$A$2:$C$346,2,0)-VLOOKUP(AQ$1,városok!$A$2:$C$346,2,0))^2+(VLOOKUP($A254,városok!$A$2:$C$346,3,0)-VLOOKUP(AQ$1,városok!$A$2:$C$346,3,0))^2)/1000,0)</f>
        <v>105</v>
      </c>
      <c r="AR254">
        <f ca="1">ROUND(SQRT((VLOOKUP($A254,városok!$A$2:$C$346,2,0)-VLOOKUP(AR$1,városok!$A$2:$C$346,2,0))^2+(VLOOKUP($A254,városok!$A$2:$C$346,3,0)-VLOOKUP(AR$1,városok!$A$2:$C$346,3,0))^2)/1000,0)</f>
        <v>200</v>
      </c>
      <c r="AS254">
        <f ca="1">ROUND(SQRT((VLOOKUP($A254,városok!$A$2:$C$346,2,0)-VLOOKUP(AS$1,városok!$A$2:$C$346,2,0))^2+(VLOOKUP($A254,városok!$A$2:$C$346,3,0)-VLOOKUP(AS$1,városok!$A$2:$C$346,3,0))^2)/1000,0)</f>
        <v>220</v>
      </c>
      <c r="AT254">
        <f ca="1">ROUND(SQRT((VLOOKUP($A254,városok!$A$2:$C$346,2,0)-VLOOKUP(AT$1,városok!$A$2:$C$346,2,0))^2+(VLOOKUP($A254,városok!$A$2:$C$346,3,0)-VLOOKUP(AT$1,városok!$A$2:$C$346,3,0))^2)/1000,0)</f>
        <v>117</v>
      </c>
      <c r="AU254">
        <f ca="1">ROUND(SQRT((VLOOKUP($A254,városok!$A$2:$C$346,2,0)-VLOOKUP(AU$1,városok!$A$2:$C$346,2,0))^2+(VLOOKUP($A254,városok!$A$2:$C$346,3,0)-VLOOKUP(AU$1,városok!$A$2:$C$346,3,0))^2)/1000,0)</f>
        <v>125</v>
      </c>
      <c r="AV254">
        <f ca="1">ROUND(SQRT((VLOOKUP($A254,városok!$A$2:$C$346,2,0)-VLOOKUP(AV$1,városok!$A$2:$C$346,2,0))^2+(VLOOKUP($A254,városok!$A$2:$C$346,3,0)-VLOOKUP(AV$1,városok!$A$2:$C$346,3,0))^2)/1000,0)</f>
        <v>121</v>
      </c>
      <c r="AW254">
        <f ca="1">ROUND(SQRT((VLOOKUP($A254,városok!$A$2:$C$346,2,0)-VLOOKUP(AW$1,városok!$A$2:$C$346,2,0))^2+(VLOOKUP($A254,városok!$A$2:$C$346,3,0)-VLOOKUP(AW$1,városok!$A$2:$C$346,3,0))^2)/1000,0)</f>
        <v>117</v>
      </c>
      <c r="AX254">
        <f ca="1">ROUND(SQRT((VLOOKUP($A254,városok!$A$2:$C$346,2,0)-VLOOKUP(AX$1,városok!$A$2:$C$346,2,0))^2+(VLOOKUP($A254,városok!$A$2:$C$346,3,0)-VLOOKUP(AX$1,városok!$A$2:$C$346,3,0))^2)/1000,0)</f>
        <v>164</v>
      </c>
      <c r="AY254">
        <f ca="1">ROUND(SQRT((VLOOKUP($A254,városok!$A$2:$C$346,2,0)-VLOOKUP(AY$1,városok!$A$2:$C$346,2,0))^2+(VLOOKUP($A254,városok!$A$2:$C$346,3,0)-VLOOKUP(AY$1,városok!$A$2:$C$346,3,0))^2)/1000,0)</f>
        <v>147</v>
      </c>
      <c r="AZ254">
        <f ca="1">ROUND(SQRT((VLOOKUP($A254,városok!$A$2:$C$346,2,0)-VLOOKUP(AZ$1,városok!$A$2:$C$346,2,0))^2+(VLOOKUP($A254,városok!$A$2:$C$346,3,0)-VLOOKUP(AZ$1,városok!$A$2:$C$346,3,0))^2)/1000,0)</f>
        <v>150</v>
      </c>
      <c r="BA254">
        <f ca="1">ROUND(SQRT((VLOOKUP($A254,városok!$A$2:$C$346,2,0)-VLOOKUP(BA$1,városok!$A$2:$C$346,2,0))^2+(VLOOKUP($A254,városok!$A$2:$C$346,3,0)-VLOOKUP(BA$1,városok!$A$2:$C$346,3,0))^2)/1000,0)</f>
        <v>3</v>
      </c>
      <c r="BB254">
        <f ca="1">ROUND(SQRT((VLOOKUP($A254,városok!$A$2:$C$346,2,0)-VLOOKUP(BB$1,városok!$A$2:$C$346,2,0))^2+(VLOOKUP($A254,városok!$A$2:$C$346,3,0)-VLOOKUP(BB$1,városok!$A$2:$C$346,3,0))^2)/1000,0)</f>
        <v>34</v>
      </c>
      <c r="BC254">
        <f ca="1">ROUND(SQRT((VLOOKUP($A254,városok!$A$2:$C$346,2,0)-VLOOKUP(BC$1,városok!$A$2:$C$346,2,0))^2+(VLOOKUP($A254,városok!$A$2:$C$346,3,0)-VLOOKUP(BC$1,városok!$A$2:$C$346,3,0))^2)/1000,0)</f>
        <v>47</v>
      </c>
      <c r="BD254">
        <f ca="1">ROUND(SQRT((VLOOKUP($A254,városok!$A$2:$C$346,2,0)-VLOOKUP(BD$1,városok!$A$2:$C$346,2,0))^2+(VLOOKUP($A254,városok!$A$2:$C$346,3,0)-VLOOKUP(BD$1,városok!$A$2:$C$346,3,0))^2)/1000,0)</f>
        <v>34</v>
      </c>
      <c r="BE254">
        <f ca="1">ROUND(SQRT((VLOOKUP($A254,városok!$A$2:$C$346,2,0)-VLOOKUP(BE$1,városok!$A$2:$C$346,2,0))^2+(VLOOKUP($A254,városok!$A$2:$C$346,3,0)-VLOOKUP(BE$1,városok!$A$2:$C$346,3,0))^2)/1000,0)</f>
        <v>397</v>
      </c>
      <c r="BF254">
        <f ca="1">ROUND(SQRT((VLOOKUP($A254,városok!$A$2:$C$346,2,0)-VLOOKUP(BF$1,városok!$A$2:$C$346,2,0))^2+(VLOOKUP($A254,városok!$A$2:$C$346,3,0)-VLOOKUP(BF$1,városok!$A$2:$C$346,3,0))^2)/1000,0)</f>
        <v>369</v>
      </c>
      <c r="BG254">
        <f ca="1">ROUND(SQRT((VLOOKUP($A254,városok!$A$2:$C$346,2,0)-VLOOKUP(BG$1,városok!$A$2:$C$346,2,0))^2+(VLOOKUP($A254,városok!$A$2:$C$346,3,0)-VLOOKUP(BG$1,városok!$A$2:$C$346,3,0))^2)/1000,0)</f>
        <v>324</v>
      </c>
      <c r="BH254">
        <f ca="1">ROUND(SQRT((VLOOKUP($A254,városok!$A$2:$C$346,2,0)-VLOOKUP(BH$1,városok!$A$2:$C$346,2,0))^2+(VLOOKUP($A254,városok!$A$2:$C$346,3,0)-VLOOKUP(BH$1,városok!$A$2:$C$346,3,0))^2)/1000,0)</f>
        <v>324</v>
      </c>
      <c r="BI254">
        <f ca="1">ROUND(SQRT((VLOOKUP($A254,városok!$A$2:$C$346,2,0)-VLOOKUP(BI$1,városok!$A$2:$C$346,2,0))^2+(VLOOKUP($A254,városok!$A$2:$C$346,3,0)-VLOOKUP(BI$1,városok!$A$2:$C$346,3,0))^2)/1000,0)</f>
        <v>85</v>
      </c>
      <c r="BJ254">
        <f ca="1">ROUND(SQRT((VLOOKUP($A254,városok!$A$2:$C$346,2,0)-VLOOKUP(BJ$1,városok!$A$2:$C$346,2,0))^2+(VLOOKUP($A254,városok!$A$2:$C$346,3,0)-VLOOKUP(BJ$1,városok!$A$2:$C$346,3,0))^2)/1000,0)</f>
        <v>82</v>
      </c>
      <c r="BK254">
        <f ca="1">ROUND(SQRT((VLOOKUP($A254,városok!$A$2:$C$346,2,0)-VLOOKUP(BK$1,városok!$A$2:$C$346,2,0))^2+(VLOOKUP($A254,városok!$A$2:$C$346,3,0)-VLOOKUP(BK$1,városok!$A$2:$C$346,3,0))^2)/1000,0)</f>
        <v>93</v>
      </c>
      <c r="BL254">
        <f ca="1">ROUND(SQRT((VLOOKUP($A254,városok!$A$2:$C$346,2,0)-VLOOKUP(BL$1,városok!$A$2:$C$346,2,0))^2+(VLOOKUP($A254,városok!$A$2:$C$346,3,0)-VLOOKUP(BL$1,városok!$A$2:$C$346,3,0))^2)/1000,0)</f>
        <v>85</v>
      </c>
      <c r="BM254">
        <f ca="1">ROUND(SQRT((VLOOKUP($A254,városok!$A$2:$C$346,2,0)-VLOOKUP(BM$1,városok!$A$2:$C$346,2,0))^2+(VLOOKUP($A254,városok!$A$2:$C$346,3,0)-VLOOKUP(BM$1,városok!$A$2:$C$346,3,0))^2)/1000,0)</f>
        <v>77</v>
      </c>
      <c r="BN254">
        <f ca="1">ROUND(SQRT((VLOOKUP($A254,városok!$A$2:$C$346,2,0)-VLOOKUP(BN$1,városok!$A$2:$C$346,2,0))^2+(VLOOKUP($A254,városok!$A$2:$C$346,3,0)-VLOOKUP(BN$1,városok!$A$2:$C$346,3,0))^2)/1000,0)</f>
        <v>94</v>
      </c>
      <c r="BO254">
        <f ca="1">ROUND(SQRT((VLOOKUP($A254,városok!$A$2:$C$346,2,0)-VLOOKUP(BO$1,városok!$A$2:$C$346,2,0))^2+(VLOOKUP($A254,városok!$A$2:$C$346,3,0)-VLOOKUP(BO$1,városok!$A$2:$C$346,3,0))^2)/1000,0)</f>
        <v>39</v>
      </c>
      <c r="BP254">
        <f ca="1">ROUND(SQRT((VLOOKUP($A254,városok!$A$2:$C$346,2,0)-VLOOKUP(BP$1,városok!$A$2:$C$346,2,0))^2+(VLOOKUP($A254,városok!$A$2:$C$346,3,0)-VLOOKUP(BP$1,városok!$A$2:$C$346,3,0))^2)/1000,0)</f>
        <v>45</v>
      </c>
      <c r="BQ254">
        <f ca="1">ROUND(SQRT((VLOOKUP($A254,városok!$A$2:$C$346,2,0)-VLOOKUP(BQ$1,városok!$A$2:$C$346,2,0))^2+(VLOOKUP($A254,városok!$A$2:$C$346,3,0)-VLOOKUP(BQ$1,városok!$A$2:$C$346,3,0))^2)/1000,0)</f>
        <v>40</v>
      </c>
      <c r="BR254">
        <f ca="1">ROUND(SQRT((VLOOKUP($A254,városok!$A$2:$C$346,2,0)-VLOOKUP(BR$1,városok!$A$2:$C$346,2,0))^2+(VLOOKUP($A254,városok!$A$2:$C$346,3,0)-VLOOKUP(BR$1,városok!$A$2:$C$346,3,0))^2)/1000,0)</f>
        <v>31</v>
      </c>
      <c r="BS254">
        <f ca="1">ROUND(SQRT((VLOOKUP($A254,városok!$A$2:$C$346,2,0)-VLOOKUP(BS$1,városok!$A$2:$C$346,2,0))^2+(VLOOKUP($A254,városok!$A$2:$C$346,3,0)-VLOOKUP(BS$1,városok!$A$2:$C$346,3,0))^2)/1000,0)</f>
        <v>63</v>
      </c>
      <c r="BT254">
        <f ca="1">ROUND(SQRT((VLOOKUP($A254,városok!$A$2:$C$346,2,0)-VLOOKUP(BT$1,városok!$A$2:$C$346,2,0))^2+(VLOOKUP($A254,városok!$A$2:$C$346,3,0)-VLOOKUP(BT$1,városok!$A$2:$C$346,3,0))^2)/1000,0)</f>
        <v>63</v>
      </c>
    </row>
    <row r="255" spans="1:72" x14ac:dyDescent="0.2">
      <c r="A255" t="str">
        <f>városok!A255</f>
        <v>Balatonföldvár</v>
      </c>
      <c r="B255">
        <f ca="1">ROUND(SQRT((VLOOKUP($A255,városok!$A$2:$C$346,2,0)-VLOOKUP(B$1,városok!$A$2:$C$346,2,0))^2+(VLOOKUP($A255,városok!$A$2:$C$346,3,0)-VLOOKUP(B$1,városok!$A$2:$C$346,3,0))^2)/1000,0)</f>
        <v>111</v>
      </c>
      <c r="C255">
        <f ca="1">ROUND(SQRT((VLOOKUP($A255,városok!$A$2:$C$346,2,0)-VLOOKUP(C$1,városok!$A$2:$C$346,2,0))^2+(VLOOKUP($A255,városok!$A$2:$C$346,3,0)-VLOOKUP(C$1,városok!$A$2:$C$346,3,0))^2)/1000,0)</f>
        <v>91</v>
      </c>
      <c r="D255">
        <f ca="1">ROUND(SQRT((VLOOKUP($A255,városok!$A$2:$C$346,2,0)-VLOOKUP(D$1,városok!$A$2:$C$346,2,0))^2+(VLOOKUP($A255,városok!$A$2:$C$346,3,0)-VLOOKUP(D$1,városok!$A$2:$C$346,3,0))^2)/1000,0)</f>
        <v>138</v>
      </c>
      <c r="E255">
        <f ca="1">ROUND(SQRT((VLOOKUP($A255,városok!$A$2:$C$346,2,0)-VLOOKUP(E$1,városok!$A$2:$C$346,2,0))^2+(VLOOKUP($A255,városok!$A$2:$C$346,3,0)-VLOOKUP(E$1,városok!$A$2:$C$346,3,0))^2)/1000,0)</f>
        <v>79</v>
      </c>
      <c r="F255">
        <f ca="1">ROUND(SQRT((VLOOKUP($A255,városok!$A$2:$C$346,2,0)-VLOOKUP(F$1,városok!$A$2:$C$346,2,0))^2+(VLOOKUP($A255,városok!$A$2:$C$346,3,0)-VLOOKUP(F$1,városok!$A$2:$C$346,3,0))^2)/1000,0)</f>
        <v>114</v>
      </c>
      <c r="G255">
        <f ca="1">ROUND(SQRT((VLOOKUP($A255,városok!$A$2:$C$346,2,0)-VLOOKUP(G$1,városok!$A$2:$C$346,2,0))^2+(VLOOKUP($A255,városok!$A$2:$C$346,3,0)-VLOOKUP(G$1,városok!$A$2:$C$346,3,0))^2)/1000,0)</f>
        <v>90</v>
      </c>
      <c r="H255">
        <f ca="1">ROUND(SQRT((VLOOKUP($A255,városok!$A$2:$C$346,2,0)-VLOOKUP(H$1,városok!$A$2:$C$346,2,0))^2+(VLOOKUP($A255,városok!$A$2:$C$346,3,0)-VLOOKUP(H$1,városok!$A$2:$C$346,3,0))^2)/1000,0)</f>
        <v>90</v>
      </c>
      <c r="I255">
        <f ca="1">ROUND(SQRT((VLOOKUP($A255,városok!$A$2:$C$346,2,0)-VLOOKUP(I$1,városok!$A$2:$C$346,2,0))^2+(VLOOKUP($A255,városok!$A$2:$C$346,3,0)-VLOOKUP(I$1,városok!$A$2:$C$346,3,0))^2)/1000,0)</f>
        <v>245</v>
      </c>
      <c r="J255">
        <f ca="1">ROUND(SQRT((VLOOKUP($A255,városok!$A$2:$C$346,2,0)-VLOOKUP(J$1,városok!$A$2:$C$346,2,0))^2+(VLOOKUP($A255,városok!$A$2:$C$346,3,0)-VLOOKUP(J$1,városok!$A$2:$C$346,3,0))^2)/1000,0)</f>
        <v>260</v>
      </c>
      <c r="K255">
        <f ca="1">ROUND(SQRT((VLOOKUP($A255,városok!$A$2:$C$346,2,0)-VLOOKUP(K$1,városok!$A$2:$C$346,2,0))^2+(VLOOKUP($A255,városok!$A$2:$C$346,3,0)-VLOOKUP(K$1,városok!$A$2:$C$346,3,0))^2)/1000,0)</f>
        <v>215</v>
      </c>
      <c r="L255">
        <f ca="1">ROUND(SQRT((VLOOKUP($A255,városok!$A$2:$C$346,2,0)-VLOOKUP(L$1,városok!$A$2:$C$346,2,0))^2+(VLOOKUP($A255,városok!$A$2:$C$346,3,0)-VLOOKUP(L$1,városok!$A$2:$C$346,3,0))^2)/1000,0)</f>
        <v>259</v>
      </c>
      <c r="M255">
        <f ca="1">ROUND(SQRT((VLOOKUP($A255,városok!$A$2:$C$346,2,0)-VLOOKUP(M$1,városok!$A$2:$C$346,2,0))^2+(VLOOKUP($A255,városok!$A$2:$C$346,3,0)-VLOOKUP(M$1,városok!$A$2:$C$346,3,0))^2)/1000,0)</f>
        <v>260</v>
      </c>
      <c r="N255">
        <f ca="1">ROUND(SQRT((VLOOKUP($A255,városok!$A$2:$C$346,2,0)-VLOOKUP(N$1,városok!$A$2:$C$346,2,0))^2+(VLOOKUP($A255,városok!$A$2:$C$346,3,0)-VLOOKUP(N$1,városok!$A$2:$C$346,3,0))^2)/1000,0)</f>
        <v>237</v>
      </c>
      <c r="O255">
        <f ca="1">ROUND(SQRT((VLOOKUP($A255,városok!$A$2:$C$346,2,0)-VLOOKUP(O$1,városok!$A$2:$C$346,2,0))^2+(VLOOKUP($A255,városok!$A$2:$C$346,3,0)-VLOOKUP(O$1,városok!$A$2:$C$346,3,0))^2)/1000,0)</f>
        <v>331</v>
      </c>
      <c r="P255">
        <f ca="1">ROUND(SQRT((VLOOKUP($A255,városok!$A$2:$C$346,2,0)-VLOOKUP(P$1,városok!$A$2:$C$346,2,0))^2+(VLOOKUP($A255,városok!$A$2:$C$346,3,0)-VLOOKUP(P$1,városok!$A$2:$C$346,3,0))^2)/1000,0)</f>
        <v>331</v>
      </c>
      <c r="Q255">
        <f ca="1">ROUND(SQRT((VLOOKUP($A255,városok!$A$2:$C$346,2,0)-VLOOKUP(Q$1,városok!$A$2:$C$346,2,0))^2+(VLOOKUP($A255,városok!$A$2:$C$346,3,0)-VLOOKUP(Q$1,városok!$A$2:$C$346,3,0))^2)/1000,0)</f>
        <v>193</v>
      </c>
      <c r="R255">
        <f ca="1">ROUND(SQRT((VLOOKUP($A255,városok!$A$2:$C$346,2,0)-VLOOKUP(R$1,városok!$A$2:$C$346,2,0))^2+(VLOOKUP($A255,városok!$A$2:$C$346,3,0)-VLOOKUP(R$1,városok!$A$2:$C$346,3,0))^2)/1000,0)</f>
        <v>211</v>
      </c>
      <c r="S255">
        <f ca="1">ROUND(SQRT((VLOOKUP($A255,városok!$A$2:$C$346,2,0)-VLOOKUP(S$1,városok!$A$2:$C$346,2,0))^2+(VLOOKUP($A255,városok!$A$2:$C$346,3,0)-VLOOKUP(S$1,városok!$A$2:$C$346,3,0))^2)/1000,0)</f>
        <v>187</v>
      </c>
      <c r="T255">
        <f ca="1">ROUND(SQRT((VLOOKUP($A255,városok!$A$2:$C$346,2,0)-VLOOKUP(T$1,városok!$A$2:$C$346,2,0))^2+(VLOOKUP($A255,városok!$A$2:$C$346,3,0)-VLOOKUP(T$1,városok!$A$2:$C$346,3,0))^2)/1000,0)</f>
        <v>91</v>
      </c>
      <c r="U255">
        <f ca="1">ROUND(SQRT((VLOOKUP($A255,városok!$A$2:$C$346,2,0)-VLOOKUP(U$1,városok!$A$2:$C$346,2,0))^2+(VLOOKUP($A255,városok!$A$2:$C$346,3,0)-VLOOKUP(U$1,városok!$A$2:$C$346,3,0))^2)/1000,0)</f>
        <v>81</v>
      </c>
      <c r="V255">
        <f ca="1">ROUND(SQRT((VLOOKUP($A255,városok!$A$2:$C$346,2,0)-VLOOKUP(V$1,városok!$A$2:$C$346,2,0))^2+(VLOOKUP($A255,városok!$A$2:$C$346,3,0)-VLOOKUP(V$1,városok!$A$2:$C$346,3,0))^2)/1000,0)</f>
        <v>40</v>
      </c>
      <c r="W255">
        <f ca="1">ROUND(SQRT((VLOOKUP($A255,városok!$A$2:$C$346,2,0)-VLOOKUP(W$1,városok!$A$2:$C$346,2,0))^2+(VLOOKUP($A255,városok!$A$2:$C$346,3,0)-VLOOKUP(W$1,városok!$A$2:$C$346,3,0))^2)/1000,0)</f>
        <v>57</v>
      </c>
      <c r="X255">
        <f ca="1">ROUND(SQRT((VLOOKUP($A255,városok!$A$2:$C$346,2,0)-VLOOKUP(X$1,városok!$A$2:$C$346,2,0))^2+(VLOOKUP($A255,városok!$A$2:$C$346,3,0)-VLOOKUP(X$1,városok!$A$2:$C$346,3,0))^2)/1000,0)</f>
        <v>59</v>
      </c>
      <c r="Y255">
        <f ca="1">ROUND(SQRT((VLOOKUP($A255,városok!$A$2:$C$346,2,0)-VLOOKUP(Y$1,városok!$A$2:$C$346,2,0))^2+(VLOOKUP($A255,városok!$A$2:$C$346,3,0)-VLOOKUP(Y$1,városok!$A$2:$C$346,3,0))^2)/1000,0)</f>
        <v>95</v>
      </c>
      <c r="Z255">
        <f ca="1">ROUND(SQRT((VLOOKUP($A255,városok!$A$2:$C$346,2,0)-VLOOKUP(Z$1,városok!$A$2:$C$346,2,0))^2+(VLOOKUP($A255,városok!$A$2:$C$346,3,0)-VLOOKUP(Z$1,városok!$A$2:$C$346,3,0))^2)/1000,0)</f>
        <v>105</v>
      </c>
      <c r="AA255">
        <f ca="1">ROUND(SQRT((VLOOKUP($A255,városok!$A$2:$C$346,2,0)-VLOOKUP(AA$1,városok!$A$2:$C$346,2,0))^2+(VLOOKUP($A255,városok!$A$2:$C$346,3,0)-VLOOKUP(AA$1,városok!$A$2:$C$346,3,0))^2)/1000,0)</f>
        <v>135</v>
      </c>
      <c r="AB255">
        <f ca="1">ROUND(SQRT((VLOOKUP($A255,városok!$A$2:$C$346,2,0)-VLOOKUP(AB$1,városok!$A$2:$C$346,2,0))^2+(VLOOKUP($A255,városok!$A$2:$C$346,3,0)-VLOOKUP(AB$1,városok!$A$2:$C$346,3,0))^2)/1000,0)</f>
        <v>294</v>
      </c>
      <c r="AC255">
        <f ca="1">ROUND(SQRT((VLOOKUP($A255,városok!$A$2:$C$346,2,0)-VLOOKUP(AC$1,városok!$A$2:$C$346,2,0))^2+(VLOOKUP($A255,városok!$A$2:$C$346,3,0)-VLOOKUP(AC$1,városok!$A$2:$C$346,3,0))^2)/1000,0)</f>
        <v>275</v>
      </c>
      <c r="AD255">
        <f ca="1">ROUND(SQRT((VLOOKUP($A255,városok!$A$2:$C$346,2,0)-VLOOKUP(AD$1,városok!$A$2:$C$346,2,0))^2+(VLOOKUP($A255,városok!$A$2:$C$346,3,0)-VLOOKUP(AD$1,városok!$A$2:$C$346,3,0))^2)/1000,0)</f>
        <v>257</v>
      </c>
      <c r="AE255">
        <f ca="1">ROUND(SQRT((VLOOKUP($A255,városok!$A$2:$C$346,2,0)-VLOOKUP(AE$1,városok!$A$2:$C$346,2,0))^2+(VLOOKUP($A255,városok!$A$2:$C$346,3,0)-VLOOKUP(AE$1,városok!$A$2:$C$346,3,0))^2)/1000,0)</f>
        <v>254</v>
      </c>
      <c r="AF255">
        <f ca="1">ROUND(SQRT((VLOOKUP($A255,városok!$A$2:$C$346,2,0)-VLOOKUP(AF$1,városok!$A$2:$C$346,2,0))^2+(VLOOKUP($A255,városok!$A$2:$C$346,3,0)-VLOOKUP(AF$1,városok!$A$2:$C$346,3,0))^2)/1000,0)</f>
        <v>222</v>
      </c>
      <c r="AG255">
        <f ca="1">ROUND(SQRT((VLOOKUP($A255,városok!$A$2:$C$346,2,0)-VLOOKUP(AG$1,városok!$A$2:$C$346,2,0))^2+(VLOOKUP($A255,városok!$A$2:$C$346,3,0)-VLOOKUP(AG$1,városok!$A$2:$C$346,3,0))^2)/1000,0)</f>
        <v>186</v>
      </c>
      <c r="AH255">
        <f ca="1">ROUND(SQRT((VLOOKUP($A255,városok!$A$2:$C$346,2,0)-VLOOKUP(AH$1,városok!$A$2:$C$346,2,0))^2+(VLOOKUP($A255,városok!$A$2:$C$346,3,0)-VLOOKUP(AH$1,városok!$A$2:$C$346,3,0))^2)/1000,0)</f>
        <v>163</v>
      </c>
      <c r="AI255">
        <f ca="1">ROUND(SQRT((VLOOKUP($A255,városok!$A$2:$C$346,2,0)-VLOOKUP(AI$1,városok!$A$2:$C$346,2,0))^2+(VLOOKUP($A255,városok!$A$2:$C$346,3,0)-VLOOKUP(AI$1,városok!$A$2:$C$346,3,0))^2)/1000,0)</f>
        <v>212</v>
      </c>
      <c r="AJ255">
        <f ca="1">ROUND(SQRT((VLOOKUP($A255,városok!$A$2:$C$346,2,0)-VLOOKUP(AJ$1,városok!$A$2:$C$346,2,0))^2+(VLOOKUP($A255,városok!$A$2:$C$346,3,0)-VLOOKUP(AJ$1,városok!$A$2:$C$346,3,0))^2)/1000,0)</f>
        <v>181</v>
      </c>
      <c r="AK255">
        <f ca="1">ROUND(SQRT((VLOOKUP($A255,városok!$A$2:$C$346,2,0)-VLOOKUP(AK$1,városok!$A$2:$C$346,2,0))^2+(VLOOKUP($A255,városok!$A$2:$C$346,3,0)-VLOOKUP(AK$1,városok!$A$2:$C$346,3,0))^2)/1000,0)</f>
        <v>240</v>
      </c>
      <c r="AL255">
        <f ca="1">ROUND(SQRT((VLOOKUP($A255,városok!$A$2:$C$346,2,0)-VLOOKUP(AL$1,városok!$A$2:$C$346,2,0))^2+(VLOOKUP($A255,városok!$A$2:$C$346,3,0)-VLOOKUP(AL$1,városok!$A$2:$C$346,3,0))^2)/1000,0)</f>
        <v>216</v>
      </c>
      <c r="AM255">
        <f ca="1">ROUND(SQRT((VLOOKUP($A255,városok!$A$2:$C$346,2,0)-VLOOKUP(AM$1,városok!$A$2:$C$346,2,0))^2+(VLOOKUP($A255,városok!$A$2:$C$346,3,0)-VLOOKUP(AM$1,városok!$A$2:$C$346,3,0))^2)/1000,0)</f>
        <v>179</v>
      </c>
      <c r="AN255">
        <f ca="1">ROUND(SQRT((VLOOKUP($A255,városok!$A$2:$C$346,2,0)-VLOOKUP(AN$1,városok!$A$2:$C$346,2,0))^2+(VLOOKUP($A255,városok!$A$2:$C$346,3,0)-VLOOKUP(AN$1,városok!$A$2:$C$346,3,0))^2)/1000,0)</f>
        <v>123</v>
      </c>
      <c r="AO255">
        <f ca="1">ROUND(SQRT((VLOOKUP($A255,városok!$A$2:$C$346,2,0)-VLOOKUP(AO$1,városok!$A$2:$C$346,2,0))^2+(VLOOKUP($A255,városok!$A$2:$C$346,3,0)-VLOOKUP(AO$1,városok!$A$2:$C$346,3,0))^2)/1000,0)</f>
        <v>101</v>
      </c>
      <c r="AP255">
        <f ca="1">ROUND(SQRT((VLOOKUP($A255,városok!$A$2:$C$346,2,0)-VLOOKUP(AP$1,városok!$A$2:$C$346,2,0))^2+(VLOOKUP($A255,városok!$A$2:$C$346,3,0)-VLOOKUP(AP$1,városok!$A$2:$C$346,3,0))^2)/1000,0)</f>
        <v>95</v>
      </c>
      <c r="AQ255">
        <f ca="1">ROUND(SQRT((VLOOKUP($A255,városok!$A$2:$C$346,2,0)-VLOOKUP(AQ$1,városok!$A$2:$C$346,2,0))^2+(VLOOKUP($A255,városok!$A$2:$C$346,3,0)-VLOOKUP(AQ$1,városok!$A$2:$C$346,3,0))^2)/1000,0)</f>
        <v>89</v>
      </c>
      <c r="AR255">
        <f ca="1">ROUND(SQRT((VLOOKUP($A255,városok!$A$2:$C$346,2,0)-VLOOKUP(AR$1,városok!$A$2:$C$346,2,0))^2+(VLOOKUP($A255,városok!$A$2:$C$346,3,0)-VLOOKUP(AR$1,városok!$A$2:$C$346,3,0))^2)/1000,0)</f>
        <v>181</v>
      </c>
      <c r="AS255">
        <f ca="1">ROUND(SQRT((VLOOKUP($A255,városok!$A$2:$C$346,2,0)-VLOOKUP(AS$1,városok!$A$2:$C$346,2,0))^2+(VLOOKUP($A255,városok!$A$2:$C$346,3,0)-VLOOKUP(AS$1,városok!$A$2:$C$346,3,0))^2)/1000,0)</f>
        <v>202</v>
      </c>
      <c r="AT255">
        <f ca="1">ROUND(SQRT((VLOOKUP($A255,városok!$A$2:$C$346,2,0)-VLOOKUP(AT$1,városok!$A$2:$C$346,2,0))^2+(VLOOKUP($A255,városok!$A$2:$C$346,3,0)-VLOOKUP(AT$1,városok!$A$2:$C$346,3,0))^2)/1000,0)</f>
        <v>99</v>
      </c>
      <c r="AU255">
        <f ca="1">ROUND(SQRT((VLOOKUP($A255,városok!$A$2:$C$346,2,0)-VLOOKUP(AU$1,városok!$A$2:$C$346,2,0))^2+(VLOOKUP($A255,városok!$A$2:$C$346,3,0)-VLOOKUP(AU$1,városok!$A$2:$C$346,3,0))^2)/1000,0)</f>
        <v>106</v>
      </c>
      <c r="AV255">
        <f ca="1">ROUND(SQRT((VLOOKUP($A255,városok!$A$2:$C$346,2,0)-VLOOKUP(AV$1,városok!$A$2:$C$346,2,0))^2+(VLOOKUP($A255,városok!$A$2:$C$346,3,0)-VLOOKUP(AV$1,városok!$A$2:$C$346,3,0))^2)/1000,0)</f>
        <v>102</v>
      </c>
      <c r="AW255">
        <f ca="1">ROUND(SQRT((VLOOKUP($A255,városok!$A$2:$C$346,2,0)-VLOOKUP(AW$1,városok!$A$2:$C$346,2,0))^2+(VLOOKUP($A255,városok!$A$2:$C$346,3,0)-VLOOKUP(AW$1,városok!$A$2:$C$346,3,0))^2)/1000,0)</f>
        <v>99</v>
      </c>
      <c r="AX255">
        <f ca="1">ROUND(SQRT((VLOOKUP($A255,városok!$A$2:$C$346,2,0)-VLOOKUP(AX$1,városok!$A$2:$C$346,2,0))^2+(VLOOKUP($A255,városok!$A$2:$C$346,3,0)-VLOOKUP(AX$1,városok!$A$2:$C$346,3,0))^2)/1000,0)</f>
        <v>146</v>
      </c>
      <c r="AY255">
        <f ca="1">ROUND(SQRT((VLOOKUP($A255,városok!$A$2:$C$346,2,0)-VLOOKUP(AY$1,városok!$A$2:$C$346,2,0))^2+(VLOOKUP($A255,városok!$A$2:$C$346,3,0)-VLOOKUP(AY$1,városok!$A$2:$C$346,3,0))^2)/1000,0)</f>
        <v>129</v>
      </c>
      <c r="AZ255">
        <f ca="1">ROUND(SQRT((VLOOKUP($A255,városok!$A$2:$C$346,2,0)-VLOOKUP(AZ$1,városok!$A$2:$C$346,2,0))^2+(VLOOKUP($A255,városok!$A$2:$C$346,3,0)-VLOOKUP(AZ$1,városok!$A$2:$C$346,3,0))^2)/1000,0)</f>
        <v>132</v>
      </c>
      <c r="BA255">
        <f ca="1">ROUND(SQRT((VLOOKUP($A255,városok!$A$2:$C$346,2,0)-VLOOKUP(BA$1,városok!$A$2:$C$346,2,0))^2+(VLOOKUP($A255,városok!$A$2:$C$346,3,0)-VLOOKUP(BA$1,városok!$A$2:$C$346,3,0))^2)/1000,0)</f>
        <v>16</v>
      </c>
      <c r="BB255">
        <f ca="1">ROUND(SQRT((VLOOKUP($A255,városok!$A$2:$C$346,2,0)-VLOOKUP(BB$1,városok!$A$2:$C$346,2,0))^2+(VLOOKUP($A255,városok!$A$2:$C$346,3,0)-VLOOKUP(BB$1,városok!$A$2:$C$346,3,0))^2)/1000,0)</f>
        <v>35</v>
      </c>
      <c r="BC255">
        <f ca="1">ROUND(SQRT((VLOOKUP($A255,városok!$A$2:$C$346,2,0)-VLOOKUP(BC$1,városok!$A$2:$C$346,2,0))^2+(VLOOKUP($A255,városok!$A$2:$C$346,3,0)-VLOOKUP(BC$1,városok!$A$2:$C$346,3,0))^2)/1000,0)</f>
        <v>55</v>
      </c>
      <c r="BD255">
        <f ca="1">ROUND(SQRT((VLOOKUP($A255,városok!$A$2:$C$346,2,0)-VLOOKUP(BD$1,városok!$A$2:$C$346,2,0))^2+(VLOOKUP($A255,városok!$A$2:$C$346,3,0)-VLOOKUP(BD$1,városok!$A$2:$C$346,3,0))^2)/1000,0)</f>
        <v>15</v>
      </c>
      <c r="BE255">
        <f ca="1">ROUND(SQRT((VLOOKUP($A255,városok!$A$2:$C$346,2,0)-VLOOKUP(BE$1,városok!$A$2:$C$346,2,0))^2+(VLOOKUP($A255,városok!$A$2:$C$346,3,0)-VLOOKUP(BE$1,városok!$A$2:$C$346,3,0))^2)/1000,0)</f>
        <v>378</v>
      </c>
      <c r="BF255">
        <f ca="1">ROUND(SQRT((VLOOKUP($A255,városok!$A$2:$C$346,2,0)-VLOOKUP(BF$1,városok!$A$2:$C$346,2,0))^2+(VLOOKUP($A255,városok!$A$2:$C$346,3,0)-VLOOKUP(BF$1,városok!$A$2:$C$346,3,0))^2)/1000,0)</f>
        <v>351</v>
      </c>
      <c r="BG255">
        <f ca="1">ROUND(SQRT((VLOOKUP($A255,városok!$A$2:$C$346,2,0)-VLOOKUP(BG$1,városok!$A$2:$C$346,2,0))^2+(VLOOKUP($A255,városok!$A$2:$C$346,3,0)-VLOOKUP(BG$1,városok!$A$2:$C$346,3,0))^2)/1000,0)</f>
        <v>305</v>
      </c>
      <c r="BH255">
        <f ca="1">ROUND(SQRT((VLOOKUP($A255,városok!$A$2:$C$346,2,0)-VLOOKUP(BH$1,városok!$A$2:$C$346,2,0))^2+(VLOOKUP($A255,városok!$A$2:$C$346,3,0)-VLOOKUP(BH$1,városok!$A$2:$C$346,3,0))^2)/1000,0)</f>
        <v>305</v>
      </c>
      <c r="BI255">
        <f ca="1">ROUND(SQRT((VLOOKUP($A255,városok!$A$2:$C$346,2,0)-VLOOKUP(BI$1,városok!$A$2:$C$346,2,0))^2+(VLOOKUP($A255,városok!$A$2:$C$346,3,0)-VLOOKUP(BI$1,városok!$A$2:$C$346,3,0))^2)/1000,0)</f>
        <v>76</v>
      </c>
      <c r="BJ255">
        <f ca="1">ROUND(SQRT((VLOOKUP($A255,városok!$A$2:$C$346,2,0)-VLOOKUP(BJ$1,városok!$A$2:$C$346,2,0))^2+(VLOOKUP($A255,városok!$A$2:$C$346,3,0)-VLOOKUP(BJ$1,városok!$A$2:$C$346,3,0))^2)/1000,0)</f>
        <v>77</v>
      </c>
      <c r="BK255">
        <f ca="1">ROUND(SQRT((VLOOKUP($A255,városok!$A$2:$C$346,2,0)-VLOOKUP(BK$1,városok!$A$2:$C$346,2,0))^2+(VLOOKUP($A255,városok!$A$2:$C$346,3,0)-VLOOKUP(BK$1,városok!$A$2:$C$346,3,0))^2)/1000,0)</f>
        <v>84</v>
      </c>
      <c r="BL255">
        <f ca="1">ROUND(SQRT((VLOOKUP($A255,városok!$A$2:$C$346,2,0)-VLOOKUP(BL$1,városok!$A$2:$C$346,2,0))^2+(VLOOKUP($A255,városok!$A$2:$C$346,3,0)-VLOOKUP(BL$1,városok!$A$2:$C$346,3,0))^2)/1000,0)</f>
        <v>99</v>
      </c>
      <c r="BM255">
        <f ca="1">ROUND(SQRT((VLOOKUP($A255,városok!$A$2:$C$346,2,0)-VLOOKUP(BM$1,városok!$A$2:$C$346,2,0))^2+(VLOOKUP($A255,városok!$A$2:$C$346,3,0)-VLOOKUP(BM$1,városok!$A$2:$C$346,3,0))^2)/1000,0)</f>
        <v>85</v>
      </c>
      <c r="BN255">
        <f ca="1">ROUND(SQRT((VLOOKUP($A255,városok!$A$2:$C$346,2,0)-VLOOKUP(BN$1,városok!$A$2:$C$346,2,0))^2+(VLOOKUP($A255,városok!$A$2:$C$346,3,0)-VLOOKUP(BN$1,városok!$A$2:$C$346,3,0))^2)/1000,0)</f>
        <v>105</v>
      </c>
      <c r="BO255">
        <f ca="1">ROUND(SQRT((VLOOKUP($A255,városok!$A$2:$C$346,2,0)-VLOOKUP(BO$1,városok!$A$2:$C$346,2,0))^2+(VLOOKUP($A255,városok!$A$2:$C$346,3,0)-VLOOKUP(BO$1,városok!$A$2:$C$346,3,0))^2)/1000,0)</f>
        <v>22</v>
      </c>
      <c r="BP255">
        <f ca="1">ROUND(SQRT((VLOOKUP($A255,városok!$A$2:$C$346,2,0)-VLOOKUP(BP$1,városok!$A$2:$C$346,2,0))^2+(VLOOKUP($A255,városok!$A$2:$C$346,3,0)-VLOOKUP(BP$1,városok!$A$2:$C$346,3,0))^2)/1000,0)</f>
        <v>27</v>
      </c>
      <c r="BQ255">
        <f ca="1">ROUND(SQRT((VLOOKUP($A255,városok!$A$2:$C$346,2,0)-VLOOKUP(BQ$1,városok!$A$2:$C$346,2,0))^2+(VLOOKUP($A255,városok!$A$2:$C$346,3,0)-VLOOKUP(BQ$1,városok!$A$2:$C$346,3,0))^2)/1000,0)</f>
        <v>27</v>
      </c>
      <c r="BR255">
        <f ca="1">ROUND(SQRT((VLOOKUP($A255,városok!$A$2:$C$346,2,0)-VLOOKUP(BR$1,városok!$A$2:$C$346,2,0))^2+(VLOOKUP($A255,városok!$A$2:$C$346,3,0)-VLOOKUP(BR$1,városok!$A$2:$C$346,3,0))^2)/1000,0)</f>
        <v>49</v>
      </c>
      <c r="BS255">
        <f ca="1">ROUND(SQRT((VLOOKUP($A255,városok!$A$2:$C$346,2,0)-VLOOKUP(BS$1,városok!$A$2:$C$346,2,0))^2+(VLOOKUP($A255,városok!$A$2:$C$346,3,0)-VLOOKUP(BS$1,városok!$A$2:$C$346,3,0))^2)/1000,0)</f>
        <v>81</v>
      </c>
      <c r="BT255">
        <f ca="1">ROUND(SQRT((VLOOKUP($A255,városok!$A$2:$C$346,2,0)-VLOOKUP(BT$1,városok!$A$2:$C$346,2,0))^2+(VLOOKUP($A255,városok!$A$2:$C$346,3,0)-VLOOKUP(BT$1,városok!$A$2:$C$346,3,0))^2)/1000,0)</f>
        <v>79</v>
      </c>
    </row>
    <row r="256" spans="1:72" x14ac:dyDescent="0.2">
      <c r="A256" t="str">
        <f>városok!A256</f>
        <v>Balatonlelle</v>
      </c>
      <c r="B256">
        <f ca="1">ROUND(SQRT((VLOOKUP($A256,városok!$A$2:$C$346,2,0)-VLOOKUP(B$1,városok!$A$2:$C$346,2,0))^2+(VLOOKUP($A256,városok!$A$2:$C$346,3,0)-VLOOKUP(B$1,városok!$A$2:$C$346,3,0))^2)/1000,0)</f>
        <v>117</v>
      </c>
      <c r="C256">
        <f ca="1">ROUND(SQRT((VLOOKUP($A256,városok!$A$2:$C$346,2,0)-VLOOKUP(C$1,városok!$A$2:$C$346,2,0))^2+(VLOOKUP($A256,városok!$A$2:$C$346,3,0)-VLOOKUP(C$1,városok!$A$2:$C$346,3,0))^2)/1000,0)</f>
        <v>102</v>
      </c>
      <c r="D256">
        <f ca="1">ROUND(SQRT((VLOOKUP($A256,városok!$A$2:$C$346,2,0)-VLOOKUP(D$1,városok!$A$2:$C$346,2,0))^2+(VLOOKUP($A256,városok!$A$2:$C$346,3,0)-VLOOKUP(D$1,városok!$A$2:$C$346,3,0))^2)/1000,0)</f>
        <v>152</v>
      </c>
      <c r="E256">
        <f ca="1">ROUND(SQRT((VLOOKUP($A256,városok!$A$2:$C$346,2,0)-VLOOKUP(E$1,városok!$A$2:$C$346,2,0))^2+(VLOOKUP($A256,városok!$A$2:$C$346,3,0)-VLOOKUP(E$1,városok!$A$2:$C$346,3,0))^2)/1000,0)</f>
        <v>79</v>
      </c>
      <c r="F256">
        <f ca="1">ROUND(SQRT((VLOOKUP($A256,városok!$A$2:$C$346,2,0)-VLOOKUP(F$1,városok!$A$2:$C$346,2,0))^2+(VLOOKUP($A256,városok!$A$2:$C$346,3,0)-VLOOKUP(F$1,városok!$A$2:$C$346,3,0))^2)/1000,0)</f>
        <v>116</v>
      </c>
      <c r="G256">
        <f ca="1">ROUND(SQRT((VLOOKUP($A256,városok!$A$2:$C$346,2,0)-VLOOKUP(G$1,városok!$A$2:$C$346,2,0))^2+(VLOOKUP($A256,városok!$A$2:$C$346,3,0)-VLOOKUP(G$1,városok!$A$2:$C$346,3,0))^2)/1000,0)</f>
        <v>89</v>
      </c>
      <c r="H256">
        <f ca="1">ROUND(SQRT((VLOOKUP($A256,városok!$A$2:$C$346,2,0)-VLOOKUP(H$1,városok!$A$2:$C$346,2,0))^2+(VLOOKUP($A256,városok!$A$2:$C$346,3,0)-VLOOKUP(H$1,városok!$A$2:$C$346,3,0))^2)/1000,0)</f>
        <v>82</v>
      </c>
      <c r="I256">
        <f ca="1">ROUND(SQRT((VLOOKUP($A256,városok!$A$2:$C$346,2,0)-VLOOKUP(I$1,városok!$A$2:$C$346,2,0))^2+(VLOOKUP($A256,városok!$A$2:$C$346,3,0)-VLOOKUP(I$1,városok!$A$2:$C$346,3,0))^2)/1000,0)</f>
        <v>258</v>
      </c>
      <c r="J256">
        <f ca="1">ROUND(SQRT((VLOOKUP($A256,városok!$A$2:$C$346,2,0)-VLOOKUP(J$1,városok!$A$2:$C$346,2,0))^2+(VLOOKUP($A256,városok!$A$2:$C$346,3,0)-VLOOKUP(J$1,városok!$A$2:$C$346,3,0))^2)/1000,0)</f>
        <v>274</v>
      </c>
      <c r="K256">
        <f ca="1">ROUND(SQRT((VLOOKUP($A256,városok!$A$2:$C$346,2,0)-VLOOKUP(K$1,városok!$A$2:$C$346,2,0))^2+(VLOOKUP($A256,városok!$A$2:$C$346,3,0)-VLOOKUP(K$1,városok!$A$2:$C$346,3,0))^2)/1000,0)</f>
        <v>228</v>
      </c>
      <c r="L256">
        <f ca="1">ROUND(SQRT((VLOOKUP($A256,városok!$A$2:$C$346,2,0)-VLOOKUP(L$1,városok!$A$2:$C$346,2,0))^2+(VLOOKUP($A256,városok!$A$2:$C$346,3,0)-VLOOKUP(L$1,városok!$A$2:$C$346,3,0))^2)/1000,0)</f>
        <v>275</v>
      </c>
      <c r="M256">
        <f ca="1">ROUND(SQRT((VLOOKUP($A256,városok!$A$2:$C$346,2,0)-VLOOKUP(M$1,városok!$A$2:$C$346,2,0))^2+(VLOOKUP($A256,városok!$A$2:$C$346,3,0)-VLOOKUP(M$1,városok!$A$2:$C$346,3,0))^2)/1000,0)</f>
        <v>276</v>
      </c>
      <c r="N256">
        <f ca="1">ROUND(SQRT((VLOOKUP($A256,városok!$A$2:$C$346,2,0)-VLOOKUP(N$1,városok!$A$2:$C$346,2,0))^2+(VLOOKUP($A256,városok!$A$2:$C$346,3,0)-VLOOKUP(N$1,városok!$A$2:$C$346,3,0))^2)/1000,0)</f>
        <v>252</v>
      </c>
      <c r="O256">
        <f ca="1">ROUND(SQRT((VLOOKUP($A256,városok!$A$2:$C$346,2,0)-VLOOKUP(O$1,városok!$A$2:$C$346,2,0))^2+(VLOOKUP($A256,városok!$A$2:$C$346,3,0)-VLOOKUP(O$1,városok!$A$2:$C$346,3,0))^2)/1000,0)</f>
        <v>347</v>
      </c>
      <c r="P256">
        <f ca="1">ROUND(SQRT((VLOOKUP($A256,városok!$A$2:$C$346,2,0)-VLOOKUP(P$1,városok!$A$2:$C$346,2,0))^2+(VLOOKUP($A256,városok!$A$2:$C$346,3,0)-VLOOKUP(P$1,városok!$A$2:$C$346,3,0))^2)/1000,0)</f>
        <v>347</v>
      </c>
      <c r="Q256">
        <f ca="1">ROUND(SQRT((VLOOKUP($A256,városok!$A$2:$C$346,2,0)-VLOOKUP(Q$1,városok!$A$2:$C$346,2,0))^2+(VLOOKUP($A256,városok!$A$2:$C$346,3,0)-VLOOKUP(Q$1,városok!$A$2:$C$346,3,0))^2)/1000,0)</f>
        <v>205</v>
      </c>
      <c r="R256">
        <f ca="1">ROUND(SQRT((VLOOKUP($A256,városok!$A$2:$C$346,2,0)-VLOOKUP(R$1,városok!$A$2:$C$346,2,0))^2+(VLOOKUP($A256,városok!$A$2:$C$346,3,0)-VLOOKUP(R$1,városok!$A$2:$C$346,3,0))^2)/1000,0)</f>
        <v>222</v>
      </c>
      <c r="S256">
        <f ca="1">ROUND(SQRT((VLOOKUP($A256,városok!$A$2:$C$346,2,0)-VLOOKUP(S$1,városok!$A$2:$C$346,2,0))^2+(VLOOKUP($A256,városok!$A$2:$C$346,3,0)-VLOOKUP(S$1,városok!$A$2:$C$346,3,0))^2)/1000,0)</f>
        <v>198</v>
      </c>
      <c r="T256">
        <f ca="1">ROUND(SQRT((VLOOKUP($A256,városok!$A$2:$C$346,2,0)-VLOOKUP(T$1,városok!$A$2:$C$346,2,0))^2+(VLOOKUP($A256,városok!$A$2:$C$346,3,0)-VLOOKUP(T$1,városok!$A$2:$C$346,3,0))^2)/1000,0)</f>
        <v>106</v>
      </c>
      <c r="U256">
        <f ca="1">ROUND(SQRT((VLOOKUP($A256,városok!$A$2:$C$346,2,0)-VLOOKUP(U$1,városok!$A$2:$C$346,2,0))^2+(VLOOKUP($A256,városok!$A$2:$C$346,3,0)-VLOOKUP(U$1,városok!$A$2:$C$346,3,0))^2)/1000,0)</f>
        <v>96</v>
      </c>
      <c r="V256">
        <f ca="1">ROUND(SQRT((VLOOKUP($A256,városok!$A$2:$C$346,2,0)-VLOOKUP(V$1,városok!$A$2:$C$346,2,0))^2+(VLOOKUP($A256,városok!$A$2:$C$346,3,0)-VLOOKUP(V$1,városok!$A$2:$C$346,3,0))^2)/1000,0)</f>
        <v>55</v>
      </c>
      <c r="W256">
        <f ca="1">ROUND(SQRT((VLOOKUP($A256,városok!$A$2:$C$346,2,0)-VLOOKUP(W$1,városok!$A$2:$C$346,2,0))^2+(VLOOKUP($A256,városok!$A$2:$C$346,3,0)-VLOOKUP(W$1,városok!$A$2:$C$346,3,0))^2)/1000,0)</f>
        <v>71</v>
      </c>
      <c r="X256">
        <f ca="1">ROUND(SQRT((VLOOKUP($A256,városok!$A$2:$C$346,2,0)-VLOOKUP(X$1,városok!$A$2:$C$346,2,0))^2+(VLOOKUP($A256,városok!$A$2:$C$346,3,0)-VLOOKUP(X$1,városok!$A$2:$C$346,3,0))^2)/1000,0)</f>
        <v>74</v>
      </c>
      <c r="Y256">
        <f ca="1">ROUND(SQRT((VLOOKUP($A256,városok!$A$2:$C$346,2,0)-VLOOKUP(Y$1,városok!$A$2:$C$346,2,0))^2+(VLOOKUP($A256,városok!$A$2:$C$346,3,0)-VLOOKUP(Y$1,városok!$A$2:$C$346,3,0))^2)/1000,0)</f>
        <v>101</v>
      </c>
      <c r="Z256">
        <f ca="1">ROUND(SQRT((VLOOKUP($A256,városok!$A$2:$C$346,2,0)-VLOOKUP(Z$1,városok!$A$2:$C$346,2,0))^2+(VLOOKUP($A256,városok!$A$2:$C$346,3,0)-VLOOKUP(Z$1,városok!$A$2:$C$346,3,0))^2)/1000,0)</f>
        <v>109</v>
      </c>
      <c r="AA256">
        <f ca="1">ROUND(SQRT((VLOOKUP($A256,városok!$A$2:$C$346,2,0)-VLOOKUP(AA$1,városok!$A$2:$C$346,2,0))^2+(VLOOKUP($A256,városok!$A$2:$C$346,3,0)-VLOOKUP(AA$1,városok!$A$2:$C$346,3,0))^2)/1000,0)</f>
        <v>131</v>
      </c>
      <c r="AB256">
        <f ca="1">ROUND(SQRT((VLOOKUP($A256,városok!$A$2:$C$346,2,0)-VLOOKUP(AB$1,városok!$A$2:$C$346,2,0))^2+(VLOOKUP($A256,városok!$A$2:$C$346,3,0)-VLOOKUP(AB$1,városok!$A$2:$C$346,3,0))^2)/1000,0)</f>
        <v>309</v>
      </c>
      <c r="AC256">
        <f ca="1">ROUND(SQRT((VLOOKUP($A256,városok!$A$2:$C$346,2,0)-VLOOKUP(AC$1,városok!$A$2:$C$346,2,0))^2+(VLOOKUP($A256,városok!$A$2:$C$346,3,0)-VLOOKUP(AC$1,városok!$A$2:$C$346,3,0))^2)/1000,0)</f>
        <v>290</v>
      </c>
      <c r="AD256">
        <f ca="1">ROUND(SQRT((VLOOKUP($A256,városok!$A$2:$C$346,2,0)-VLOOKUP(AD$1,városok!$A$2:$C$346,2,0))^2+(VLOOKUP($A256,városok!$A$2:$C$346,3,0)-VLOOKUP(AD$1,városok!$A$2:$C$346,3,0))^2)/1000,0)</f>
        <v>272</v>
      </c>
      <c r="AE256">
        <f ca="1">ROUND(SQRT((VLOOKUP($A256,városok!$A$2:$C$346,2,0)-VLOOKUP(AE$1,városok!$A$2:$C$346,2,0))^2+(VLOOKUP($A256,városok!$A$2:$C$346,3,0)-VLOOKUP(AE$1,városok!$A$2:$C$346,3,0))^2)/1000,0)</f>
        <v>269</v>
      </c>
      <c r="AF256">
        <f ca="1">ROUND(SQRT((VLOOKUP($A256,városok!$A$2:$C$346,2,0)-VLOOKUP(AF$1,városok!$A$2:$C$346,2,0))^2+(VLOOKUP($A256,városok!$A$2:$C$346,3,0)-VLOOKUP(AF$1,városok!$A$2:$C$346,3,0))^2)/1000,0)</f>
        <v>237</v>
      </c>
      <c r="AG256">
        <f ca="1">ROUND(SQRT((VLOOKUP($A256,városok!$A$2:$C$346,2,0)-VLOOKUP(AG$1,városok!$A$2:$C$346,2,0))^2+(VLOOKUP($A256,városok!$A$2:$C$346,3,0)-VLOOKUP(AG$1,városok!$A$2:$C$346,3,0))^2)/1000,0)</f>
        <v>202</v>
      </c>
      <c r="AH256">
        <f ca="1">ROUND(SQRT((VLOOKUP($A256,városok!$A$2:$C$346,2,0)-VLOOKUP(AH$1,városok!$A$2:$C$346,2,0))^2+(VLOOKUP($A256,városok!$A$2:$C$346,3,0)-VLOOKUP(AH$1,városok!$A$2:$C$346,3,0))^2)/1000,0)</f>
        <v>179</v>
      </c>
      <c r="AI256">
        <f ca="1">ROUND(SQRT((VLOOKUP($A256,városok!$A$2:$C$346,2,0)-VLOOKUP(AI$1,városok!$A$2:$C$346,2,0))^2+(VLOOKUP($A256,városok!$A$2:$C$346,3,0)-VLOOKUP(AI$1,városok!$A$2:$C$346,3,0))^2)/1000,0)</f>
        <v>227</v>
      </c>
      <c r="AJ256">
        <f ca="1">ROUND(SQRT((VLOOKUP($A256,városok!$A$2:$C$346,2,0)-VLOOKUP(AJ$1,városok!$A$2:$C$346,2,0))^2+(VLOOKUP($A256,városok!$A$2:$C$346,3,0)-VLOOKUP(AJ$1,városok!$A$2:$C$346,3,0))^2)/1000,0)</f>
        <v>197</v>
      </c>
      <c r="AK256">
        <f ca="1">ROUND(SQRT((VLOOKUP($A256,városok!$A$2:$C$346,2,0)-VLOOKUP(AK$1,városok!$A$2:$C$346,2,0))^2+(VLOOKUP($A256,városok!$A$2:$C$346,3,0)-VLOOKUP(AK$1,városok!$A$2:$C$346,3,0))^2)/1000,0)</f>
        <v>255</v>
      </c>
      <c r="AL256">
        <f ca="1">ROUND(SQRT((VLOOKUP($A256,városok!$A$2:$C$346,2,0)-VLOOKUP(AL$1,városok!$A$2:$C$346,2,0))^2+(VLOOKUP($A256,városok!$A$2:$C$346,3,0)-VLOOKUP(AL$1,városok!$A$2:$C$346,3,0))^2)/1000,0)</f>
        <v>232</v>
      </c>
      <c r="AM256">
        <f ca="1">ROUND(SQRT((VLOOKUP($A256,városok!$A$2:$C$346,2,0)-VLOOKUP(AM$1,városok!$A$2:$C$346,2,0))^2+(VLOOKUP($A256,városok!$A$2:$C$346,3,0)-VLOOKUP(AM$1,városok!$A$2:$C$346,3,0))^2)/1000,0)</f>
        <v>194</v>
      </c>
      <c r="AN256">
        <f ca="1">ROUND(SQRT((VLOOKUP($A256,városok!$A$2:$C$346,2,0)-VLOOKUP(AN$1,városok!$A$2:$C$346,2,0))^2+(VLOOKUP($A256,városok!$A$2:$C$346,3,0)-VLOOKUP(AN$1,városok!$A$2:$C$346,3,0))^2)/1000,0)</f>
        <v>137</v>
      </c>
      <c r="AO256">
        <f ca="1">ROUND(SQRT((VLOOKUP($A256,városok!$A$2:$C$346,2,0)-VLOOKUP(AO$1,városok!$A$2:$C$346,2,0))^2+(VLOOKUP($A256,városok!$A$2:$C$346,3,0)-VLOOKUP(AO$1,városok!$A$2:$C$346,3,0))^2)/1000,0)</f>
        <v>111</v>
      </c>
      <c r="AP256">
        <f ca="1">ROUND(SQRT((VLOOKUP($A256,városok!$A$2:$C$346,2,0)-VLOOKUP(AP$1,városok!$A$2:$C$346,2,0))^2+(VLOOKUP($A256,városok!$A$2:$C$346,3,0)-VLOOKUP(AP$1,városok!$A$2:$C$346,3,0))^2)/1000,0)</f>
        <v>107</v>
      </c>
      <c r="AQ256">
        <f ca="1">ROUND(SQRT((VLOOKUP($A256,városok!$A$2:$C$346,2,0)-VLOOKUP(AQ$1,városok!$A$2:$C$346,2,0))^2+(VLOOKUP($A256,városok!$A$2:$C$346,3,0)-VLOOKUP(AQ$1,városok!$A$2:$C$346,3,0))^2)/1000,0)</f>
        <v>103</v>
      </c>
      <c r="AR256">
        <f ca="1">ROUND(SQRT((VLOOKUP($A256,városok!$A$2:$C$346,2,0)-VLOOKUP(AR$1,városok!$A$2:$C$346,2,0))^2+(VLOOKUP($A256,városok!$A$2:$C$346,3,0)-VLOOKUP(AR$1,városok!$A$2:$C$346,3,0))^2)/1000,0)</f>
        <v>197</v>
      </c>
      <c r="AS256">
        <f ca="1">ROUND(SQRT((VLOOKUP($A256,városok!$A$2:$C$346,2,0)-VLOOKUP(AS$1,városok!$A$2:$C$346,2,0))^2+(VLOOKUP($A256,városok!$A$2:$C$346,3,0)-VLOOKUP(AS$1,városok!$A$2:$C$346,3,0))^2)/1000,0)</f>
        <v>217</v>
      </c>
      <c r="AT256">
        <f ca="1">ROUND(SQRT((VLOOKUP($A256,városok!$A$2:$C$346,2,0)-VLOOKUP(AT$1,városok!$A$2:$C$346,2,0))^2+(VLOOKUP($A256,városok!$A$2:$C$346,3,0)-VLOOKUP(AT$1,városok!$A$2:$C$346,3,0))^2)/1000,0)</f>
        <v>114</v>
      </c>
      <c r="AU256">
        <f ca="1">ROUND(SQRT((VLOOKUP($A256,városok!$A$2:$C$346,2,0)-VLOOKUP(AU$1,városok!$A$2:$C$346,2,0))^2+(VLOOKUP($A256,városok!$A$2:$C$346,3,0)-VLOOKUP(AU$1,városok!$A$2:$C$346,3,0))^2)/1000,0)</f>
        <v>122</v>
      </c>
      <c r="AV256">
        <f ca="1">ROUND(SQRT((VLOOKUP($A256,városok!$A$2:$C$346,2,0)-VLOOKUP(AV$1,városok!$A$2:$C$346,2,0))^2+(VLOOKUP($A256,városok!$A$2:$C$346,3,0)-VLOOKUP(AV$1,városok!$A$2:$C$346,3,0))^2)/1000,0)</f>
        <v>118</v>
      </c>
      <c r="AW256">
        <f ca="1">ROUND(SQRT((VLOOKUP($A256,városok!$A$2:$C$346,2,0)-VLOOKUP(AW$1,városok!$A$2:$C$346,2,0))^2+(VLOOKUP($A256,városok!$A$2:$C$346,3,0)-VLOOKUP(AW$1,városok!$A$2:$C$346,3,0))^2)/1000,0)</f>
        <v>114</v>
      </c>
      <c r="AX256">
        <f ca="1">ROUND(SQRT((VLOOKUP($A256,városok!$A$2:$C$346,2,0)-VLOOKUP(AX$1,városok!$A$2:$C$346,2,0))^2+(VLOOKUP($A256,városok!$A$2:$C$346,3,0)-VLOOKUP(AX$1,városok!$A$2:$C$346,3,0))^2)/1000,0)</f>
        <v>161</v>
      </c>
      <c r="AY256">
        <f ca="1">ROUND(SQRT((VLOOKUP($A256,városok!$A$2:$C$346,2,0)-VLOOKUP(AY$1,városok!$A$2:$C$346,2,0))^2+(VLOOKUP($A256,városok!$A$2:$C$346,3,0)-VLOOKUP(AY$1,városok!$A$2:$C$346,3,0))^2)/1000,0)</f>
        <v>144</v>
      </c>
      <c r="AZ256">
        <f ca="1">ROUND(SQRT((VLOOKUP($A256,városok!$A$2:$C$346,2,0)-VLOOKUP(AZ$1,városok!$A$2:$C$346,2,0))^2+(VLOOKUP($A256,városok!$A$2:$C$346,3,0)-VLOOKUP(AZ$1,városok!$A$2:$C$346,3,0))^2)/1000,0)</f>
        <v>147</v>
      </c>
      <c r="BA256">
        <f ca="1">ROUND(SQRT((VLOOKUP($A256,városok!$A$2:$C$346,2,0)-VLOOKUP(BA$1,városok!$A$2:$C$346,2,0))^2+(VLOOKUP($A256,városok!$A$2:$C$346,3,0)-VLOOKUP(BA$1,városok!$A$2:$C$346,3,0))^2)/1000,0)</f>
        <v>0</v>
      </c>
      <c r="BB256">
        <f ca="1">ROUND(SQRT((VLOOKUP($A256,városok!$A$2:$C$346,2,0)-VLOOKUP(BB$1,városok!$A$2:$C$346,2,0))^2+(VLOOKUP($A256,városok!$A$2:$C$346,3,0)-VLOOKUP(BB$1,városok!$A$2:$C$346,3,0))^2)/1000,0)</f>
        <v>33</v>
      </c>
      <c r="BC256">
        <f ca="1">ROUND(SQRT((VLOOKUP($A256,városok!$A$2:$C$346,2,0)-VLOOKUP(BC$1,városok!$A$2:$C$346,2,0))^2+(VLOOKUP($A256,városok!$A$2:$C$346,3,0)-VLOOKUP(BC$1,városok!$A$2:$C$346,3,0))^2)/1000,0)</f>
        <v>48</v>
      </c>
      <c r="BD256">
        <f ca="1">ROUND(SQRT((VLOOKUP($A256,városok!$A$2:$C$346,2,0)-VLOOKUP(BD$1,városok!$A$2:$C$346,2,0))^2+(VLOOKUP($A256,városok!$A$2:$C$346,3,0)-VLOOKUP(BD$1,városok!$A$2:$C$346,3,0))^2)/1000,0)</f>
        <v>31</v>
      </c>
      <c r="BE256">
        <f ca="1">ROUND(SQRT((VLOOKUP($A256,városok!$A$2:$C$346,2,0)-VLOOKUP(BE$1,városok!$A$2:$C$346,2,0))^2+(VLOOKUP($A256,városok!$A$2:$C$346,3,0)-VLOOKUP(BE$1,városok!$A$2:$C$346,3,0))^2)/1000,0)</f>
        <v>393</v>
      </c>
      <c r="BF256">
        <f ca="1">ROUND(SQRT((VLOOKUP($A256,városok!$A$2:$C$346,2,0)-VLOOKUP(BF$1,városok!$A$2:$C$346,2,0))^2+(VLOOKUP($A256,városok!$A$2:$C$346,3,0)-VLOOKUP(BF$1,városok!$A$2:$C$346,3,0))^2)/1000,0)</f>
        <v>366</v>
      </c>
      <c r="BG256">
        <f ca="1">ROUND(SQRT((VLOOKUP($A256,városok!$A$2:$C$346,2,0)-VLOOKUP(BG$1,városok!$A$2:$C$346,2,0))^2+(VLOOKUP($A256,városok!$A$2:$C$346,3,0)-VLOOKUP(BG$1,városok!$A$2:$C$346,3,0))^2)/1000,0)</f>
        <v>321</v>
      </c>
      <c r="BH256">
        <f ca="1">ROUND(SQRT((VLOOKUP($A256,városok!$A$2:$C$346,2,0)-VLOOKUP(BH$1,városok!$A$2:$C$346,2,0))^2+(VLOOKUP($A256,városok!$A$2:$C$346,3,0)-VLOOKUP(BH$1,városok!$A$2:$C$346,3,0))^2)/1000,0)</f>
        <v>320</v>
      </c>
      <c r="BI256">
        <f ca="1">ROUND(SQRT((VLOOKUP($A256,városok!$A$2:$C$346,2,0)-VLOOKUP(BI$1,városok!$A$2:$C$346,2,0))^2+(VLOOKUP($A256,városok!$A$2:$C$346,3,0)-VLOOKUP(BI$1,városok!$A$2:$C$346,3,0))^2)/1000,0)</f>
        <v>82</v>
      </c>
      <c r="BJ256">
        <f ca="1">ROUND(SQRT((VLOOKUP($A256,városok!$A$2:$C$346,2,0)-VLOOKUP(BJ$1,városok!$A$2:$C$346,2,0))^2+(VLOOKUP($A256,városok!$A$2:$C$346,3,0)-VLOOKUP(BJ$1,városok!$A$2:$C$346,3,0))^2)/1000,0)</f>
        <v>80</v>
      </c>
      <c r="BK256">
        <f ca="1">ROUND(SQRT((VLOOKUP($A256,városok!$A$2:$C$346,2,0)-VLOOKUP(BK$1,városok!$A$2:$C$346,2,0))^2+(VLOOKUP($A256,városok!$A$2:$C$346,3,0)-VLOOKUP(BK$1,városok!$A$2:$C$346,3,0))^2)/1000,0)</f>
        <v>90</v>
      </c>
      <c r="BL256">
        <f ca="1">ROUND(SQRT((VLOOKUP($A256,városok!$A$2:$C$346,2,0)-VLOOKUP(BL$1,városok!$A$2:$C$346,2,0))^2+(VLOOKUP($A256,városok!$A$2:$C$346,3,0)-VLOOKUP(BL$1,városok!$A$2:$C$346,3,0))^2)/1000,0)</f>
        <v>88</v>
      </c>
      <c r="BM256">
        <f ca="1">ROUND(SQRT((VLOOKUP($A256,városok!$A$2:$C$346,2,0)-VLOOKUP(BM$1,városok!$A$2:$C$346,2,0))^2+(VLOOKUP($A256,városok!$A$2:$C$346,3,0)-VLOOKUP(BM$1,városok!$A$2:$C$346,3,0))^2)/1000,0)</f>
        <v>79</v>
      </c>
      <c r="BN256">
        <f ca="1">ROUND(SQRT((VLOOKUP($A256,városok!$A$2:$C$346,2,0)-VLOOKUP(BN$1,városok!$A$2:$C$346,2,0))^2+(VLOOKUP($A256,városok!$A$2:$C$346,3,0)-VLOOKUP(BN$1,városok!$A$2:$C$346,3,0))^2)/1000,0)</f>
        <v>96</v>
      </c>
      <c r="BO256">
        <f ca="1">ROUND(SQRT((VLOOKUP($A256,városok!$A$2:$C$346,2,0)-VLOOKUP(BO$1,városok!$A$2:$C$346,2,0))^2+(VLOOKUP($A256,városok!$A$2:$C$346,3,0)-VLOOKUP(BO$1,városok!$A$2:$C$346,3,0))^2)/1000,0)</f>
        <v>36</v>
      </c>
      <c r="BP256">
        <f ca="1">ROUND(SQRT((VLOOKUP($A256,városok!$A$2:$C$346,2,0)-VLOOKUP(BP$1,városok!$A$2:$C$346,2,0))^2+(VLOOKUP($A256,városok!$A$2:$C$346,3,0)-VLOOKUP(BP$1,városok!$A$2:$C$346,3,0))^2)/1000,0)</f>
        <v>42</v>
      </c>
      <c r="BQ256">
        <f ca="1">ROUND(SQRT((VLOOKUP($A256,városok!$A$2:$C$346,2,0)-VLOOKUP(BQ$1,városok!$A$2:$C$346,2,0))^2+(VLOOKUP($A256,városok!$A$2:$C$346,3,0)-VLOOKUP(BQ$1,városok!$A$2:$C$346,3,0))^2)/1000,0)</f>
        <v>38</v>
      </c>
      <c r="BR256">
        <f ca="1">ROUND(SQRT((VLOOKUP($A256,városok!$A$2:$C$346,2,0)-VLOOKUP(BR$1,városok!$A$2:$C$346,2,0))^2+(VLOOKUP($A256,városok!$A$2:$C$346,3,0)-VLOOKUP(BR$1,városok!$A$2:$C$346,3,0))^2)/1000,0)</f>
        <v>34</v>
      </c>
      <c r="BS256">
        <f ca="1">ROUND(SQRT((VLOOKUP($A256,városok!$A$2:$C$346,2,0)-VLOOKUP(BS$1,városok!$A$2:$C$346,2,0))^2+(VLOOKUP($A256,városok!$A$2:$C$346,3,0)-VLOOKUP(BS$1,városok!$A$2:$C$346,3,0))^2)/1000,0)</f>
        <v>66</v>
      </c>
      <c r="BT256">
        <f ca="1">ROUND(SQRT((VLOOKUP($A256,városok!$A$2:$C$346,2,0)-VLOOKUP(BT$1,városok!$A$2:$C$346,2,0))^2+(VLOOKUP($A256,városok!$A$2:$C$346,3,0)-VLOOKUP(BT$1,városok!$A$2:$C$346,3,0))^2)/1000,0)</f>
        <v>66</v>
      </c>
    </row>
    <row r="257" spans="1:72" x14ac:dyDescent="0.2">
      <c r="A257" t="str">
        <f>városok!A257</f>
        <v>Barcs</v>
      </c>
      <c r="B257">
        <f ca="1">ROUND(SQRT((VLOOKUP($A257,városok!$A$2:$C$346,2,0)-VLOOKUP(B$1,városok!$A$2:$C$346,2,0))^2+(VLOOKUP($A257,városok!$A$2:$C$346,3,0)-VLOOKUP(B$1,városok!$A$2:$C$346,3,0))^2)/1000,0)</f>
        <v>119</v>
      </c>
      <c r="C257">
        <f ca="1">ROUND(SQRT((VLOOKUP($A257,városok!$A$2:$C$346,2,0)-VLOOKUP(C$1,városok!$A$2:$C$346,2,0))^2+(VLOOKUP($A257,városok!$A$2:$C$346,3,0)-VLOOKUP(C$1,városok!$A$2:$C$346,3,0))^2)/1000,0)</f>
        <v>133</v>
      </c>
      <c r="D257">
        <f ca="1">ROUND(SQRT((VLOOKUP($A257,városok!$A$2:$C$346,2,0)-VLOOKUP(D$1,városok!$A$2:$C$346,2,0))^2+(VLOOKUP($A257,városok!$A$2:$C$346,3,0)-VLOOKUP(D$1,városok!$A$2:$C$346,3,0))^2)/1000,0)</f>
        <v>201</v>
      </c>
      <c r="E257">
        <f ca="1">ROUND(SQRT((VLOOKUP($A257,városok!$A$2:$C$346,2,0)-VLOOKUP(E$1,városok!$A$2:$C$346,2,0))^2+(VLOOKUP($A257,városok!$A$2:$C$346,3,0)-VLOOKUP(E$1,városok!$A$2:$C$346,3,0))^2)/1000,0)</f>
        <v>67</v>
      </c>
      <c r="F257">
        <f ca="1">ROUND(SQRT((VLOOKUP($A257,városok!$A$2:$C$346,2,0)-VLOOKUP(F$1,városok!$A$2:$C$346,2,0))^2+(VLOOKUP($A257,városok!$A$2:$C$346,3,0)-VLOOKUP(F$1,városok!$A$2:$C$346,3,0))^2)/1000,0)</f>
        <v>95</v>
      </c>
      <c r="G257">
        <f ca="1">ROUND(SQRT((VLOOKUP($A257,városok!$A$2:$C$346,2,0)-VLOOKUP(G$1,városok!$A$2:$C$346,2,0))^2+(VLOOKUP($A257,városok!$A$2:$C$346,3,0)-VLOOKUP(G$1,városok!$A$2:$C$346,3,0))^2)/1000,0)</f>
        <v>62</v>
      </c>
      <c r="H257">
        <f ca="1">ROUND(SQRT((VLOOKUP($A257,városok!$A$2:$C$346,2,0)-VLOOKUP(H$1,városok!$A$2:$C$346,2,0))^2+(VLOOKUP($A257,városok!$A$2:$C$346,3,0)-VLOOKUP(H$1,városok!$A$2:$C$346,3,0))^2)/1000,0)</f>
        <v>28</v>
      </c>
      <c r="I257">
        <f ca="1">ROUND(SQRT((VLOOKUP($A257,városok!$A$2:$C$346,2,0)-VLOOKUP(I$1,városok!$A$2:$C$346,2,0))^2+(VLOOKUP($A257,városok!$A$2:$C$346,3,0)-VLOOKUP(I$1,városok!$A$2:$C$346,3,0))^2)/1000,0)</f>
        <v>290</v>
      </c>
      <c r="J257">
        <f ca="1">ROUND(SQRT((VLOOKUP($A257,városok!$A$2:$C$346,2,0)-VLOOKUP(J$1,városok!$A$2:$C$346,2,0))^2+(VLOOKUP($A257,városok!$A$2:$C$346,3,0)-VLOOKUP(J$1,városok!$A$2:$C$346,3,0))^2)/1000,0)</f>
        <v>304</v>
      </c>
      <c r="K257">
        <f ca="1">ROUND(SQRT((VLOOKUP($A257,városok!$A$2:$C$346,2,0)-VLOOKUP(K$1,városok!$A$2:$C$346,2,0))^2+(VLOOKUP($A257,városok!$A$2:$C$346,3,0)-VLOOKUP(K$1,városok!$A$2:$C$346,3,0))^2)/1000,0)</f>
        <v>256</v>
      </c>
      <c r="L257">
        <f ca="1">ROUND(SQRT((VLOOKUP($A257,városok!$A$2:$C$346,2,0)-VLOOKUP(L$1,városok!$A$2:$C$346,2,0))^2+(VLOOKUP($A257,városok!$A$2:$C$346,3,0)-VLOOKUP(L$1,városok!$A$2:$C$346,3,0))^2)/1000,0)</f>
        <v>351</v>
      </c>
      <c r="M257">
        <f ca="1">ROUND(SQRT((VLOOKUP($A257,városok!$A$2:$C$346,2,0)-VLOOKUP(M$1,városok!$A$2:$C$346,2,0))^2+(VLOOKUP($A257,városok!$A$2:$C$346,3,0)-VLOOKUP(M$1,városok!$A$2:$C$346,3,0))^2)/1000,0)</f>
        <v>348</v>
      </c>
      <c r="N257">
        <f ca="1">ROUND(SQRT((VLOOKUP($A257,városok!$A$2:$C$346,2,0)-VLOOKUP(N$1,városok!$A$2:$C$346,2,0))^2+(VLOOKUP($A257,városok!$A$2:$C$346,3,0)-VLOOKUP(N$1,városok!$A$2:$C$346,3,0))^2)/1000,0)</f>
        <v>331</v>
      </c>
      <c r="O257">
        <f ca="1">ROUND(SQRT((VLOOKUP($A257,városok!$A$2:$C$346,2,0)-VLOOKUP(O$1,városok!$A$2:$C$346,2,0))^2+(VLOOKUP($A257,városok!$A$2:$C$346,3,0)-VLOOKUP(O$1,városok!$A$2:$C$346,3,0))^2)/1000,0)</f>
        <v>418</v>
      </c>
      <c r="P257">
        <f ca="1">ROUND(SQRT((VLOOKUP($A257,városok!$A$2:$C$346,2,0)-VLOOKUP(P$1,városok!$A$2:$C$346,2,0))^2+(VLOOKUP($A257,városok!$A$2:$C$346,3,0)-VLOOKUP(P$1,városok!$A$2:$C$346,3,0))^2)/1000,0)</f>
        <v>418</v>
      </c>
      <c r="Q257">
        <f ca="1">ROUND(SQRT((VLOOKUP($A257,városok!$A$2:$C$346,2,0)-VLOOKUP(Q$1,városok!$A$2:$C$346,2,0))^2+(VLOOKUP($A257,városok!$A$2:$C$346,3,0)-VLOOKUP(Q$1,városok!$A$2:$C$346,3,0))^2)/1000,0)</f>
        <v>227</v>
      </c>
      <c r="R257">
        <f ca="1">ROUND(SQRT((VLOOKUP($A257,városok!$A$2:$C$346,2,0)-VLOOKUP(R$1,városok!$A$2:$C$346,2,0))^2+(VLOOKUP($A257,városok!$A$2:$C$346,3,0)-VLOOKUP(R$1,városok!$A$2:$C$346,3,0))^2)/1000,0)</f>
        <v>235</v>
      </c>
      <c r="S257">
        <f ca="1">ROUND(SQRT((VLOOKUP($A257,városok!$A$2:$C$346,2,0)-VLOOKUP(S$1,városok!$A$2:$C$346,2,0))^2+(VLOOKUP($A257,városok!$A$2:$C$346,3,0)-VLOOKUP(S$1,városok!$A$2:$C$346,3,0))^2)/1000,0)</f>
        <v>211</v>
      </c>
      <c r="T257">
        <f ca="1">ROUND(SQRT((VLOOKUP($A257,városok!$A$2:$C$346,2,0)-VLOOKUP(T$1,városok!$A$2:$C$346,2,0))^2+(VLOOKUP($A257,városok!$A$2:$C$346,3,0)-VLOOKUP(T$1,városok!$A$2:$C$346,3,0))^2)/1000,0)</f>
        <v>192</v>
      </c>
      <c r="U257">
        <f ca="1">ROUND(SQRT((VLOOKUP($A257,városok!$A$2:$C$346,2,0)-VLOOKUP(U$1,városok!$A$2:$C$346,2,0))^2+(VLOOKUP($A257,városok!$A$2:$C$346,3,0)-VLOOKUP(U$1,városok!$A$2:$C$346,3,0))^2)/1000,0)</f>
        <v>159</v>
      </c>
      <c r="V257">
        <f ca="1">ROUND(SQRT((VLOOKUP($A257,városok!$A$2:$C$346,2,0)-VLOOKUP(V$1,városok!$A$2:$C$346,2,0))^2+(VLOOKUP($A257,városok!$A$2:$C$346,3,0)-VLOOKUP(V$1,városok!$A$2:$C$346,3,0))^2)/1000,0)</f>
        <v>139</v>
      </c>
      <c r="W257">
        <f ca="1">ROUND(SQRT((VLOOKUP($A257,városok!$A$2:$C$346,2,0)-VLOOKUP(W$1,városok!$A$2:$C$346,2,0))^2+(VLOOKUP($A257,városok!$A$2:$C$346,3,0)-VLOOKUP(W$1,városok!$A$2:$C$346,3,0))^2)/1000,0)</f>
        <v>137</v>
      </c>
      <c r="X257">
        <f ca="1">ROUND(SQRT((VLOOKUP($A257,városok!$A$2:$C$346,2,0)-VLOOKUP(X$1,városok!$A$2:$C$346,2,0))^2+(VLOOKUP($A257,városok!$A$2:$C$346,3,0)-VLOOKUP(X$1,városok!$A$2:$C$346,3,0))^2)/1000,0)</f>
        <v>162</v>
      </c>
      <c r="Y257">
        <f ca="1">ROUND(SQRT((VLOOKUP($A257,városok!$A$2:$C$346,2,0)-VLOOKUP(Y$1,városok!$A$2:$C$346,2,0))^2+(VLOOKUP($A257,városok!$A$2:$C$346,3,0)-VLOOKUP(Y$1,városok!$A$2:$C$346,3,0))^2)/1000,0)</f>
        <v>193</v>
      </c>
      <c r="Z257">
        <f ca="1">ROUND(SQRT((VLOOKUP($A257,városok!$A$2:$C$346,2,0)-VLOOKUP(Z$1,városok!$A$2:$C$346,2,0))^2+(VLOOKUP($A257,városok!$A$2:$C$346,3,0)-VLOOKUP(Z$1,városok!$A$2:$C$346,3,0))^2)/1000,0)</f>
        <v>198</v>
      </c>
      <c r="AA257">
        <f ca="1">ROUND(SQRT((VLOOKUP($A257,városok!$A$2:$C$346,2,0)-VLOOKUP(AA$1,városok!$A$2:$C$346,2,0))^2+(VLOOKUP($A257,városok!$A$2:$C$346,3,0)-VLOOKUP(AA$1,városok!$A$2:$C$346,3,0))^2)/1000,0)</f>
        <v>203</v>
      </c>
      <c r="AB257">
        <f ca="1">ROUND(SQRT((VLOOKUP($A257,városok!$A$2:$C$346,2,0)-VLOOKUP(AB$1,városok!$A$2:$C$346,2,0))^2+(VLOOKUP($A257,városok!$A$2:$C$346,3,0)-VLOOKUP(AB$1,városok!$A$2:$C$346,3,0))^2)/1000,0)</f>
        <v>363</v>
      </c>
      <c r="AC257">
        <f ca="1">ROUND(SQRT((VLOOKUP($A257,városok!$A$2:$C$346,2,0)-VLOOKUP(AC$1,városok!$A$2:$C$346,2,0))^2+(VLOOKUP($A257,városok!$A$2:$C$346,3,0)-VLOOKUP(AC$1,városok!$A$2:$C$346,3,0))^2)/1000,0)</f>
        <v>343</v>
      </c>
      <c r="AD257">
        <f ca="1">ROUND(SQRT((VLOOKUP($A257,városok!$A$2:$C$346,2,0)-VLOOKUP(AD$1,városok!$A$2:$C$346,2,0))^2+(VLOOKUP($A257,városok!$A$2:$C$346,3,0)-VLOOKUP(AD$1,városok!$A$2:$C$346,3,0))^2)/1000,0)</f>
        <v>327</v>
      </c>
      <c r="AE257">
        <f ca="1">ROUND(SQRT((VLOOKUP($A257,városok!$A$2:$C$346,2,0)-VLOOKUP(AE$1,városok!$A$2:$C$346,2,0))^2+(VLOOKUP($A257,városok!$A$2:$C$346,3,0)-VLOOKUP(AE$1,városok!$A$2:$C$346,3,0))^2)/1000,0)</f>
        <v>320</v>
      </c>
      <c r="AF257">
        <f ca="1">ROUND(SQRT((VLOOKUP($A257,városok!$A$2:$C$346,2,0)-VLOOKUP(AF$1,városok!$A$2:$C$346,2,0))^2+(VLOOKUP($A257,városok!$A$2:$C$346,3,0)-VLOOKUP(AF$1,városok!$A$2:$C$346,3,0))^2)/1000,0)</f>
        <v>310</v>
      </c>
      <c r="AG257">
        <f ca="1">ROUND(SQRT((VLOOKUP($A257,városok!$A$2:$C$346,2,0)-VLOOKUP(AG$1,városok!$A$2:$C$346,2,0))^2+(VLOOKUP($A257,városok!$A$2:$C$346,3,0)-VLOOKUP(AG$1,városok!$A$2:$C$346,3,0))^2)/1000,0)</f>
        <v>276</v>
      </c>
      <c r="AH257">
        <f ca="1">ROUND(SQRT((VLOOKUP($A257,városok!$A$2:$C$346,2,0)-VLOOKUP(AH$1,városok!$A$2:$C$346,2,0))^2+(VLOOKUP($A257,városok!$A$2:$C$346,3,0)-VLOOKUP(AH$1,városok!$A$2:$C$346,3,0))^2)/1000,0)</f>
        <v>254</v>
      </c>
      <c r="AI257">
        <f ca="1">ROUND(SQRT((VLOOKUP($A257,városok!$A$2:$C$346,2,0)-VLOOKUP(AI$1,városok!$A$2:$C$346,2,0))^2+(VLOOKUP($A257,városok!$A$2:$C$346,3,0)-VLOOKUP(AI$1,városok!$A$2:$C$346,3,0))^2)/1000,0)</f>
        <v>305</v>
      </c>
      <c r="AJ257">
        <f ca="1">ROUND(SQRT((VLOOKUP($A257,városok!$A$2:$C$346,2,0)-VLOOKUP(AJ$1,városok!$A$2:$C$346,2,0))^2+(VLOOKUP($A257,városok!$A$2:$C$346,3,0)-VLOOKUP(AJ$1,városok!$A$2:$C$346,3,0))^2)/1000,0)</f>
        <v>268</v>
      </c>
      <c r="AK257">
        <f ca="1">ROUND(SQRT((VLOOKUP($A257,városok!$A$2:$C$346,2,0)-VLOOKUP(AK$1,városok!$A$2:$C$346,2,0))^2+(VLOOKUP($A257,városok!$A$2:$C$346,3,0)-VLOOKUP(AK$1,városok!$A$2:$C$346,3,0))^2)/1000,0)</f>
        <v>307</v>
      </c>
      <c r="AL257">
        <f ca="1">ROUND(SQRT((VLOOKUP($A257,városok!$A$2:$C$346,2,0)-VLOOKUP(AL$1,városok!$A$2:$C$346,2,0))^2+(VLOOKUP($A257,városok!$A$2:$C$346,3,0)-VLOOKUP(AL$1,városok!$A$2:$C$346,3,0))^2)/1000,0)</f>
        <v>289</v>
      </c>
      <c r="AM257">
        <f ca="1">ROUND(SQRT((VLOOKUP($A257,városok!$A$2:$C$346,2,0)-VLOOKUP(AM$1,városok!$A$2:$C$346,2,0))^2+(VLOOKUP($A257,városok!$A$2:$C$346,3,0)-VLOOKUP(AM$1,városok!$A$2:$C$346,3,0))^2)/1000,0)</f>
        <v>249</v>
      </c>
      <c r="AN257">
        <f ca="1">ROUND(SQRT((VLOOKUP($A257,városok!$A$2:$C$346,2,0)-VLOOKUP(AN$1,városok!$A$2:$C$346,2,0))^2+(VLOOKUP($A257,városok!$A$2:$C$346,3,0)-VLOOKUP(AN$1,városok!$A$2:$C$346,3,0))^2)/1000,0)</f>
        <v>226</v>
      </c>
      <c r="AO257">
        <f ca="1">ROUND(SQRT((VLOOKUP($A257,városok!$A$2:$C$346,2,0)-VLOOKUP(AO$1,városok!$A$2:$C$346,2,0))^2+(VLOOKUP($A257,városok!$A$2:$C$346,3,0)-VLOOKUP(AO$1,városok!$A$2:$C$346,3,0))^2)/1000,0)</f>
        <v>205</v>
      </c>
      <c r="AP257">
        <f ca="1">ROUND(SQRT((VLOOKUP($A257,városok!$A$2:$C$346,2,0)-VLOOKUP(AP$1,városok!$A$2:$C$346,2,0))^2+(VLOOKUP($A257,városok!$A$2:$C$346,3,0)-VLOOKUP(AP$1,városok!$A$2:$C$346,3,0))^2)/1000,0)</f>
        <v>199</v>
      </c>
      <c r="AQ257">
        <f ca="1">ROUND(SQRT((VLOOKUP($A257,városok!$A$2:$C$346,2,0)-VLOOKUP(AQ$1,városok!$A$2:$C$346,2,0))^2+(VLOOKUP($A257,városok!$A$2:$C$346,3,0)-VLOOKUP(AQ$1,városok!$A$2:$C$346,3,0))^2)/1000,0)</f>
        <v>193</v>
      </c>
      <c r="AR257">
        <f ca="1">ROUND(SQRT((VLOOKUP($A257,városok!$A$2:$C$346,2,0)-VLOOKUP(AR$1,városok!$A$2:$C$346,2,0))^2+(VLOOKUP($A257,városok!$A$2:$C$346,3,0)-VLOOKUP(AR$1,városok!$A$2:$C$346,3,0))^2)/1000,0)</f>
        <v>277</v>
      </c>
      <c r="AS257">
        <f ca="1">ROUND(SQRT((VLOOKUP($A257,városok!$A$2:$C$346,2,0)-VLOOKUP(AS$1,városok!$A$2:$C$346,2,0))^2+(VLOOKUP($A257,városok!$A$2:$C$346,3,0)-VLOOKUP(AS$1,városok!$A$2:$C$346,3,0))^2)/1000,0)</f>
        <v>299</v>
      </c>
      <c r="AT257">
        <f ca="1">ROUND(SQRT((VLOOKUP($A257,városok!$A$2:$C$346,2,0)-VLOOKUP(AT$1,városok!$A$2:$C$346,2,0))^2+(VLOOKUP($A257,városok!$A$2:$C$346,3,0)-VLOOKUP(AT$1,városok!$A$2:$C$346,3,0))^2)/1000,0)</f>
        <v>198</v>
      </c>
      <c r="AU257">
        <f ca="1">ROUND(SQRT((VLOOKUP($A257,városok!$A$2:$C$346,2,0)-VLOOKUP(AU$1,városok!$A$2:$C$346,2,0))^2+(VLOOKUP($A257,városok!$A$2:$C$346,3,0)-VLOOKUP(AU$1,városok!$A$2:$C$346,3,0))^2)/1000,0)</f>
        <v>203</v>
      </c>
      <c r="AV257">
        <f ca="1">ROUND(SQRT((VLOOKUP($A257,városok!$A$2:$C$346,2,0)-VLOOKUP(AV$1,városok!$A$2:$C$346,2,0))^2+(VLOOKUP($A257,városok!$A$2:$C$346,3,0)-VLOOKUP(AV$1,városok!$A$2:$C$346,3,0))^2)/1000,0)</f>
        <v>198</v>
      </c>
      <c r="AW257">
        <f ca="1">ROUND(SQRT((VLOOKUP($A257,városok!$A$2:$C$346,2,0)-VLOOKUP(AW$1,városok!$A$2:$C$346,2,0))^2+(VLOOKUP($A257,városok!$A$2:$C$346,3,0)-VLOOKUP(AW$1,városok!$A$2:$C$346,3,0))^2)/1000,0)</f>
        <v>195</v>
      </c>
      <c r="AX257">
        <f ca="1">ROUND(SQRT((VLOOKUP($A257,városok!$A$2:$C$346,2,0)-VLOOKUP(AX$1,városok!$A$2:$C$346,2,0))^2+(VLOOKUP($A257,városok!$A$2:$C$346,3,0)-VLOOKUP(AX$1,városok!$A$2:$C$346,3,0))^2)/1000,0)</f>
        <v>214</v>
      </c>
      <c r="AY257">
        <f ca="1">ROUND(SQRT((VLOOKUP($A257,városok!$A$2:$C$346,2,0)-VLOOKUP(AY$1,városok!$A$2:$C$346,2,0))^2+(VLOOKUP($A257,városok!$A$2:$C$346,3,0)-VLOOKUP(AY$1,városok!$A$2:$C$346,3,0))^2)/1000,0)</f>
        <v>227</v>
      </c>
      <c r="AZ257">
        <f ca="1">ROUND(SQRT((VLOOKUP($A257,városok!$A$2:$C$346,2,0)-VLOOKUP(AZ$1,városok!$A$2:$C$346,2,0))^2+(VLOOKUP($A257,városok!$A$2:$C$346,3,0)-VLOOKUP(AZ$1,városok!$A$2:$C$346,3,0))^2)/1000,0)</f>
        <v>234</v>
      </c>
      <c r="BA257">
        <f ca="1">ROUND(SQRT((VLOOKUP($A257,városok!$A$2:$C$346,2,0)-VLOOKUP(BA$1,városok!$A$2:$C$346,2,0))^2+(VLOOKUP($A257,városok!$A$2:$C$346,3,0)-VLOOKUP(BA$1,városok!$A$2:$C$346,3,0))^2)/1000,0)</f>
        <v>93</v>
      </c>
      <c r="BB257">
        <f ca="1">ROUND(SQRT((VLOOKUP($A257,városok!$A$2:$C$346,2,0)-VLOOKUP(BB$1,városok!$A$2:$C$346,2,0))^2+(VLOOKUP($A257,városok!$A$2:$C$346,3,0)-VLOOKUP(BB$1,városok!$A$2:$C$346,3,0))^2)/1000,0)</f>
        <v>74</v>
      </c>
      <c r="BC257">
        <f ca="1">ROUND(SQRT((VLOOKUP($A257,városok!$A$2:$C$346,2,0)-VLOOKUP(BC$1,városok!$A$2:$C$346,2,0))^2+(VLOOKUP($A257,városok!$A$2:$C$346,3,0)-VLOOKUP(BC$1,városok!$A$2:$C$346,3,0))^2)/1000,0)</f>
        <v>51</v>
      </c>
      <c r="BD257">
        <f ca="1">ROUND(SQRT((VLOOKUP($A257,városok!$A$2:$C$346,2,0)-VLOOKUP(BD$1,városok!$A$2:$C$346,2,0))^2+(VLOOKUP($A257,városok!$A$2:$C$346,3,0)-VLOOKUP(BD$1,városok!$A$2:$C$346,3,0))^2)/1000,0)</f>
        <v>115</v>
      </c>
      <c r="BE257">
        <f ca="1">ROUND(SQRT((VLOOKUP($A257,városok!$A$2:$C$346,2,0)-VLOOKUP(BE$1,városok!$A$2:$C$346,2,0))^2+(VLOOKUP($A257,városok!$A$2:$C$346,3,0)-VLOOKUP(BE$1,városok!$A$2:$C$346,3,0))^2)/1000,0)</f>
        <v>449</v>
      </c>
      <c r="BF257">
        <f ca="1">ROUND(SQRT((VLOOKUP($A257,városok!$A$2:$C$346,2,0)-VLOOKUP(BF$1,városok!$A$2:$C$346,2,0))^2+(VLOOKUP($A257,városok!$A$2:$C$346,3,0)-VLOOKUP(BF$1,városok!$A$2:$C$346,3,0))^2)/1000,0)</f>
        <v>431</v>
      </c>
      <c r="BG257">
        <f ca="1">ROUND(SQRT((VLOOKUP($A257,városok!$A$2:$C$346,2,0)-VLOOKUP(BG$1,városok!$A$2:$C$346,2,0))^2+(VLOOKUP($A257,városok!$A$2:$C$346,3,0)-VLOOKUP(BG$1,városok!$A$2:$C$346,3,0))^2)/1000,0)</f>
        <v>388</v>
      </c>
      <c r="BH257">
        <f ca="1">ROUND(SQRT((VLOOKUP($A257,városok!$A$2:$C$346,2,0)-VLOOKUP(BH$1,városok!$A$2:$C$346,2,0))^2+(VLOOKUP($A257,városok!$A$2:$C$346,3,0)-VLOOKUP(BH$1,városok!$A$2:$C$346,3,0))^2)/1000,0)</f>
        <v>388</v>
      </c>
      <c r="BI257">
        <f ca="1">ROUND(SQRT((VLOOKUP($A257,városok!$A$2:$C$346,2,0)-VLOOKUP(BI$1,városok!$A$2:$C$346,2,0))^2+(VLOOKUP($A257,városok!$A$2:$C$346,3,0)-VLOOKUP(BI$1,városok!$A$2:$C$346,3,0))^2)/1000,0)</f>
        <v>102</v>
      </c>
      <c r="BJ257">
        <f ca="1">ROUND(SQRT((VLOOKUP($A257,városok!$A$2:$C$346,2,0)-VLOOKUP(BJ$1,városok!$A$2:$C$346,2,0))^2+(VLOOKUP($A257,városok!$A$2:$C$346,3,0)-VLOOKUP(BJ$1,városok!$A$2:$C$346,3,0))^2)/1000,0)</f>
        <v>85</v>
      </c>
      <c r="BK257">
        <f ca="1">ROUND(SQRT((VLOOKUP($A257,városok!$A$2:$C$346,2,0)-VLOOKUP(BK$1,városok!$A$2:$C$346,2,0))^2+(VLOOKUP($A257,városok!$A$2:$C$346,3,0)-VLOOKUP(BK$1,városok!$A$2:$C$346,3,0))^2)/1000,0)</f>
        <v>106</v>
      </c>
      <c r="BL257">
        <f ca="1">ROUND(SQRT((VLOOKUP($A257,városok!$A$2:$C$346,2,0)-VLOOKUP(BL$1,városok!$A$2:$C$346,2,0))^2+(VLOOKUP($A257,városok!$A$2:$C$346,3,0)-VLOOKUP(BL$1,városok!$A$2:$C$346,3,0))^2)/1000,0)</f>
        <v>134</v>
      </c>
      <c r="BM257">
        <f ca="1">ROUND(SQRT((VLOOKUP($A257,városok!$A$2:$C$346,2,0)-VLOOKUP(BM$1,városok!$A$2:$C$346,2,0))^2+(VLOOKUP($A257,városok!$A$2:$C$346,3,0)-VLOOKUP(BM$1,városok!$A$2:$C$346,3,0))^2)/1000,0)</f>
        <v>150</v>
      </c>
      <c r="BN257">
        <f ca="1">ROUND(SQRT((VLOOKUP($A257,városok!$A$2:$C$346,2,0)-VLOOKUP(BN$1,városok!$A$2:$C$346,2,0))^2+(VLOOKUP($A257,városok!$A$2:$C$346,3,0)-VLOOKUP(BN$1,városok!$A$2:$C$346,3,0))^2)/1000,0)</f>
        <v>156</v>
      </c>
      <c r="BO257">
        <f ca="1">ROUND(SQRT((VLOOKUP($A257,városok!$A$2:$C$346,2,0)-VLOOKUP(BO$1,városok!$A$2:$C$346,2,0))^2+(VLOOKUP($A257,városok!$A$2:$C$346,3,0)-VLOOKUP(BO$1,városok!$A$2:$C$346,3,0))^2)/1000,0)</f>
        <v>127</v>
      </c>
      <c r="BP257">
        <f ca="1">ROUND(SQRT((VLOOKUP($A257,városok!$A$2:$C$346,2,0)-VLOOKUP(BP$1,városok!$A$2:$C$346,2,0))^2+(VLOOKUP($A257,városok!$A$2:$C$346,3,0)-VLOOKUP(BP$1,városok!$A$2:$C$346,3,0))^2)/1000,0)</f>
        <v>130</v>
      </c>
      <c r="BQ257">
        <f ca="1">ROUND(SQRT((VLOOKUP($A257,városok!$A$2:$C$346,2,0)-VLOOKUP(BQ$1,városok!$A$2:$C$346,2,0))^2+(VLOOKUP($A257,városok!$A$2:$C$346,3,0)-VLOOKUP(BQ$1,városok!$A$2:$C$346,3,0))^2)/1000,0)</f>
        <v>131</v>
      </c>
      <c r="BR257">
        <f ca="1">ROUND(SQRT((VLOOKUP($A257,városok!$A$2:$C$346,2,0)-VLOOKUP(BR$1,városok!$A$2:$C$346,2,0))^2+(VLOOKUP($A257,városok!$A$2:$C$346,3,0)-VLOOKUP(BR$1,városok!$A$2:$C$346,3,0))^2)/1000,0)</f>
        <v>92</v>
      </c>
      <c r="BS257">
        <f ca="1">ROUND(SQRT((VLOOKUP($A257,városok!$A$2:$C$346,2,0)-VLOOKUP(BS$1,városok!$A$2:$C$346,2,0))^2+(VLOOKUP($A257,városok!$A$2:$C$346,3,0)-VLOOKUP(BS$1,városok!$A$2:$C$346,3,0))^2)/1000,0)</f>
        <v>65</v>
      </c>
      <c r="BT257">
        <f ca="1">ROUND(SQRT((VLOOKUP($A257,városok!$A$2:$C$346,2,0)-VLOOKUP(BT$1,városok!$A$2:$C$346,2,0))^2+(VLOOKUP($A257,városok!$A$2:$C$346,3,0)-VLOOKUP(BT$1,városok!$A$2:$C$346,3,0))^2)/1000,0)</f>
        <v>108</v>
      </c>
    </row>
    <row r="258" spans="1:72" x14ac:dyDescent="0.2">
      <c r="A258" t="str">
        <f>városok!A258</f>
        <v>Csurgó</v>
      </c>
      <c r="B258">
        <f ca="1">ROUND(SQRT((VLOOKUP($A258,városok!$A$2:$C$346,2,0)-VLOOKUP(B$1,városok!$A$2:$C$346,2,0))^2+(VLOOKUP($A258,városok!$A$2:$C$346,3,0)-VLOOKUP(B$1,városok!$A$2:$C$346,3,0))^2)/1000,0)</f>
        <v>144</v>
      </c>
      <c r="C258">
        <f ca="1">ROUND(SQRT((VLOOKUP($A258,városok!$A$2:$C$346,2,0)-VLOOKUP(C$1,városok!$A$2:$C$346,2,0))^2+(VLOOKUP($A258,városok!$A$2:$C$346,3,0)-VLOOKUP(C$1,városok!$A$2:$C$346,3,0))^2)/1000,0)</f>
        <v>148</v>
      </c>
      <c r="D258">
        <f ca="1">ROUND(SQRT((VLOOKUP($A258,városok!$A$2:$C$346,2,0)-VLOOKUP(D$1,városok!$A$2:$C$346,2,0))^2+(VLOOKUP($A258,városok!$A$2:$C$346,3,0)-VLOOKUP(D$1,városok!$A$2:$C$346,3,0))^2)/1000,0)</f>
        <v>211</v>
      </c>
      <c r="E258">
        <f ca="1">ROUND(SQRT((VLOOKUP($A258,városok!$A$2:$C$346,2,0)-VLOOKUP(E$1,városok!$A$2:$C$346,2,0))^2+(VLOOKUP($A258,városok!$A$2:$C$346,3,0)-VLOOKUP(E$1,városok!$A$2:$C$346,3,0))^2)/1000,0)</f>
        <v>90</v>
      </c>
      <c r="F258">
        <f ca="1">ROUND(SQRT((VLOOKUP($A258,városok!$A$2:$C$346,2,0)-VLOOKUP(F$1,városok!$A$2:$C$346,2,0))^2+(VLOOKUP($A258,városok!$A$2:$C$346,3,0)-VLOOKUP(F$1,városok!$A$2:$C$346,3,0))^2)/1000,0)</f>
        <v>126</v>
      </c>
      <c r="G258">
        <f ca="1">ROUND(SQRT((VLOOKUP($A258,városok!$A$2:$C$346,2,0)-VLOOKUP(G$1,városok!$A$2:$C$346,2,0))^2+(VLOOKUP($A258,városok!$A$2:$C$346,3,0)-VLOOKUP(G$1,városok!$A$2:$C$346,3,0))^2)/1000,0)</f>
        <v>91</v>
      </c>
      <c r="H258">
        <f ca="1">ROUND(SQRT((VLOOKUP($A258,városok!$A$2:$C$346,2,0)-VLOOKUP(H$1,városok!$A$2:$C$346,2,0))^2+(VLOOKUP($A258,városok!$A$2:$C$346,3,0)-VLOOKUP(H$1,városok!$A$2:$C$346,3,0))^2)/1000,0)</f>
        <v>59</v>
      </c>
      <c r="I258">
        <f ca="1">ROUND(SQRT((VLOOKUP($A258,városok!$A$2:$C$346,2,0)-VLOOKUP(I$1,városok!$A$2:$C$346,2,0))^2+(VLOOKUP($A258,városok!$A$2:$C$346,3,0)-VLOOKUP(I$1,városok!$A$2:$C$346,3,0))^2)/1000,0)</f>
        <v>309</v>
      </c>
      <c r="J258">
        <f ca="1">ROUND(SQRT((VLOOKUP($A258,városok!$A$2:$C$346,2,0)-VLOOKUP(J$1,városok!$A$2:$C$346,2,0))^2+(VLOOKUP($A258,városok!$A$2:$C$346,3,0)-VLOOKUP(J$1,városok!$A$2:$C$346,3,0))^2)/1000,0)</f>
        <v>324</v>
      </c>
      <c r="K258">
        <f ca="1">ROUND(SQRT((VLOOKUP($A258,városok!$A$2:$C$346,2,0)-VLOOKUP(K$1,városok!$A$2:$C$346,2,0))^2+(VLOOKUP($A258,városok!$A$2:$C$346,3,0)-VLOOKUP(K$1,városok!$A$2:$C$346,3,0))^2)/1000,0)</f>
        <v>276</v>
      </c>
      <c r="L258">
        <f ca="1">ROUND(SQRT((VLOOKUP($A258,városok!$A$2:$C$346,2,0)-VLOOKUP(L$1,városok!$A$2:$C$346,2,0))^2+(VLOOKUP($A258,városok!$A$2:$C$346,3,0)-VLOOKUP(L$1,városok!$A$2:$C$346,3,0))^2)/1000,0)</f>
        <v>348</v>
      </c>
      <c r="M258">
        <f ca="1">ROUND(SQRT((VLOOKUP($A258,városok!$A$2:$C$346,2,0)-VLOOKUP(M$1,városok!$A$2:$C$346,2,0))^2+(VLOOKUP($A258,városok!$A$2:$C$346,3,0)-VLOOKUP(M$1,városok!$A$2:$C$346,3,0))^2)/1000,0)</f>
        <v>347</v>
      </c>
      <c r="N258">
        <f ca="1">ROUND(SQRT((VLOOKUP($A258,városok!$A$2:$C$346,2,0)-VLOOKUP(N$1,városok!$A$2:$C$346,2,0))^2+(VLOOKUP($A258,városok!$A$2:$C$346,3,0)-VLOOKUP(N$1,városok!$A$2:$C$346,3,0))^2)/1000,0)</f>
        <v>326</v>
      </c>
      <c r="O258">
        <f ca="1">ROUND(SQRT((VLOOKUP($A258,városok!$A$2:$C$346,2,0)-VLOOKUP(O$1,városok!$A$2:$C$346,2,0))^2+(VLOOKUP($A258,városok!$A$2:$C$346,3,0)-VLOOKUP(O$1,városok!$A$2:$C$346,3,0))^2)/1000,0)</f>
        <v>418</v>
      </c>
      <c r="P258">
        <f ca="1">ROUND(SQRT((VLOOKUP($A258,városok!$A$2:$C$346,2,0)-VLOOKUP(P$1,városok!$A$2:$C$346,2,0))^2+(VLOOKUP($A258,városok!$A$2:$C$346,3,0)-VLOOKUP(P$1,városok!$A$2:$C$346,3,0))^2)/1000,0)</f>
        <v>418</v>
      </c>
      <c r="Q258">
        <f ca="1">ROUND(SQRT((VLOOKUP($A258,városok!$A$2:$C$346,2,0)-VLOOKUP(Q$1,városok!$A$2:$C$346,2,0))^2+(VLOOKUP($A258,városok!$A$2:$C$346,3,0)-VLOOKUP(Q$1,városok!$A$2:$C$346,3,0))^2)/1000,0)</f>
        <v>249</v>
      </c>
      <c r="R258">
        <f ca="1">ROUND(SQRT((VLOOKUP($A258,városok!$A$2:$C$346,2,0)-VLOOKUP(R$1,városok!$A$2:$C$346,2,0))^2+(VLOOKUP($A258,városok!$A$2:$C$346,3,0)-VLOOKUP(R$1,városok!$A$2:$C$346,3,0))^2)/1000,0)</f>
        <v>260</v>
      </c>
      <c r="S258">
        <f ca="1">ROUND(SQRT((VLOOKUP($A258,városok!$A$2:$C$346,2,0)-VLOOKUP(S$1,városok!$A$2:$C$346,2,0))^2+(VLOOKUP($A258,városok!$A$2:$C$346,3,0)-VLOOKUP(S$1,városok!$A$2:$C$346,3,0))^2)/1000,0)</f>
        <v>236</v>
      </c>
      <c r="T258">
        <f ca="1">ROUND(SQRT((VLOOKUP($A258,városok!$A$2:$C$346,2,0)-VLOOKUP(T$1,városok!$A$2:$C$346,2,0))^2+(VLOOKUP($A258,városok!$A$2:$C$346,3,0)-VLOOKUP(T$1,városok!$A$2:$C$346,3,0))^2)/1000,0)</f>
        <v>180</v>
      </c>
      <c r="U258">
        <f ca="1">ROUND(SQRT((VLOOKUP($A258,városok!$A$2:$C$346,2,0)-VLOOKUP(U$1,városok!$A$2:$C$346,2,0))^2+(VLOOKUP($A258,városok!$A$2:$C$346,3,0)-VLOOKUP(U$1,városok!$A$2:$C$346,3,0))^2)/1000,0)</f>
        <v>161</v>
      </c>
      <c r="V258">
        <f ca="1">ROUND(SQRT((VLOOKUP($A258,városok!$A$2:$C$346,2,0)-VLOOKUP(V$1,városok!$A$2:$C$346,2,0))^2+(VLOOKUP($A258,városok!$A$2:$C$346,3,0)-VLOOKUP(V$1,városok!$A$2:$C$346,3,0))^2)/1000,0)</f>
        <v>128</v>
      </c>
      <c r="W258">
        <f ca="1">ROUND(SQRT((VLOOKUP($A258,városok!$A$2:$C$346,2,0)-VLOOKUP(W$1,városok!$A$2:$C$346,2,0))^2+(VLOOKUP($A258,városok!$A$2:$C$346,3,0)-VLOOKUP(W$1,városok!$A$2:$C$346,3,0))^2)/1000,0)</f>
        <v>136</v>
      </c>
      <c r="X258">
        <f ca="1">ROUND(SQRT((VLOOKUP($A258,városok!$A$2:$C$346,2,0)-VLOOKUP(X$1,városok!$A$2:$C$346,2,0))^2+(VLOOKUP($A258,városok!$A$2:$C$346,3,0)-VLOOKUP(X$1,városok!$A$2:$C$346,3,0))^2)/1000,0)</f>
        <v>148</v>
      </c>
      <c r="Y258">
        <f ca="1">ROUND(SQRT((VLOOKUP($A258,városok!$A$2:$C$346,2,0)-VLOOKUP(Y$1,városok!$A$2:$C$346,2,0))^2+(VLOOKUP($A258,városok!$A$2:$C$346,3,0)-VLOOKUP(Y$1,városok!$A$2:$C$346,3,0))^2)/1000,0)</f>
        <v>164</v>
      </c>
      <c r="Z258">
        <f ca="1">ROUND(SQRT((VLOOKUP($A258,városok!$A$2:$C$346,2,0)-VLOOKUP(Z$1,városok!$A$2:$C$346,2,0))^2+(VLOOKUP($A258,városok!$A$2:$C$346,3,0)-VLOOKUP(Z$1,városok!$A$2:$C$346,3,0))^2)/1000,0)</f>
        <v>166</v>
      </c>
      <c r="AA258">
        <f ca="1">ROUND(SQRT((VLOOKUP($A258,városok!$A$2:$C$346,2,0)-VLOOKUP(AA$1,városok!$A$2:$C$346,2,0))^2+(VLOOKUP($A258,városok!$A$2:$C$346,3,0)-VLOOKUP(AA$1,városok!$A$2:$C$346,3,0))^2)/1000,0)</f>
        <v>164</v>
      </c>
      <c r="AB258">
        <f ca="1">ROUND(SQRT((VLOOKUP($A258,városok!$A$2:$C$346,2,0)-VLOOKUP(AB$1,városok!$A$2:$C$346,2,0))^2+(VLOOKUP($A258,városok!$A$2:$C$346,3,0)-VLOOKUP(AB$1,városok!$A$2:$C$346,3,0))^2)/1000,0)</f>
        <v>373</v>
      </c>
      <c r="AC258">
        <f ca="1">ROUND(SQRT((VLOOKUP($A258,városok!$A$2:$C$346,2,0)-VLOOKUP(AC$1,városok!$A$2:$C$346,2,0))^2+(VLOOKUP($A258,városok!$A$2:$C$346,3,0)-VLOOKUP(AC$1,városok!$A$2:$C$346,3,0))^2)/1000,0)</f>
        <v>353</v>
      </c>
      <c r="AD258">
        <f ca="1">ROUND(SQRT((VLOOKUP($A258,városok!$A$2:$C$346,2,0)-VLOOKUP(AD$1,városok!$A$2:$C$346,2,0))^2+(VLOOKUP($A258,városok!$A$2:$C$346,3,0)-VLOOKUP(AD$1,városok!$A$2:$C$346,3,0))^2)/1000,0)</f>
        <v>336</v>
      </c>
      <c r="AE258">
        <f ca="1">ROUND(SQRT((VLOOKUP($A258,városok!$A$2:$C$346,2,0)-VLOOKUP(AE$1,városok!$A$2:$C$346,2,0))^2+(VLOOKUP($A258,városok!$A$2:$C$346,3,0)-VLOOKUP(AE$1,városok!$A$2:$C$346,3,0))^2)/1000,0)</f>
        <v>331</v>
      </c>
      <c r="AF258">
        <f ca="1">ROUND(SQRT((VLOOKUP($A258,városok!$A$2:$C$346,2,0)-VLOOKUP(AF$1,városok!$A$2:$C$346,2,0))^2+(VLOOKUP($A258,városok!$A$2:$C$346,3,0)-VLOOKUP(AF$1,városok!$A$2:$C$346,3,0))^2)/1000,0)</f>
        <v>309</v>
      </c>
      <c r="AG258">
        <f ca="1">ROUND(SQRT((VLOOKUP($A258,városok!$A$2:$C$346,2,0)-VLOOKUP(AG$1,városok!$A$2:$C$346,2,0))^2+(VLOOKUP($A258,városok!$A$2:$C$346,3,0)-VLOOKUP(AG$1,városok!$A$2:$C$346,3,0))^2)/1000,0)</f>
        <v>274</v>
      </c>
      <c r="AH258">
        <f ca="1">ROUND(SQRT((VLOOKUP($A258,városok!$A$2:$C$346,2,0)-VLOOKUP(AH$1,városok!$A$2:$C$346,2,0))^2+(VLOOKUP($A258,városok!$A$2:$C$346,3,0)-VLOOKUP(AH$1,városok!$A$2:$C$346,3,0))^2)/1000,0)</f>
        <v>251</v>
      </c>
      <c r="AI258">
        <f ca="1">ROUND(SQRT((VLOOKUP($A258,városok!$A$2:$C$346,2,0)-VLOOKUP(AI$1,városok!$A$2:$C$346,2,0))^2+(VLOOKUP($A258,városok!$A$2:$C$346,3,0)-VLOOKUP(AI$1,városok!$A$2:$C$346,3,0))^2)/1000,0)</f>
        <v>300</v>
      </c>
      <c r="AJ258">
        <f ca="1">ROUND(SQRT((VLOOKUP($A258,városok!$A$2:$C$346,2,0)-VLOOKUP(AJ$1,városok!$A$2:$C$346,2,0))^2+(VLOOKUP($A258,városok!$A$2:$C$346,3,0)-VLOOKUP(AJ$1,városok!$A$2:$C$346,3,0))^2)/1000,0)</f>
        <v>268</v>
      </c>
      <c r="AK258">
        <f ca="1">ROUND(SQRT((VLOOKUP($A258,városok!$A$2:$C$346,2,0)-VLOOKUP(AK$1,városok!$A$2:$C$346,2,0))^2+(VLOOKUP($A258,városok!$A$2:$C$346,3,0)-VLOOKUP(AK$1,városok!$A$2:$C$346,3,0))^2)/1000,0)</f>
        <v>317</v>
      </c>
      <c r="AL258">
        <f ca="1">ROUND(SQRT((VLOOKUP($A258,városok!$A$2:$C$346,2,0)-VLOOKUP(AL$1,városok!$A$2:$C$346,2,0))^2+(VLOOKUP($A258,városok!$A$2:$C$346,3,0)-VLOOKUP(AL$1,városok!$A$2:$C$346,3,0))^2)/1000,0)</f>
        <v>296</v>
      </c>
      <c r="AM258">
        <f ca="1">ROUND(SQRT((VLOOKUP($A258,városok!$A$2:$C$346,2,0)-VLOOKUP(AM$1,városok!$A$2:$C$346,2,0))^2+(VLOOKUP($A258,városok!$A$2:$C$346,3,0)-VLOOKUP(AM$1,városok!$A$2:$C$346,3,0))^2)/1000,0)</f>
        <v>257</v>
      </c>
      <c r="AN258">
        <f ca="1">ROUND(SQRT((VLOOKUP($A258,városok!$A$2:$C$346,2,0)-VLOOKUP(AN$1,városok!$A$2:$C$346,2,0))^2+(VLOOKUP($A258,városok!$A$2:$C$346,3,0)-VLOOKUP(AN$1,városok!$A$2:$C$346,3,0))^2)/1000,0)</f>
        <v>211</v>
      </c>
      <c r="AO258">
        <f ca="1">ROUND(SQRT((VLOOKUP($A258,városok!$A$2:$C$346,2,0)-VLOOKUP(AO$1,városok!$A$2:$C$346,2,0))^2+(VLOOKUP($A258,városok!$A$2:$C$346,3,0)-VLOOKUP(AO$1,városok!$A$2:$C$346,3,0))^2)/1000,0)</f>
        <v>183</v>
      </c>
      <c r="AP258">
        <f ca="1">ROUND(SQRT((VLOOKUP($A258,városok!$A$2:$C$346,2,0)-VLOOKUP(AP$1,városok!$A$2:$C$346,2,0))^2+(VLOOKUP($A258,városok!$A$2:$C$346,3,0)-VLOOKUP(AP$1,városok!$A$2:$C$346,3,0))^2)/1000,0)</f>
        <v>181</v>
      </c>
      <c r="AQ258">
        <f ca="1">ROUND(SQRT((VLOOKUP($A258,városok!$A$2:$C$346,2,0)-VLOOKUP(AQ$1,városok!$A$2:$C$346,2,0))^2+(VLOOKUP($A258,városok!$A$2:$C$346,3,0)-VLOOKUP(AQ$1,városok!$A$2:$C$346,3,0))^2)/1000,0)</f>
        <v>177</v>
      </c>
      <c r="AR258">
        <f ca="1">ROUND(SQRT((VLOOKUP($A258,városok!$A$2:$C$346,2,0)-VLOOKUP(AR$1,városok!$A$2:$C$346,2,0))^2+(VLOOKUP($A258,városok!$A$2:$C$346,3,0)-VLOOKUP(AR$1,városok!$A$2:$C$346,3,0))^2)/1000,0)</f>
        <v>270</v>
      </c>
      <c r="AS258">
        <f ca="1">ROUND(SQRT((VLOOKUP($A258,városok!$A$2:$C$346,2,0)-VLOOKUP(AS$1,városok!$A$2:$C$346,2,0))^2+(VLOOKUP($A258,városok!$A$2:$C$346,3,0)-VLOOKUP(AS$1,városok!$A$2:$C$346,3,0))^2)/1000,0)</f>
        <v>291</v>
      </c>
      <c r="AT258">
        <f ca="1">ROUND(SQRT((VLOOKUP($A258,városok!$A$2:$C$346,2,0)-VLOOKUP(AT$1,városok!$A$2:$C$346,2,0))^2+(VLOOKUP($A258,városok!$A$2:$C$346,3,0)-VLOOKUP(AT$1,városok!$A$2:$C$346,3,0))^2)/1000,0)</f>
        <v>188</v>
      </c>
      <c r="AU258">
        <f ca="1">ROUND(SQRT((VLOOKUP($A258,városok!$A$2:$C$346,2,0)-VLOOKUP(AU$1,városok!$A$2:$C$346,2,0))^2+(VLOOKUP($A258,városok!$A$2:$C$346,3,0)-VLOOKUP(AU$1,városok!$A$2:$C$346,3,0))^2)/1000,0)</f>
        <v>195</v>
      </c>
      <c r="AV258">
        <f ca="1">ROUND(SQRT((VLOOKUP($A258,városok!$A$2:$C$346,2,0)-VLOOKUP(AV$1,városok!$A$2:$C$346,2,0))^2+(VLOOKUP($A258,városok!$A$2:$C$346,3,0)-VLOOKUP(AV$1,városok!$A$2:$C$346,3,0))^2)/1000,0)</f>
        <v>191</v>
      </c>
      <c r="AW258">
        <f ca="1">ROUND(SQRT((VLOOKUP($A258,városok!$A$2:$C$346,2,0)-VLOOKUP(AW$1,városok!$A$2:$C$346,2,0))^2+(VLOOKUP($A258,városok!$A$2:$C$346,3,0)-VLOOKUP(AW$1,városok!$A$2:$C$346,3,0))^2)/1000,0)</f>
        <v>187</v>
      </c>
      <c r="AX258">
        <f ca="1">ROUND(SQRT((VLOOKUP($A258,városok!$A$2:$C$346,2,0)-VLOOKUP(AX$1,városok!$A$2:$C$346,2,0))^2+(VLOOKUP($A258,városok!$A$2:$C$346,3,0)-VLOOKUP(AX$1,városok!$A$2:$C$346,3,0))^2)/1000,0)</f>
        <v>223</v>
      </c>
      <c r="AY258">
        <f ca="1">ROUND(SQRT((VLOOKUP($A258,városok!$A$2:$C$346,2,0)-VLOOKUP(AY$1,városok!$A$2:$C$346,2,0))^2+(VLOOKUP($A258,városok!$A$2:$C$346,3,0)-VLOOKUP(AY$1,városok!$A$2:$C$346,3,0))^2)/1000,0)</f>
        <v>218</v>
      </c>
      <c r="AZ258">
        <f ca="1">ROUND(SQRT((VLOOKUP($A258,városok!$A$2:$C$346,2,0)-VLOOKUP(AZ$1,városok!$A$2:$C$346,2,0))^2+(VLOOKUP($A258,városok!$A$2:$C$346,3,0)-VLOOKUP(AZ$1,városok!$A$2:$C$346,3,0))^2)/1000,0)</f>
        <v>222</v>
      </c>
      <c r="BA258">
        <f ca="1">ROUND(SQRT((VLOOKUP($A258,városok!$A$2:$C$346,2,0)-VLOOKUP(BA$1,városok!$A$2:$C$346,2,0))^2+(VLOOKUP($A258,városok!$A$2:$C$346,3,0)-VLOOKUP(BA$1,városok!$A$2:$C$346,3,0))^2)/1000,0)</f>
        <v>75</v>
      </c>
      <c r="BB258">
        <f ca="1">ROUND(SQRT((VLOOKUP($A258,városok!$A$2:$C$346,2,0)-VLOOKUP(BB$1,városok!$A$2:$C$346,2,0))^2+(VLOOKUP($A258,városok!$A$2:$C$346,3,0)-VLOOKUP(BB$1,városok!$A$2:$C$346,3,0))^2)/1000,0)</f>
        <v>72</v>
      </c>
      <c r="BC258">
        <f ca="1">ROUND(SQRT((VLOOKUP($A258,városok!$A$2:$C$346,2,0)-VLOOKUP(BC$1,városok!$A$2:$C$346,2,0))^2+(VLOOKUP($A258,városok!$A$2:$C$346,3,0)-VLOOKUP(BC$1,városok!$A$2:$C$346,3,0))^2)/1000,0)</f>
        <v>55</v>
      </c>
      <c r="BD258">
        <f ca="1">ROUND(SQRT((VLOOKUP($A258,városok!$A$2:$C$346,2,0)-VLOOKUP(BD$1,városok!$A$2:$C$346,2,0))^2+(VLOOKUP($A258,városok!$A$2:$C$346,3,0)-VLOOKUP(BD$1,városok!$A$2:$C$346,3,0))^2)/1000,0)</f>
        <v>104</v>
      </c>
      <c r="BE258">
        <f ca="1">ROUND(SQRT((VLOOKUP($A258,városok!$A$2:$C$346,2,0)-VLOOKUP(BE$1,városok!$A$2:$C$346,2,0))^2+(VLOOKUP($A258,városok!$A$2:$C$346,3,0)-VLOOKUP(BE$1,városok!$A$2:$C$346,3,0))^2)/1000,0)</f>
        <v>458</v>
      </c>
      <c r="BF258">
        <f ca="1">ROUND(SQRT((VLOOKUP($A258,városok!$A$2:$C$346,2,0)-VLOOKUP(BF$1,városok!$A$2:$C$346,2,0))^2+(VLOOKUP($A258,városok!$A$2:$C$346,3,0)-VLOOKUP(BF$1,városok!$A$2:$C$346,3,0))^2)/1000,0)</f>
        <v>436</v>
      </c>
      <c r="BG258">
        <f ca="1">ROUND(SQRT((VLOOKUP($A258,városok!$A$2:$C$346,2,0)-VLOOKUP(BG$1,városok!$A$2:$C$346,2,0))^2+(VLOOKUP($A258,városok!$A$2:$C$346,3,0)-VLOOKUP(BG$1,városok!$A$2:$C$346,3,0))^2)/1000,0)</f>
        <v>391</v>
      </c>
      <c r="BH258">
        <f ca="1">ROUND(SQRT((VLOOKUP($A258,városok!$A$2:$C$346,2,0)-VLOOKUP(BH$1,városok!$A$2:$C$346,2,0))^2+(VLOOKUP($A258,városok!$A$2:$C$346,3,0)-VLOOKUP(BH$1,városok!$A$2:$C$346,3,0))^2)/1000,0)</f>
        <v>390</v>
      </c>
      <c r="BI258">
        <f ca="1">ROUND(SQRT((VLOOKUP($A258,városok!$A$2:$C$346,2,0)-VLOOKUP(BI$1,városok!$A$2:$C$346,2,0))^2+(VLOOKUP($A258,városok!$A$2:$C$346,3,0)-VLOOKUP(BI$1,városok!$A$2:$C$346,3,0))^2)/1000,0)</f>
        <v>118</v>
      </c>
      <c r="BJ258">
        <f ca="1">ROUND(SQRT((VLOOKUP($A258,városok!$A$2:$C$346,2,0)-VLOOKUP(BJ$1,városok!$A$2:$C$346,2,0))^2+(VLOOKUP($A258,városok!$A$2:$C$346,3,0)-VLOOKUP(BJ$1,városok!$A$2:$C$346,3,0))^2)/1000,0)</f>
        <v>105</v>
      </c>
      <c r="BK258">
        <f ca="1">ROUND(SQRT((VLOOKUP($A258,városok!$A$2:$C$346,2,0)-VLOOKUP(BK$1,városok!$A$2:$C$346,2,0))^2+(VLOOKUP($A258,városok!$A$2:$C$346,3,0)-VLOOKUP(BK$1,városok!$A$2:$C$346,3,0))^2)/1000,0)</f>
        <v>124</v>
      </c>
      <c r="BL258">
        <f ca="1">ROUND(SQRT((VLOOKUP($A258,városok!$A$2:$C$346,2,0)-VLOOKUP(BL$1,városok!$A$2:$C$346,2,0))^2+(VLOOKUP($A258,városok!$A$2:$C$346,3,0)-VLOOKUP(BL$1,városok!$A$2:$C$346,3,0))^2)/1000,0)</f>
        <v>92</v>
      </c>
      <c r="BM258">
        <f ca="1">ROUND(SQRT((VLOOKUP($A258,városok!$A$2:$C$346,2,0)-VLOOKUP(BM$1,városok!$A$2:$C$346,2,0))^2+(VLOOKUP($A258,városok!$A$2:$C$346,3,0)-VLOOKUP(BM$1,városok!$A$2:$C$346,3,0))^2)/1000,0)</f>
        <v>112</v>
      </c>
      <c r="BN258">
        <f ca="1">ROUND(SQRT((VLOOKUP($A258,városok!$A$2:$C$346,2,0)-VLOOKUP(BN$1,városok!$A$2:$C$346,2,0))^2+(VLOOKUP($A258,városok!$A$2:$C$346,3,0)-VLOOKUP(BN$1,városok!$A$2:$C$346,3,0))^2)/1000,0)</f>
        <v>115</v>
      </c>
      <c r="BO258">
        <f ca="1">ROUND(SQRT((VLOOKUP($A258,városok!$A$2:$C$346,2,0)-VLOOKUP(BO$1,városok!$A$2:$C$346,2,0))^2+(VLOOKUP($A258,városok!$A$2:$C$346,3,0)-VLOOKUP(BO$1,városok!$A$2:$C$346,3,0))^2)/1000,0)</f>
        <v>111</v>
      </c>
      <c r="BP258">
        <f ca="1">ROUND(SQRT((VLOOKUP($A258,városok!$A$2:$C$346,2,0)-VLOOKUP(BP$1,városok!$A$2:$C$346,2,0))^2+(VLOOKUP($A258,városok!$A$2:$C$346,3,0)-VLOOKUP(BP$1,városok!$A$2:$C$346,3,0))^2)/1000,0)</f>
        <v>116</v>
      </c>
      <c r="BQ258">
        <f ca="1">ROUND(SQRT((VLOOKUP($A258,városok!$A$2:$C$346,2,0)-VLOOKUP(BQ$1,városok!$A$2:$C$346,2,0))^2+(VLOOKUP($A258,városok!$A$2:$C$346,3,0)-VLOOKUP(BQ$1,városok!$A$2:$C$346,3,0))^2)/1000,0)</f>
        <v>112</v>
      </c>
      <c r="BR258">
        <f ca="1">ROUND(SQRT((VLOOKUP($A258,városok!$A$2:$C$346,2,0)-VLOOKUP(BR$1,városok!$A$2:$C$346,2,0))^2+(VLOOKUP($A258,városok!$A$2:$C$346,3,0)-VLOOKUP(BR$1,városok!$A$2:$C$346,3,0))^2)/1000,0)</f>
        <v>58</v>
      </c>
      <c r="BS258">
        <f ca="1">ROUND(SQRT((VLOOKUP($A258,városok!$A$2:$C$346,2,0)-VLOOKUP(BS$1,városok!$A$2:$C$346,2,0))^2+(VLOOKUP($A258,városok!$A$2:$C$346,3,0)-VLOOKUP(BS$1,városok!$A$2:$C$346,3,0))^2)/1000,0)</f>
        <v>23</v>
      </c>
      <c r="BT258">
        <f ca="1">ROUND(SQRT((VLOOKUP($A258,városok!$A$2:$C$346,2,0)-VLOOKUP(BT$1,városok!$A$2:$C$346,2,0))^2+(VLOOKUP($A258,városok!$A$2:$C$346,3,0)-VLOOKUP(BT$1,városok!$A$2:$C$346,3,0))^2)/1000,0)</f>
        <v>67</v>
      </c>
    </row>
    <row r="259" spans="1:72" x14ac:dyDescent="0.2">
      <c r="A259" t="str">
        <f>városok!A259</f>
        <v>Fonyód</v>
      </c>
      <c r="B259">
        <f ca="1">ROUND(SQRT((VLOOKUP($A259,városok!$A$2:$C$346,2,0)-VLOOKUP(B$1,városok!$A$2:$C$346,2,0))^2+(VLOOKUP($A259,városok!$A$2:$C$346,3,0)-VLOOKUP(B$1,városok!$A$2:$C$346,3,0))^2)/1000,0)</f>
        <v>125</v>
      </c>
      <c r="C259">
        <f ca="1">ROUND(SQRT((VLOOKUP($A259,városok!$A$2:$C$346,2,0)-VLOOKUP(C$1,városok!$A$2:$C$346,2,0))^2+(VLOOKUP($A259,városok!$A$2:$C$346,3,0)-VLOOKUP(C$1,városok!$A$2:$C$346,3,0))^2)/1000,0)</f>
        <v>112</v>
      </c>
      <c r="D259">
        <f ca="1">ROUND(SQRT((VLOOKUP($A259,városok!$A$2:$C$346,2,0)-VLOOKUP(D$1,városok!$A$2:$C$346,2,0))^2+(VLOOKUP($A259,városok!$A$2:$C$346,3,0)-VLOOKUP(D$1,városok!$A$2:$C$346,3,0))^2)/1000,0)</f>
        <v>165</v>
      </c>
      <c r="E259">
        <f ca="1">ROUND(SQRT((VLOOKUP($A259,városok!$A$2:$C$346,2,0)-VLOOKUP(E$1,városok!$A$2:$C$346,2,0))^2+(VLOOKUP($A259,városok!$A$2:$C$346,3,0)-VLOOKUP(E$1,városok!$A$2:$C$346,3,0))^2)/1000,0)</f>
        <v>82</v>
      </c>
      <c r="F259">
        <f ca="1">ROUND(SQRT((VLOOKUP($A259,városok!$A$2:$C$346,2,0)-VLOOKUP(F$1,városok!$A$2:$C$346,2,0))^2+(VLOOKUP($A259,városok!$A$2:$C$346,3,0)-VLOOKUP(F$1,városok!$A$2:$C$346,3,0))^2)/1000,0)</f>
        <v>121</v>
      </c>
      <c r="G259">
        <f ca="1">ROUND(SQRT((VLOOKUP($A259,városok!$A$2:$C$346,2,0)-VLOOKUP(G$1,városok!$A$2:$C$346,2,0))^2+(VLOOKUP($A259,városok!$A$2:$C$346,3,0)-VLOOKUP(G$1,városok!$A$2:$C$346,3,0))^2)/1000,0)</f>
        <v>91</v>
      </c>
      <c r="H259">
        <f ca="1">ROUND(SQRT((VLOOKUP($A259,városok!$A$2:$C$346,2,0)-VLOOKUP(H$1,városok!$A$2:$C$346,2,0))^2+(VLOOKUP($A259,városok!$A$2:$C$346,3,0)-VLOOKUP(H$1,városok!$A$2:$C$346,3,0))^2)/1000,0)</f>
        <v>80</v>
      </c>
      <c r="I259">
        <f ca="1">ROUND(SQRT((VLOOKUP($A259,városok!$A$2:$C$346,2,0)-VLOOKUP(I$1,városok!$A$2:$C$346,2,0))^2+(VLOOKUP($A259,városok!$A$2:$C$346,3,0)-VLOOKUP(I$1,városok!$A$2:$C$346,3,0))^2)/1000,0)</f>
        <v>270</v>
      </c>
      <c r="J259">
        <f ca="1">ROUND(SQRT((VLOOKUP($A259,városok!$A$2:$C$346,2,0)-VLOOKUP(J$1,városok!$A$2:$C$346,2,0))^2+(VLOOKUP($A259,városok!$A$2:$C$346,3,0)-VLOOKUP(J$1,városok!$A$2:$C$346,3,0))^2)/1000,0)</f>
        <v>285</v>
      </c>
      <c r="K259">
        <f ca="1">ROUND(SQRT((VLOOKUP($A259,városok!$A$2:$C$346,2,0)-VLOOKUP(K$1,városok!$A$2:$C$346,2,0))^2+(VLOOKUP($A259,városok!$A$2:$C$346,3,0)-VLOOKUP(K$1,városok!$A$2:$C$346,3,0))^2)/1000,0)</f>
        <v>240</v>
      </c>
      <c r="L259">
        <f ca="1">ROUND(SQRT((VLOOKUP($A259,városok!$A$2:$C$346,2,0)-VLOOKUP(L$1,városok!$A$2:$C$346,2,0))^2+(VLOOKUP($A259,városok!$A$2:$C$346,3,0)-VLOOKUP(L$1,városok!$A$2:$C$346,3,0))^2)/1000,0)</f>
        <v>287</v>
      </c>
      <c r="M259">
        <f ca="1">ROUND(SQRT((VLOOKUP($A259,városok!$A$2:$C$346,2,0)-VLOOKUP(M$1,városok!$A$2:$C$346,2,0))^2+(VLOOKUP($A259,városok!$A$2:$C$346,3,0)-VLOOKUP(M$1,városok!$A$2:$C$346,3,0))^2)/1000,0)</f>
        <v>288</v>
      </c>
      <c r="N259">
        <f ca="1">ROUND(SQRT((VLOOKUP($A259,városok!$A$2:$C$346,2,0)-VLOOKUP(N$1,városok!$A$2:$C$346,2,0))^2+(VLOOKUP($A259,városok!$A$2:$C$346,3,0)-VLOOKUP(N$1,városok!$A$2:$C$346,3,0))^2)/1000,0)</f>
        <v>264</v>
      </c>
      <c r="O259">
        <f ca="1">ROUND(SQRT((VLOOKUP($A259,városok!$A$2:$C$346,2,0)-VLOOKUP(O$1,városok!$A$2:$C$346,2,0))^2+(VLOOKUP($A259,városok!$A$2:$C$346,3,0)-VLOOKUP(O$1,városok!$A$2:$C$346,3,0))^2)/1000,0)</f>
        <v>359</v>
      </c>
      <c r="P259">
        <f ca="1">ROUND(SQRT((VLOOKUP($A259,városok!$A$2:$C$346,2,0)-VLOOKUP(P$1,városok!$A$2:$C$346,2,0))^2+(VLOOKUP($A259,városok!$A$2:$C$346,3,0)-VLOOKUP(P$1,városok!$A$2:$C$346,3,0))^2)/1000,0)</f>
        <v>359</v>
      </c>
      <c r="Q259">
        <f ca="1">ROUND(SQRT((VLOOKUP($A259,városok!$A$2:$C$346,2,0)-VLOOKUP(Q$1,városok!$A$2:$C$346,2,0))^2+(VLOOKUP($A259,városok!$A$2:$C$346,3,0)-VLOOKUP(Q$1,városok!$A$2:$C$346,3,0))^2)/1000,0)</f>
        <v>216</v>
      </c>
      <c r="R259">
        <f ca="1">ROUND(SQRT((VLOOKUP($A259,városok!$A$2:$C$346,2,0)-VLOOKUP(R$1,városok!$A$2:$C$346,2,0))^2+(VLOOKUP($A259,városok!$A$2:$C$346,3,0)-VLOOKUP(R$1,városok!$A$2:$C$346,3,0))^2)/1000,0)</f>
        <v>232</v>
      </c>
      <c r="S259">
        <f ca="1">ROUND(SQRT((VLOOKUP($A259,városok!$A$2:$C$346,2,0)-VLOOKUP(S$1,városok!$A$2:$C$346,2,0))^2+(VLOOKUP($A259,városok!$A$2:$C$346,3,0)-VLOOKUP(S$1,városok!$A$2:$C$346,3,0))^2)/1000,0)</f>
        <v>208</v>
      </c>
      <c r="T259">
        <f ca="1">ROUND(SQRT((VLOOKUP($A259,városok!$A$2:$C$346,2,0)-VLOOKUP(T$1,városok!$A$2:$C$346,2,0))^2+(VLOOKUP($A259,városok!$A$2:$C$346,3,0)-VLOOKUP(T$1,városok!$A$2:$C$346,3,0))^2)/1000,0)</f>
        <v>117</v>
      </c>
      <c r="U259">
        <f ca="1">ROUND(SQRT((VLOOKUP($A259,városok!$A$2:$C$346,2,0)-VLOOKUP(U$1,városok!$A$2:$C$346,2,0))^2+(VLOOKUP($A259,városok!$A$2:$C$346,3,0)-VLOOKUP(U$1,városok!$A$2:$C$346,3,0))^2)/1000,0)</f>
        <v>109</v>
      </c>
      <c r="V259">
        <f ca="1">ROUND(SQRT((VLOOKUP($A259,városok!$A$2:$C$346,2,0)-VLOOKUP(V$1,városok!$A$2:$C$346,2,0))^2+(VLOOKUP($A259,városok!$A$2:$C$346,3,0)-VLOOKUP(V$1,városok!$A$2:$C$346,3,0))^2)/1000,0)</f>
        <v>68</v>
      </c>
      <c r="W259">
        <f ca="1">ROUND(SQRT((VLOOKUP($A259,városok!$A$2:$C$346,2,0)-VLOOKUP(W$1,városok!$A$2:$C$346,2,0))^2+(VLOOKUP($A259,városok!$A$2:$C$346,3,0)-VLOOKUP(W$1,városok!$A$2:$C$346,3,0))^2)/1000,0)</f>
        <v>84</v>
      </c>
      <c r="X259">
        <f ca="1">ROUND(SQRT((VLOOKUP($A259,városok!$A$2:$C$346,2,0)-VLOOKUP(X$1,városok!$A$2:$C$346,2,0))^2+(VLOOKUP($A259,városok!$A$2:$C$346,3,0)-VLOOKUP(X$1,városok!$A$2:$C$346,3,0))^2)/1000,0)</f>
        <v>85</v>
      </c>
      <c r="Y259">
        <f ca="1">ROUND(SQRT((VLOOKUP($A259,városok!$A$2:$C$346,2,0)-VLOOKUP(Y$1,városok!$A$2:$C$346,2,0))^2+(VLOOKUP($A259,városok!$A$2:$C$346,3,0)-VLOOKUP(Y$1,városok!$A$2:$C$346,3,0))^2)/1000,0)</f>
        <v>106</v>
      </c>
      <c r="Z259">
        <f ca="1">ROUND(SQRT((VLOOKUP($A259,városok!$A$2:$C$346,2,0)-VLOOKUP(Z$1,városok!$A$2:$C$346,2,0))^2+(VLOOKUP($A259,városok!$A$2:$C$346,3,0)-VLOOKUP(Z$1,városok!$A$2:$C$346,3,0))^2)/1000,0)</f>
        <v>111</v>
      </c>
      <c r="AA259">
        <f ca="1">ROUND(SQRT((VLOOKUP($A259,városok!$A$2:$C$346,2,0)-VLOOKUP(AA$1,városok!$A$2:$C$346,2,0))^2+(VLOOKUP($A259,városok!$A$2:$C$346,3,0)-VLOOKUP(AA$1,városok!$A$2:$C$346,3,0))^2)/1000,0)</f>
        <v>128</v>
      </c>
      <c r="AB259">
        <f ca="1">ROUND(SQRT((VLOOKUP($A259,városok!$A$2:$C$346,2,0)-VLOOKUP(AB$1,városok!$A$2:$C$346,2,0))^2+(VLOOKUP($A259,városok!$A$2:$C$346,3,0)-VLOOKUP(AB$1,városok!$A$2:$C$346,3,0))^2)/1000,0)</f>
        <v>322</v>
      </c>
      <c r="AC259">
        <f ca="1">ROUND(SQRT((VLOOKUP($A259,városok!$A$2:$C$346,2,0)-VLOOKUP(AC$1,városok!$A$2:$C$346,2,0))^2+(VLOOKUP($A259,városok!$A$2:$C$346,3,0)-VLOOKUP(AC$1,városok!$A$2:$C$346,3,0))^2)/1000,0)</f>
        <v>302</v>
      </c>
      <c r="AD259">
        <f ca="1">ROUND(SQRT((VLOOKUP($A259,városok!$A$2:$C$346,2,0)-VLOOKUP(AD$1,városok!$A$2:$C$346,2,0))^2+(VLOOKUP($A259,városok!$A$2:$C$346,3,0)-VLOOKUP(AD$1,városok!$A$2:$C$346,3,0))^2)/1000,0)</f>
        <v>285</v>
      </c>
      <c r="AE259">
        <f ca="1">ROUND(SQRT((VLOOKUP($A259,városok!$A$2:$C$346,2,0)-VLOOKUP(AE$1,városok!$A$2:$C$346,2,0))^2+(VLOOKUP($A259,városok!$A$2:$C$346,3,0)-VLOOKUP(AE$1,városok!$A$2:$C$346,3,0))^2)/1000,0)</f>
        <v>282</v>
      </c>
      <c r="AF259">
        <f ca="1">ROUND(SQRT((VLOOKUP($A259,városok!$A$2:$C$346,2,0)-VLOOKUP(AF$1,városok!$A$2:$C$346,2,0))^2+(VLOOKUP($A259,városok!$A$2:$C$346,3,0)-VLOOKUP(AF$1,városok!$A$2:$C$346,3,0))^2)/1000,0)</f>
        <v>250</v>
      </c>
      <c r="AG259">
        <f ca="1">ROUND(SQRT((VLOOKUP($A259,városok!$A$2:$C$346,2,0)-VLOOKUP(AG$1,városok!$A$2:$C$346,2,0))^2+(VLOOKUP($A259,városok!$A$2:$C$346,3,0)-VLOOKUP(AG$1,városok!$A$2:$C$346,3,0))^2)/1000,0)</f>
        <v>214</v>
      </c>
      <c r="AH259">
        <f ca="1">ROUND(SQRT((VLOOKUP($A259,városok!$A$2:$C$346,2,0)-VLOOKUP(AH$1,városok!$A$2:$C$346,2,0))^2+(VLOOKUP($A259,városok!$A$2:$C$346,3,0)-VLOOKUP(AH$1,városok!$A$2:$C$346,3,0))^2)/1000,0)</f>
        <v>191</v>
      </c>
      <c r="AI259">
        <f ca="1">ROUND(SQRT((VLOOKUP($A259,városok!$A$2:$C$346,2,0)-VLOOKUP(AI$1,városok!$A$2:$C$346,2,0))^2+(VLOOKUP($A259,városok!$A$2:$C$346,3,0)-VLOOKUP(AI$1,városok!$A$2:$C$346,3,0))^2)/1000,0)</f>
        <v>239</v>
      </c>
      <c r="AJ259">
        <f ca="1">ROUND(SQRT((VLOOKUP($A259,városok!$A$2:$C$346,2,0)-VLOOKUP(AJ$1,városok!$A$2:$C$346,2,0))^2+(VLOOKUP($A259,városok!$A$2:$C$346,3,0)-VLOOKUP(AJ$1,városok!$A$2:$C$346,3,0))^2)/1000,0)</f>
        <v>210</v>
      </c>
      <c r="AK259">
        <f ca="1">ROUND(SQRT((VLOOKUP($A259,városok!$A$2:$C$346,2,0)-VLOOKUP(AK$1,városok!$A$2:$C$346,2,0))^2+(VLOOKUP($A259,városok!$A$2:$C$346,3,0)-VLOOKUP(AK$1,városok!$A$2:$C$346,3,0))^2)/1000,0)</f>
        <v>267</v>
      </c>
      <c r="AL259">
        <f ca="1">ROUND(SQRT((VLOOKUP($A259,városok!$A$2:$C$346,2,0)-VLOOKUP(AL$1,városok!$A$2:$C$346,2,0))^2+(VLOOKUP($A259,városok!$A$2:$C$346,3,0)-VLOOKUP(AL$1,városok!$A$2:$C$346,3,0))^2)/1000,0)</f>
        <v>244</v>
      </c>
      <c r="AM259">
        <f ca="1">ROUND(SQRT((VLOOKUP($A259,városok!$A$2:$C$346,2,0)-VLOOKUP(AM$1,városok!$A$2:$C$346,2,0))^2+(VLOOKUP($A259,városok!$A$2:$C$346,3,0)-VLOOKUP(AM$1,városok!$A$2:$C$346,3,0))^2)/1000,0)</f>
        <v>206</v>
      </c>
      <c r="AN259">
        <f ca="1">ROUND(SQRT((VLOOKUP($A259,városok!$A$2:$C$346,2,0)-VLOOKUP(AN$1,városok!$A$2:$C$346,2,0))^2+(VLOOKUP($A259,városok!$A$2:$C$346,3,0)-VLOOKUP(AN$1,városok!$A$2:$C$346,3,0))^2)/1000,0)</f>
        <v>148</v>
      </c>
      <c r="AO259">
        <f ca="1">ROUND(SQRT((VLOOKUP($A259,városok!$A$2:$C$346,2,0)-VLOOKUP(AO$1,városok!$A$2:$C$346,2,0))^2+(VLOOKUP($A259,városok!$A$2:$C$346,3,0)-VLOOKUP(AO$1,városok!$A$2:$C$346,3,0))^2)/1000,0)</f>
        <v>119</v>
      </c>
      <c r="AP259">
        <f ca="1">ROUND(SQRT((VLOOKUP($A259,városok!$A$2:$C$346,2,0)-VLOOKUP(AP$1,városok!$A$2:$C$346,2,0))^2+(VLOOKUP($A259,városok!$A$2:$C$346,3,0)-VLOOKUP(AP$1,városok!$A$2:$C$346,3,0))^2)/1000,0)</f>
        <v>117</v>
      </c>
      <c r="AQ259">
        <f ca="1">ROUND(SQRT((VLOOKUP($A259,városok!$A$2:$C$346,2,0)-VLOOKUP(AQ$1,városok!$A$2:$C$346,2,0))^2+(VLOOKUP($A259,városok!$A$2:$C$346,3,0)-VLOOKUP(AQ$1,városok!$A$2:$C$346,3,0))^2)/1000,0)</f>
        <v>113</v>
      </c>
      <c r="AR259">
        <f ca="1">ROUND(SQRT((VLOOKUP($A259,városok!$A$2:$C$346,2,0)-VLOOKUP(AR$1,városok!$A$2:$C$346,2,0))^2+(VLOOKUP($A259,városok!$A$2:$C$346,3,0)-VLOOKUP(AR$1,városok!$A$2:$C$346,3,0))^2)/1000,0)</f>
        <v>209</v>
      </c>
      <c r="AS259">
        <f ca="1">ROUND(SQRT((VLOOKUP($A259,városok!$A$2:$C$346,2,0)-VLOOKUP(AS$1,városok!$A$2:$C$346,2,0))^2+(VLOOKUP($A259,városok!$A$2:$C$346,3,0)-VLOOKUP(AS$1,városok!$A$2:$C$346,3,0))^2)/1000,0)</f>
        <v>229</v>
      </c>
      <c r="AT259">
        <f ca="1">ROUND(SQRT((VLOOKUP($A259,városok!$A$2:$C$346,2,0)-VLOOKUP(AT$1,városok!$A$2:$C$346,2,0))^2+(VLOOKUP($A259,városok!$A$2:$C$346,3,0)-VLOOKUP(AT$1,városok!$A$2:$C$346,3,0))^2)/1000,0)</f>
        <v>126</v>
      </c>
      <c r="AU259">
        <f ca="1">ROUND(SQRT((VLOOKUP($A259,városok!$A$2:$C$346,2,0)-VLOOKUP(AU$1,városok!$A$2:$C$346,2,0))^2+(VLOOKUP($A259,városok!$A$2:$C$346,3,0)-VLOOKUP(AU$1,városok!$A$2:$C$346,3,0))^2)/1000,0)</f>
        <v>134</v>
      </c>
      <c r="AV259">
        <f ca="1">ROUND(SQRT((VLOOKUP($A259,városok!$A$2:$C$346,2,0)-VLOOKUP(AV$1,városok!$A$2:$C$346,2,0))^2+(VLOOKUP($A259,városok!$A$2:$C$346,3,0)-VLOOKUP(AV$1,városok!$A$2:$C$346,3,0))^2)/1000,0)</f>
        <v>130</v>
      </c>
      <c r="AW259">
        <f ca="1">ROUND(SQRT((VLOOKUP($A259,városok!$A$2:$C$346,2,0)-VLOOKUP(AW$1,városok!$A$2:$C$346,2,0))^2+(VLOOKUP($A259,városok!$A$2:$C$346,3,0)-VLOOKUP(AW$1,városok!$A$2:$C$346,3,0))^2)/1000,0)</f>
        <v>126</v>
      </c>
      <c r="AX259">
        <f ca="1">ROUND(SQRT((VLOOKUP($A259,városok!$A$2:$C$346,2,0)-VLOOKUP(AX$1,városok!$A$2:$C$346,2,0))^2+(VLOOKUP($A259,városok!$A$2:$C$346,3,0)-VLOOKUP(AX$1,városok!$A$2:$C$346,3,0))^2)/1000,0)</f>
        <v>173</v>
      </c>
      <c r="AY259">
        <f ca="1">ROUND(SQRT((VLOOKUP($A259,városok!$A$2:$C$346,2,0)-VLOOKUP(AY$1,városok!$A$2:$C$346,2,0))^2+(VLOOKUP($A259,városok!$A$2:$C$346,3,0)-VLOOKUP(AY$1,városok!$A$2:$C$346,3,0))^2)/1000,0)</f>
        <v>155</v>
      </c>
      <c r="AZ259">
        <f ca="1">ROUND(SQRT((VLOOKUP($A259,városok!$A$2:$C$346,2,0)-VLOOKUP(AZ$1,városok!$A$2:$C$346,2,0))^2+(VLOOKUP($A259,városok!$A$2:$C$346,3,0)-VLOOKUP(AZ$1,városok!$A$2:$C$346,3,0))^2)/1000,0)</f>
        <v>158</v>
      </c>
      <c r="BA259">
        <f ca="1">ROUND(SQRT((VLOOKUP($A259,városok!$A$2:$C$346,2,0)-VLOOKUP(BA$1,városok!$A$2:$C$346,2,0))^2+(VLOOKUP($A259,városok!$A$2:$C$346,3,0)-VLOOKUP(BA$1,városok!$A$2:$C$346,3,0))^2)/1000,0)</f>
        <v>13</v>
      </c>
      <c r="BB259">
        <f ca="1">ROUND(SQRT((VLOOKUP($A259,városok!$A$2:$C$346,2,0)-VLOOKUP(BB$1,városok!$A$2:$C$346,2,0))^2+(VLOOKUP($A259,városok!$A$2:$C$346,3,0)-VLOOKUP(BB$1,városok!$A$2:$C$346,3,0))^2)/1000,0)</f>
        <v>38</v>
      </c>
      <c r="BC259">
        <f ca="1">ROUND(SQRT((VLOOKUP($A259,városok!$A$2:$C$346,2,0)-VLOOKUP(BC$1,városok!$A$2:$C$346,2,0))^2+(VLOOKUP($A259,városok!$A$2:$C$346,3,0)-VLOOKUP(BC$1,városok!$A$2:$C$346,3,0))^2)/1000,0)</f>
        <v>47</v>
      </c>
      <c r="BD259">
        <f ca="1">ROUND(SQRT((VLOOKUP($A259,városok!$A$2:$C$346,2,0)-VLOOKUP(BD$1,városok!$A$2:$C$346,2,0))^2+(VLOOKUP($A259,városok!$A$2:$C$346,3,0)-VLOOKUP(BD$1,városok!$A$2:$C$346,3,0))^2)/1000,0)</f>
        <v>44</v>
      </c>
      <c r="BE259">
        <f ca="1">ROUND(SQRT((VLOOKUP($A259,városok!$A$2:$C$346,2,0)-VLOOKUP(BE$1,városok!$A$2:$C$346,2,0))^2+(VLOOKUP($A259,városok!$A$2:$C$346,3,0)-VLOOKUP(BE$1,városok!$A$2:$C$346,3,0))^2)/1000,0)</f>
        <v>406</v>
      </c>
      <c r="BF259">
        <f ca="1">ROUND(SQRT((VLOOKUP($A259,városok!$A$2:$C$346,2,0)-VLOOKUP(BF$1,városok!$A$2:$C$346,2,0))^2+(VLOOKUP($A259,városok!$A$2:$C$346,3,0)-VLOOKUP(BF$1,városok!$A$2:$C$346,3,0))^2)/1000,0)</f>
        <v>379</v>
      </c>
      <c r="BG259">
        <f ca="1">ROUND(SQRT((VLOOKUP($A259,városok!$A$2:$C$346,2,0)-VLOOKUP(BG$1,városok!$A$2:$C$346,2,0))^2+(VLOOKUP($A259,városok!$A$2:$C$346,3,0)-VLOOKUP(BG$1,városok!$A$2:$C$346,3,0))^2)/1000,0)</f>
        <v>333</v>
      </c>
      <c r="BH259">
        <f ca="1">ROUND(SQRT((VLOOKUP($A259,városok!$A$2:$C$346,2,0)-VLOOKUP(BH$1,városok!$A$2:$C$346,2,0))^2+(VLOOKUP($A259,városok!$A$2:$C$346,3,0)-VLOOKUP(BH$1,városok!$A$2:$C$346,3,0))^2)/1000,0)</f>
        <v>333</v>
      </c>
      <c r="BI259">
        <f ca="1">ROUND(SQRT((VLOOKUP($A259,városok!$A$2:$C$346,2,0)-VLOOKUP(BI$1,városok!$A$2:$C$346,2,0))^2+(VLOOKUP($A259,városok!$A$2:$C$346,3,0)-VLOOKUP(BI$1,városok!$A$2:$C$346,3,0))^2)/1000,0)</f>
        <v>91</v>
      </c>
      <c r="BJ259">
        <f ca="1">ROUND(SQRT((VLOOKUP($A259,városok!$A$2:$C$346,2,0)-VLOOKUP(BJ$1,városok!$A$2:$C$346,2,0))^2+(VLOOKUP($A259,városok!$A$2:$C$346,3,0)-VLOOKUP(BJ$1,városok!$A$2:$C$346,3,0))^2)/1000,0)</f>
        <v>86</v>
      </c>
      <c r="BK259">
        <f ca="1">ROUND(SQRT((VLOOKUP($A259,városok!$A$2:$C$346,2,0)-VLOOKUP(BK$1,városok!$A$2:$C$346,2,0))^2+(VLOOKUP($A259,városok!$A$2:$C$346,3,0)-VLOOKUP(BK$1,városok!$A$2:$C$346,3,0))^2)/1000,0)</f>
        <v>99</v>
      </c>
      <c r="BL259">
        <f ca="1">ROUND(SQRT((VLOOKUP($A259,városok!$A$2:$C$346,2,0)-VLOOKUP(BL$1,városok!$A$2:$C$346,2,0))^2+(VLOOKUP($A259,városok!$A$2:$C$346,3,0)-VLOOKUP(BL$1,városok!$A$2:$C$346,3,0))^2)/1000,0)</f>
        <v>78</v>
      </c>
      <c r="BM259">
        <f ca="1">ROUND(SQRT((VLOOKUP($A259,városok!$A$2:$C$346,2,0)-VLOOKUP(BM$1,városok!$A$2:$C$346,2,0))^2+(VLOOKUP($A259,városok!$A$2:$C$346,3,0)-VLOOKUP(BM$1,városok!$A$2:$C$346,3,0))^2)/1000,0)</f>
        <v>74</v>
      </c>
      <c r="BN259">
        <f ca="1">ROUND(SQRT((VLOOKUP($A259,városok!$A$2:$C$346,2,0)-VLOOKUP(BN$1,városok!$A$2:$C$346,2,0))^2+(VLOOKUP($A259,városok!$A$2:$C$346,3,0)-VLOOKUP(BN$1,városok!$A$2:$C$346,3,0))^2)/1000,0)</f>
        <v>89</v>
      </c>
      <c r="BO259">
        <f ca="1">ROUND(SQRT((VLOOKUP($A259,városok!$A$2:$C$346,2,0)-VLOOKUP(BO$1,városok!$A$2:$C$346,2,0))^2+(VLOOKUP($A259,városok!$A$2:$C$346,3,0)-VLOOKUP(BO$1,városok!$A$2:$C$346,3,0))^2)/1000,0)</f>
        <v>48</v>
      </c>
      <c r="BP259">
        <f ca="1">ROUND(SQRT((VLOOKUP($A259,városok!$A$2:$C$346,2,0)-VLOOKUP(BP$1,városok!$A$2:$C$346,2,0))^2+(VLOOKUP($A259,városok!$A$2:$C$346,3,0)-VLOOKUP(BP$1,városok!$A$2:$C$346,3,0))^2)/1000,0)</f>
        <v>54</v>
      </c>
      <c r="BQ259">
        <f ca="1">ROUND(SQRT((VLOOKUP($A259,városok!$A$2:$C$346,2,0)-VLOOKUP(BQ$1,városok!$A$2:$C$346,2,0))^2+(VLOOKUP($A259,városok!$A$2:$C$346,3,0)-VLOOKUP(BQ$1,városok!$A$2:$C$346,3,0))^2)/1000,0)</f>
        <v>48</v>
      </c>
      <c r="BR259">
        <f ca="1">ROUND(SQRT((VLOOKUP($A259,városok!$A$2:$C$346,2,0)-VLOOKUP(BR$1,városok!$A$2:$C$346,2,0))^2+(VLOOKUP($A259,városok!$A$2:$C$346,3,0)-VLOOKUP(BR$1,városok!$A$2:$C$346,3,0))^2)/1000,0)</f>
        <v>23</v>
      </c>
      <c r="BS259">
        <f ca="1">ROUND(SQRT((VLOOKUP($A259,városok!$A$2:$C$346,2,0)-VLOOKUP(BS$1,városok!$A$2:$C$346,2,0))^2+(VLOOKUP($A259,városok!$A$2:$C$346,3,0)-VLOOKUP(BS$1,városok!$A$2:$C$346,3,0))^2)/1000,0)</f>
        <v>53</v>
      </c>
      <c r="BT259">
        <f ca="1">ROUND(SQRT((VLOOKUP($A259,városok!$A$2:$C$346,2,0)-VLOOKUP(BT$1,városok!$A$2:$C$346,2,0))^2+(VLOOKUP($A259,városok!$A$2:$C$346,3,0)-VLOOKUP(BT$1,városok!$A$2:$C$346,3,0))^2)/1000,0)</f>
        <v>55</v>
      </c>
    </row>
    <row r="260" spans="1:72" x14ac:dyDescent="0.2">
      <c r="A260" t="str">
        <f>városok!A260</f>
        <v>Igal</v>
      </c>
      <c r="B260">
        <f ca="1">ROUND(SQRT((VLOOKUP($A260,városok!$A$2:$C$346,2,0)-VLOOKUP(B$1,városok!$A$2:$C$346,2,0))^2+(VLOOKUP($A260,városok!$A$2:$C$346,3,0)-VLOOKUP(B$1,városok!$A$2:$C$346,3,0))^2)/1000,0)</f>
        <v>88</v>
      </c>
      <c r="C260">
        <f ca="1">ROUND(SQRT((VLOOKUP($A260,városok!$A$2:$C$346,2,0)-VLOOKUP(C$1,városok!$A$2:$C$346,2,0))^2+(VLOOKUP($A260,városok!$A$2:$C$346,3,0)-VLOOKUP(C$1,városok!$A$2:$C$346,3,0))^2)/1000,0)</f>
        <v>79</v>
      </c>
      <c r="D260">
        <f ca="1">ROUND(SQRT((VLOOKUP($A260,városok!$A$2:$C$346,2,0)-VLOOKUP(D$1,városok!$A$2:$C$346,2,0))^2+(VLOOKUP($A260,városok!$A$2:$C$346,3,0)-VLOOKUP(D$1,városok!$A$2:$C$346,3,0))^2)/1000,0)</f>
        <v>140</v>
      </c>
      <c r="E260">
        <f ca="1">ROUND(SQRT((VLOOKUP($A260,városok!$A$2:$C$346,2,0)-VLOOKUP(E$1,városok!$A$2:$C$346,2,0))^2+(VLOOKUP($A260,városok!$A$2:$C$346,3,0)-VLOOKUP(E$1,városok!$A$2:$C$346,3,0))^2)/1000,0)</f>
        <v>46</v>
      </c>
      <c r="F260">
        <f ca="1">ROUND(SQRT((VLOOKUP($A260,városok!$A$2:$C$346,2,0)-VLOOKUP(F$1,városok!$A$2:$C$346,2,0))^2+(VLOOKUP($A260,városok!$A$2:$C$346,3,0)-VLOOKUP(F$1,városok!$A$2:$C$346,3,0))^2)/1000,0)</f>
        <v>84</v>
      </c>
      <c r="G260">
        <f ca="1">ROUND(SQRT((VLOOKUP($A260,városok!$A$2:$C$346,2,0)-VLOOKUP(G$1,városok!$A$2:$C$346,2,0))^2+(VLOOKUP($A260,városok!$A$2:$C$346,3,0)-VLOOKUP(G$1,városok!$A$2:$C$346,3,0))^2)/1000,0)</f>
        <v>56</v>
      </c>
      <c r="H260">
        <f ca="1">ROUND(SQRT((VLOOKUP($A260,városok!$A$2:$C$346,2,0)-VLOOKUP(H$1,városok!$A$2:$C$346,2,0))^2+(VLOOKUP($A260,városok!$A$2:$C$346,3,0)-VLOOKUP(H$1,városok!$A$2:$C$346,3,0))^2)/1000,0)</f>
        <v>56</v>
      </c>
      <c r="I260">
        <f ca="1">ROUND(SQRT((VLOOKUP($A260,városok!$A$2:$C$346,2,0)-VLOOKUP(I$1,városok!$A$2:$C$346,2,0))^2+(VLOOKUP($A260,városok!$A$2:$C$346,3,0)-VLOOKUP(I$1,városok!$A$2:$C$346,3,0))^2)/1000,0)</f>
        <v>241</v>
      </c>
      <c r="J260">
        <f ca="1">ROUND(SQRT((VLOOKUP($A260,városok!$A$2:$C$346,2,0)-VLOOKUP(J$1,városok!$A$2:$C$346,2,0))^2+(VLOOKUP($A260,városok!$A$2:$C$346,3,0)-VLOOKUP(J$1,városok!$A$2:$C$346,3,0))^2)/1000,0)</f>
        <v>256</v>
      </c>
      <c r="K260">
        <f ca="1">ROUND(SQRT((VLOOKUP($A260,városok!$A$2:$C$346,2,0)-VLOOKUP(K$1,városok!$A$2:$C$346,2,0))^2+(VLOOKUP($A260,városok!$A$2:$C$346,3,0)-VLOOKUP(K$1,városok!$A$2:$C$346,3,0))^2)/1000,0)</f>
        <v>209</v>
      </c>
      <c r="L260">
        <f ca="1">ROUND(SQRT((VLOOKUP($A260,városok!$A$2:$C$346,2,0)-VLOOKUP(L$1,városok!$A$2:$C$346,2,0))^2+(VLOOKUP($A260,városok!$A$2:$C$346,3,0)-VLOOKUP(L$1,városok!$A$2:$C$346,3,0))^2)/1000,0)</f>
        <v>279</v>
      </c>
      <c r="M260">
        <f ca="1">ROUND(SQRT((VLOOKUP($A260,városok!$A$2:$C$346,2,0)-VLOOKUP(M$1,városok!$A$2:$C$346,2,0))^2+(VLOOKUP($A260,városok!$A$2:$C$346,3,0)-VLOOKUP(M$1,városok!$A$2:$C$346,3,0))^2)/1000,0)</f>
        <v>277</v>
      </c>
      <c r="N260">
        <f ca="1">ROUND(SQRT((VLOOKUP($A260,városok!$A$2:$C$346,2,0)-VLOOKUP(N$1,városok!$A$2:$C$346,2,0))^2+(VLOOKUP($A260,városok!$A$2:$C$346,3,0)-VLOOKUP(N$1,városok!$A$2:$C$346,3,0))^2)/1000,0)</f>
        <v>258</v>
      </c>
      <c r="O260">
        <f ca="1">ROUND(SQRT((VLOOKUP($A260,városok!$A$2:$C$346,2,0)-VLOOKUP(O$1,városok!$A$2:$C$346,2,0))^2+(VLOOKUP($A260,városok!$A$2:$C$346,3,0)-VLOOKUP(O$1,városok!$A$2:$C$346,3,0))^2)/1000,0)</f>
        <v>348</v>
      </c>
      <c r="P260">
        <f ca="1">ROUND(SQRT((VLOOKUP($A260,városok!$A$2:$C$346,2,0)-VLOOKUP(P$1,városok!$A$2:$C$346,2,0))^2+(VLOOKUP($A260,városok!$A$2:$C$346,3,0)-VLOOKUP(P$1,városok!$A$2:$C$346,3,0))^2)/1000,0)</f>
        <v>348</v>
      </c>
      <c r="Q260">
        <f ca="1">ROUND(SQRT((VLOOKUP($A260,városok!$A$2:$C$346,2,0)-VLOOKUP(Q$1,városok!$A$2:$C$346,2,0))^2+(VLOOKUP($A260,városok!$A$2:$C$346,3,0)-VLOOKUP(Q$1,városok!$A$2:$C$346,3,0))^2)/1000,0)</f>
        <v>183</v>
      </c>
      <c r="R260">
        <f ca="1">ROUND(SQRT((VLOOKUP($A260,városok!$A$2:$C$346,2,0)-VLOOKUP(R$1,városok!$A$2:$C$346,2,0))^2+(VLOOKUP($A260,városok!$A$2:$C$346,3,0)-VLOOKUP(R$1,városok!$A$2:$C$346,3,0))^2)/1000,0)</f>
        <v>198</v>
      </c>
      <c r="S260">
        <f ca="1">ROUND(SQRT((VLOOKUP($A260,városok!$A$2:$C$346,2,0)-VLOOKUP(S$1,városok!$A$2:$C$346,2,0))^2+(VLOOKUP($A260,városok!$A$2:$C$346,3,0)-VLOOKUP(S$1,városok!$A$2:$C$346,3,0))^2)/1000,0)</f>
        <v>174</v>
      </c>
      <c r="T260">
        <f ca="1">ROUND(SQRT((VLOOKUP($A260,városok!$A$2:$C$346,2,0)-VLOOKUP(T$1,városok!$A$2:$C$346,2,0))^2+(VLOOKUP($A260,városok!$A$2:$C$346,3,0)-VLOOKUP(T$1,városok!$A$2:$C$346,3,0))^2)/1000,0)</f>
        <v>118</v>
      </c>
      <c r="U260">
        <f ca="1">ROUND(SQRT((VLOOKUP($A260,városok!$A$2:$C$346,2,0)-VLOOKUP(U$1,városok!$A$2:$C$346,2,0))^2+(VLOOKUP($A260,városok!$A$2:$C$346,3,0)-VLOOKUP(U$1,városok!$A$2:$C$346,3,0))^2)/1000,0)</f>
        <v>90</v>
      </c>
      <c r="V260">
        <f ca="1">ROUND(SQRT((VLOOKUP($A260,városok!$A$2:$C$346,2,0)-VLOOKUP(V$1,városok!$A$2:$C$346,2,0))^2+(VLOOKUP($A260,városok!$A$2:$C$346,3,0)-VLOOKUP(V$1,városok!$A$2:$C$346,3,0))^2)/1000,0)</f>
        <v>64</v>
      </c>
      <c r="W260">
        <f ca="1">ROUND(SQRT((VLOOKUP($A260,városok!$A$2:$C$346,2,0)-VLOOKUP(W$1,városok!$A$2:$C$346,2,0))^2+(VLOOKUP($A260,városok!$A$2:$C$346,3,0)-VLOOKUP(W$1,városok!$A$2:$C$346,3,0))^2)/1000,0)</f>
        <v>65</v>
      </c>
      <c r="X260">
        <f ca="1">ROUND(SQRT((VLOOKUP($A260,városok!$A$2:$C$346,2,0)-VLOOKUP(X$1,városok!$A$2:$C$346,2,0))^2+(VLOOKUP($A260,városok!$A$2:$C$346,3,0)-VLOOKUP(X$1,városok!$A$2:$C$346,3,0))^2)/1000,0)</f>
        <v>89</v>
      </c>
      <c r="Y260">
        <f ca="1">ROUND(SQRT((VLOOKUP($A260,városok!$A$2:$C$346,2,0)-VLOOKUP(Y$1,városok!$A$2:$C$346,2,0))^2+(VLOOKUP($A260,városok!$A$2:$C$346,3,0)-VLOOKUP(Y$1,városok!$A$2:$C$346,3,0))^2)/1000,0)</f>
        <v>130</v>
      </c>
      <c r="Z260">
        <f ca="1">ROUND(SQRT((VLOOKUP($A260,városok!$A$2:$C$346,2,0)-VLOOKUP(Z$1,városok!$A$2:$C$346,2,0))^2+(VLOOKUP($A260,városok!$A$2:$C$346,3,0)-VLOOKUP(Z$1,városok!$A$2:$C$346,3,0))^2)/1000,0)</f>
        <v>140</v>
      </c>
      <c r="AA260">
        <f ca="1">ROUND(SQRT((VLOOKUP($A260,városok!$A$2:$C$346,2,0)-VLOOKUP(AA$1,városok!$A$2:$C$346,2,0))^2+(VLOOKUP($A260,városok!$A$2:$C$346,3,0)-VLOOKUP(AA$1,városok!$A$2:$C$346,3,0))^2)/1000,0)</f>
        <v>164</v>
      </c>
      <c r="AB260">
        <f ca="1">ROUND(SQRT((VLOOKUP($A260,városok!$A$2:$C$346,2,0)-VLOOKUP(AB$1,városok!$A$2:$C$346,2,0))^2+(VLOOKUP($A260,városok!$A$2:$C$346,3,0)-VLOOKUP(AB$1,városok!$A$2:$C$346,3,0))^2)/1000,0)</f>
        <v>301</v>
      </c>
      <c r="AC260">
        <f ca="1">ROUND(SQRT((VLOOKUP($A260,városok!$A$2:$C$346,2,0)-VLOOKUP(AC$1,városok!$A$2:$C$346,2,0))^2+(VLOOKUP($A260,városok!$A$2:$C$346,3,0)-VLOOKUP(AC$1,városok!$A$2:$C$346,3,0))^2)/1000,0)</f>
        <v>281</v>
      </c>
      <c r="AD260">
        <f ca="1">ROUND(SQRT((VLOOKUP($A260,városok!$A$2:$C$346,2,0)-VLOOKUP(AD$1,városok!$A$2:$C$346,2,0))^2+(VLOOKUP($A260,városok!$A$2:$C$346,3,0)-VLOOKUP(AD$1,városok!$A$2:$C$346,3,0))^2)/1000,0)</f>
        <v>264</v>
      </c>
      <c r="AE260">
        <f ca="1">ROUND(SQRT((VLOOKUP($A260,városok!$A$2:$C$346,2,0)-VLOOKUP(AE$1,városok!$A$2:$C$346,2,0))^2+(VLOOKUP($A260,városok!$A$2:$C$346,3,0)-VLOOKUP(AE$1,városok!$A$2:$C$346,3,0))^2)/1000,0)</f>
        <v>259</v>
      </c>
      <c r="AF260">
        <f ca="1">ROUND(SQRT((VLOOKUP($A260,városok!$A$2:$C$346,2,0)-VLOOKUP(AF$1,városok!$A$2:$C$346,2,0))^2+(VLOOKUP($A260,városok!$A$2:$C$346,3,0)-VLOOKUP(AF$1,városok!$A$2:$C$346,3,0))^2)/1000,0)</f>
        <v>239</v>
      </c>
      <c r="AG260">
        <f ca="1">ROUND(SQRT((VLOOKUP($A260,városok!$A$2:$C$346,2,0)-VLOOKUP(AG$1,városok!$A$2:$C$346,2,0))^2+(VLOOKUP($A260,városok!$A$2:$C$346,3,0)-VLOOKUP(AG$1,városok!$A$2:$C$346,3,0))^2)/1000,0)</f>
        <v>204</v>
      </c>
      <c r="AH260">
        <f ca="1">ROUND(SQRT((VLOOKUP($A260,városok!$A$2:$C$346,2,0)-VLOOKUP(AH$1,városok!$A$2:$C$346,2,0))^2+(VLOOKUP($A260,városok!$A$2:$C$346,3,0)-VLOOKUP(AH$1,városok!$A$2:$C$346,3,0))^2)/1000,0)</f>
        <v>182</v>
      </c>
      <c r="AI260">
        <f ca="1">ROUND(SQRT((VLOOKUP($A260,városok!$A$2:$C$346,2,0)-VLOOKUP(AI$1,városok!$A$2:$C$346,2,0))^2+(VLOOKUP($A260,városok!$A$2:$C$346,3,0)-VLOOKUP(AI$1,városok!$A$2:$C$346,3,0))^2)/1000,0)</f>
        <v>232</v>
      </c>
      <c r="AJ260">
        <f ca="1">ROUND(SQRT((VLOOKUP($A260,városok!$A$2:$C$346,2,0)-VLOOKUP(AJ$1,városok!$A$2:$C$346,2,0))^2+(VLOOKUP($A260,városok!$A$2:$C$346,3,0)-VLOOKUP(AJ$1,városok!$A$2:$C$346,3,0))^2)/1000,0)</f>
        <v>197</v>
      </c>
      <c r="AK260">
        <f ca="1">ROUND(SQRT((VLOOKUP($A260,városok!$A$2:$C$346,2,0)-VLOOKUP(AK$1,városok!$A$2:$C$346,2,0))^2+(VLOOKUP($A260,városok!$A$2:$C$346,3,0)-VLOOKUP(AK$1,városok!$A$2:$C$346,3,0))^2)/1000,0)</f>
        <v>245</v>
      </c>
      <c r="AL260">
        <f ca="1">ROUND(SQRT((VLOOKUP($A260,városok!$A$2:$C$346,2,0)-VLOOKUP(AL$1,városok!$A$2:$C$346,2,0))^2+(VLOOKUP($A260,városok!$A$2:$C$346,3,0)-VLOOKUP(AL$1,városok!$A$2:$C$346,3,0))^2)/1000,0)</f>
        <v>224</v>
      </c>
      <c r="AM260">
        <f ca="1">ROUND(SQRT((VLOOKUP($A260,városok!$A$2:$C$346,2,0)-VLOOKUP(AM$1,városok!$A$2:$C$346,2,0))^2+(VLOOKUP($A260,városok!$A$2:$C$346,3,0)-VLOOKUP(AM$1,városok!$A$2:$C$346,3,0))^2)/1000,0)</f>
        <v>185</v>
      </c>
      <c r="AN260">
        <f ca="1">ROUND(SQRT((VLOOKUP($A260,városok!$A$2:$C$346,2,0)-VLOOKUP(AN$1,városok!$A$2:$C$346,2,0))^2+(VLOOKUP($A260,városok!$A$2:$C$346,3,0)-VLOOKUP(AN$1,városok!$A$2:$C$346,3,0))^2)/1000,0)</f>
        <v>152</v>
      </c>
      <c r="AO260">
        <f ca="1">ROUND(SQRT((VLOOKUP($A260,városok!$A$2:$C$346,2,0)-VLOOKUP(AO$1,városok!$A$2:$C$346,2,0))^2+(VLOOKUP($A260,városok!$A$2:$C$346,3,0)-VLOOKUP(AO$1,városok!$A$2:$C$346,3,0))^2)/1000,0)</f>
        <v>134</v>
      </c>
      <c r="AP260">
        <f ca="1">ROUND(SQRT((VLOOKUP($A260,városok!$A$2:$C$346,2,0)-VLOOKUP(AP$1,városok!$A$2:$C$346,2,0))^2+(VLOOKUP($A260,városok!$A$2:$C$346,3,0)-VLOOKUP(AP$1,városok!$A$2:$C$346,3,0))^2)/1000,0)</f>
        <v>127</v>
      </c>
      <c r="AQ260">
        <f ca="1">ROUND(SQRT((VLOOKUP($A260,városok!$A$2:$C$346,2,0)-VLOOKUP(AQ$1,városok!$A$2:$C$346,2,0))^2+(VLOOKUP($A260,városok!$A$2:$C$346,3,0)-VLOOKUP(AQ$1,városok!$A$2:$C$346,3,0))^2)/1000,0)</f>
        <v>120</v>
      </c>
      <c r="AR260">
        <f ca="1">ROUND(SQRT((VLOOKUP($A260,városok!$A$2:$C$346,2,0)-VLOOKUP(AR$1,városok!$A$2:$C$346,2,0))^2+(VLOOKUP($A260,városok!$A$2:$C$346,3,0)-VLOOKUP(AR$1,városok!$A$2:$C$346,3,0))^2)/1000,0)</f>
        <v>203</v>
      </c>
      <c r="AS260">
        <f ca="1">ROUND(SQRT((VLOOKUP($A260,városok!$A$2:$C$346,2,0)-VLOOKUP(AS$1,városok!$A$2:$C$346,2,0))^2+(VLOOKUP($A260,városok!$A$2:$C$346,3,0)-VLOOKUP(AS$1,városok!$A$2:$C$346,3,0))^2)/1000,0)</f>
        <v>225</v>
      </c>
      <c r="AT260">
        <f ca="1">ROUND(SQRT((VLOOKUP($A260,városok!$A$2:$C$346,2,0)-VLOOKUP(AT$1,városok!$A$2:$C$346,2,0))^2+(VLOOKUP($A260,városok!$A$2:$C$346,3,0)-VLOOKUP(AT$1,városok!$A$2:$C$346,3,0))^2)/1000,0)</f>
        <v>123</v>
      </c>
      <c r="AU260">
        <f ca="1">ROUND(SQRT((VLOOKUP($A260,városok!$A$2:$C$346,2,0)-VLOOKUP(AU$1,városok!$A$2:$C$346,2,0))^2+(VLOOKUP($A260,városok!$A$2:$C$346,3,0)-VLOOKUP(AU$1,városok!$A$2:$C$346,3,0))^2)/1000,0)</f>
        <v>128</v>
      </c>
      <c r="AV260">
        <f ca="1">ROUND(SQRT((VLOOKUP($A260,városok!$A$2:$C$346,2,0)-VLOOKUP(AV$1,városok!$A$2:$C$346,2,0))^2+(VLOOKUP($A260,városok!$A$2:$C$346,3,0)-VLOOKUP(AV$1,városok!$A$2:$C$346,3,0))^2)/1000,0)</f>
        <v>124</v>
      </c>
      <c r="AW260">
        <f ca="1">ROUND(SQRT((VLOOKUP($A260,városok!$A$2:$C$346,2,0)-VLOOKUP(AW$1,városok!$A$2:$C$346,2,0))^2+(VLOOKUP($A260,városok!$A$2:$C$346,3,0)-VLOOKUP(AW$1,városok!$A$2:$C$346,3,0))^2)/1000,0)</f>
        <v>120</v>
      </c>
      <c r="AX260">
        <f ca="1">ROUND(SQRT((VLOOKUP($A260,városok!$A$2:$C$346,2,0)-VLOOKUP(AX$1,városok!$A$2:$C$346,2,0))^2+(VLOOKUP($A260,városok!$A$2:$C$346,3,0)-VLOOKUP(AX$1,városok!$A$2:$C$346,3,0))^2)/1000,0)</f>
        <v>151</v>
      </c>
      <c r="AY260">
        <f ca="1">ROUND(SQRT((VLOOKUP($A260,városok!$A$2:$C$346,2,0)-VLOOKUP(AY$1,városok!$A$2:$C$346,2,0))^2+(VLOOKUP($A260,városok!$A$2:$C$346,3,0)-VLOOKUP(AY$1,városok!$A$2:$C$346,3,0))^2)/1000,0)</f>
        <v>153</v>
      </c>
      <c r="AZ260">
        <f ca="1">ROUND(SQRT((VLOOKUP($A260,városok!$A$2:$C$346,2,0)-VLOOKUP(AZ$1,városok!$A$2:$C$346,2,0))^2+(VLOOKUP($A260,városok!$A$2:$C$346,3,0)-VLOOKUP(AZ$1,városok!$A$2:$C$346,3,0))^2)/1000,0)</f>
        <v>159</v>
      </c>
      <c r="BA260">
        <f ca="1">ROUND(SQRT((VLOOKUP($A260,városok!$A$2:$C$346,2,0)-VLOOKUP(BA$1,városok!$A$2:$C$346,2,0))^2+(VLOOKUP($A260,városok!$A$2:$C$346,3,0)-VLOOKUP(BA$1,városok!$A$2:$C$346,3,0))^2)/1000,0)</f>
        <v>33</v>
      </c>
      <c r="BB260">
        <f ca="1">ROUND(SQRT((VLOOKUP($A260,városok!$A$2:$C$346,2,0)-VLOOKUP(BB$1,városok!$A$2:$C$346,2,0))^2+(VLOOKUP($A260,városok!$A$2:$C$346,3,0)-VLOOKUP(BB$1,városok!$A$2:$C$346,3,0))^2)/1000,0)</f>
        <v>0</v>
      </c>
      <c r="BC260">
        <f ca="1">ROUND(SQRT((VLOOKUP($A260,városok!$A$2:$C$346,2,0)-VLOOKUP(BC$1,városok!$A$2:$C$346,2,0))^2+(VLOOKUP($A260,városok!$A$2:$C$346,3,0)-VLOOKUP(BC$1,városok!$A$2:$C$346,3,0))^2)/1000,0)</f>
        <v>23</v>
      </c>
      <c r="BD260">
        <f ca="1">ROUND(SQRT((VLOOKUP($A260,városok!$A$2:$C$346,2,0)-VLOOKUP(BD$1,városok!$A$2:$C$346,2,0))^2+(VLOOKUP($A260,városok!$A$2:$C$346,3,0)-VLOOKUP(BD$1,városok!$A$2:$C$346,3,0))^2)/1000,0)</f>
        <v>42</v>
      </c>
      <c r="BE260">
        <f ca="1">ROUND(SQRT((VLOOKUP($A260,városok!$A$2:$C$346,2,0)-VLOOKUP(BE$1,városok!$A$2:$C$346,2,0))^2+(VLOOKUP($A260,városok!$A$2:$C$346,3,0)-VLOOKUP(BE$1,városok!$A$2:$C$346,3,0))^2)/1000,0)</f>
        <v>386</v>
      </c>
      <c r="BF260">
        <f ca="1">ROUND(SQRT((VLOOKUP($A260,városok!$A$2:$C$346,2,0)-VLOOKUP(BF$1,városok!$A$2:$C$346,2,0))^2+(VLOOKUP($A260,városok!$A$2:$C$346,3,0)-VLOOKUP(BF$1,városok!$A$2:$C$346,3,0))^2)/1000,0)</f>
        <v>364</v>
      </c>
      <c r="BG260">
        <f ca="1">ROUND(SQRT((VLOOKUP($A260,városok!$A$2:$C$346,2,0)-VLOOKUP(BG$1,városok!$A$2:$C$346,2,0))^2+(VLOOKUP($A260,városok!$A$2:$C$346,3,0)-VLOOKUP(BG$1,városok!$A$2:$C$346,3,0))^2)/1000,0)</f>
        <v>319</v>
      </c>
      <c r="BH260">
        <f ca="1">ROUND(SQRT((VLOOKUP($A260,városok!$A$2:$C$346,2,0)-VLOOKUP(BH$1,városok!$A$2:$C$346,2,0))^2+(VLOOKUP($A260,városok!$A$2:$C$346,3,0)-VLOOKUP(BH$1,városok!$A$2:$C$346,3,0))^2)/1000,0)</f>
        <v>319</v>
      </c>
      <c r="BI260">
        <f ca="1">ROUND(SQRT((VLOOKUP($A260,városok!$A$2:$C$346,2,0)-VLOOKUP(BI$1,városok!$A$2:$C$346,2,0))^2+(VLOOKUP($A260,városok!$A$2:$C$346,3,0)-VLOOKUP(BI$1,városok!$A$2:$C$346,3,0))^2)/1000,0)</f>
        <v>54</v>
      </c>
      <c r="BJ260">
        <f ca="1">ROUND(SQRT((VLOOKUP($A260,városok!$A$2:$C$346,2,0)-VLOOKUP(BJ$1,városok!$A$2:$C$346,2,0))^2+(VLOOKUP($A260,városok!$A$2:$C$346,3,0)-VLOOKUP(BJ$1,városok!$A$2:$C$346,3,0))^2)/1000,0)</f>
        <v>49</v>
      </c>
      <c r="BK260">
        <f ca="1">ROUND(SQRT((VLOOKUP($A260,városok!$A$2:$C$346,2,0)-VLOOKUP(BK$1,városok!$A$2:$C$346,2,0))^2+(VLOOKUP($A260,városok!$A$2:$C$346,3,0)-VLOOKUP(BK$1,városok!$A$2:$C$346,3,0))^2)/1000,0)</f>
        <v>62</v>
      </c>
      <c r="BL260">
        <f ca="1">ROUND(SQRT((VLOOKUP($A260,városok!$A$2:$C$346,2,0)-VLOOKUP(BL$1,városok!$A$2:$C$346,2,0))^2+(VLOOKUP($A260,városok!$A$2:$C$346,3,0)-VLOOKUP(BL$1,városok!$A$2:$C$346,3,0))^2)/1000,0)</f>
        <v>115</v>
      </c>
      <c r="BM260">
        <f ca="1">ROUND(SQRT((VLOOKUP($A260,városok!$A$2:$C$346,2,0)-VLOOKUP(BM$1,városok!$A$2:$C$346,2,0))^2+(VLOOKUP($A260,városok!$A$2:$C$346,3,0)-VLOOKUP(BM$1,városok!$A$2:$C$346,3,0))^2)/1000,0)</f>
        <v>111</v>
      </c>
      <c r="BN260">
        <f ca="1">ROUND(SQRT((VLOOKUP($A260,városok!$A$2:$C$346,2,0)-VLOOKUP(BN$1,városok!$A$2:$C$346,2,0))^2+(VLOOKUP($A260,városok!$A$2:$C$346,3,0)-VLOOKUP(BN$1,városok!$A$2:$C$346,3,0))^2)/1000,0)</f>
        <v>127</v>
      </c>
      <c r="BO260">
        <f ca="1">ROUND(SQRT((VLOOKUP($A260,városok!$A$2:$C$346,2,0)-VLOOKUP(BO$1,városok!$A$2:$C$346,2,0))^2+(VLOOKUP($A260,városok!$A$2:$C$346,3,0)-VLOOKUP(BO$1,városok!$A$2:$C$346,3,0))^2)/1000,0)</f>
        <v>55</v>
      </c>
      <c r="BP260">
        <f ca="1">ROUND(SQRT((VLOOKUP($A260,városok!$A$2:$C$346,2,0)-VLOOKUP(BP$1,városok!$A$2:$C$346,2,0))^2+(VLOOKUP($A260,városok!$A$2:$C$346,3,0)-VLOOKUP(BP$1,városok!$A$2:$C$346,3,0))^2)/1000,0)</f>
        <v>57</v>
      </c>
      <c r="BQ260">
        <f ca="1">ROUND(SQRT((VLOOKUP($A260,városok!$A$2:$C$346,2,0)-VLOOKUP(BQ$1,városok!$A$2:$C$346,2,0))^2+(VLOOKUP($A260,városok!$A$2:$C$346,3,0)-VLOOKUP(BQ$1,városok!$A$2:$C$346,3,0))^2)/1000,0)</f>
        <v>62</v>
      </c>
      <c r="BR260">
        <f ca="1">ROUND(SQRT((VLOOKUP($A260,városok!$A$2:$C$346,2,0)-VLOOKUP(BR$1,városok!$A$2:$C$346,2,0))^2+(VLOOKUP($A260,városok!$A$2:$C$346,3,0)-VLOOKUP(BR$1,városok!$A$2:$C$346,3,0))^2)/1000,0)</f>
        <v>59</v>
      </c>
      <c r="BS260">
        <f ca="1">ROUND(SQRT((VLOOKUP($A260,városok!$A$2:$C$346,2,0)-VLOOKUP(BS$1,városok!$A$2:$C$346,2,0))^2+(VLOOKUP($A260,városok!$A$2:$C$346,3,0)-VLOOKUP(BS$1,városok!$A$2:$C$346,3,0))^2)/1000,0)</f>
        <v>73</v>
      </c>
      <c r="BT260">
        <f ca="1">ROUND(SQRT((VLOOKUP($A260,városok!$A$2:$C$346,2,0)-VLOOKUP(BT$1,városok!$A$2:$C$346,2,0))^2+(VLOOKUP($A260,városok!$A$2:$C$346,3,0)-VLOOKUP(BT$1,városok!$A$2:$C$346,3,0))^2)/1000,0)</f>
        <v>90</v>
      </c>
    </row>
    <row r="261" spans="1:72" x14ac:dyDescent="0.2">
      <c r="A261" t="str">
        <f>városok!A261</f>
        <v>Kadarkút</v>
      </c>
      <c r="B261">
        <f ca="1">ROUND(SQRT((VLOOKUP($A261,városok!$A$2:$C$346,2,0)-VLOOKUP(B$1,városok!$A$2:$C$346,2,0))^2+(VLOOKUP($A261,városok!$A$2:$C$346,3,0)-VLOOKUP(B$1,városok!$A$2:$C$346,3,0))^2)/1000,0)</f>
        <v>103</v>
      </c>
      <c r="C261">
        <f ca="1">ROUND(SQRT((VLOOKUP($A261,városok!$A$2:$C$346,2,0)-VLOOKUP(C$1,városok!$A$2:$C$346,2,0))^2+(VLOOKUP($A261,városok!$A$2:$C$346,3,0)-VLOOKUP(C$1,városok!$A$2:$C$346,3,0))^2)/1000,0)</f>
        <v>109</v>
      </c>
      <c r="D261">
        <f ca="1">ROUND(SQRT((VLOOKUP($A261,városok!$A$2:$C$346,2,0)-VLOOKUP(D$1,városok!$A$2:$C$346,2,0))^2+(VLOOKUP($A261,városok!$A$2:$C$346,3,0)-VLOOKUP(D$1,városok!$A$2:$C$346,3,0))^2)/1000,0)</f>
        <v>175</v>
      </c>
      <c r="E261">
        <f ca="1">ROUND(SQRT((VLOOKUP($A261,városok!$A$2:$C$346,2,0)-VLOOKUP(E$1,városok!$A$2:$C$346,2,0))^2+(VLOOKUP($A261,városok!$A$2:$C$346,3,0)-VLOOKUP(E$1,városok!$A$2:$C$346,3,0))^2)/1000,0)</f>
        <v>50</v>
      </c>
      <c r="F261">
        <f ca="1">ROUND(SQRT((VLOOKUP($A261,városok!$A$2:$C$346,2,0)-VLOOKUP(F$1,városok!$A$2:$C$346,2,0))^2+(VLOOKUP($A261,városok!$A$2:$C$346,3,0)-VLOOKUP(F$1,városok!$A$2:$C$346,3,0))^2)/1000,0)</f>
        <v>87</v>
      </c>
      <c r="G261">
        <f ca="1">ROUND(SQRT((VLOOKUP($A261,városok!$A$2:$C$346,2,0)-VLOOKUP(G$1,városok!$A$2:$C$346,2,0))^2+(VLOOKUP($A261,városok!$A$2:$C$346,3,0)-VLOOKUP(G$1,városok!$A$2:$C$346,3,0))^2)/1000,0)</f>
        <v>51</v>
      </c>
      <c r="H261">
        <f ca="1">ROUND(SQRT((VLOOKUP($A261,városok!$A$2:$C$346,2,0)-VLOOKUP(H$1,városok!$A$2:$C$346,2,0))^2+(VLOOKUP($A261,városok!$A$2:$C$346,3,0)-VLOOKUP(H$1,városok!$A$2:$C$346,3,0))^2)/1000,0)</f>
        <v>25</v>
      </c>
      <c r="I261">
        <f ca="1">ROUND(SQRT((VLOOKUP($A261,városok!$A$2:$C$346,2,0)-VLOOKUP(I$1,városok!$A$2:$C$346,2,0))^2+(VLOOKUP($A261,városok!$A$2:$C$346,3,0)-VLOOKUP(I$1,városok!$A$2:$C$346,3,0))^2)/1000,0)</f>
        <v>270</v>
      </c>
      <c r="J261">
        <f ca="1">ROUND(SQRT((VLOOKUP($A261,városok!$A$2:$C$346,2,0)-VLOOKUP(J$1,városok!$A$2:$C$346,2,0))^2+(VLOOKUP($A261,városok!$A$2:$C$346,3,0)-VLOOKUP(J$1,városok!$A$2:$C$346,3,0))^2)/1000,0)</f>
        <v>284</v>
      </c>
      <c r="K261">
        <f ca="1">ROUND(SQRT((VLOOKUP($A261,városok!$A$2:$C$346,2,0)-VLOOKUP(K$1,városok!$A$2:$C$346,2,0))^2+(VLOOKUP($A261,városok!$A$2:$C$346,3,0)-VLOOKUP(K$1,városok!$A$2:$C$346,3,0))^2)/1000,0)</f>
        <v>237</v>
      </c>
      <c r="L261">
        <f ca="1">ROUND(SQRT((VLOOKUP($A261,városok!$A$2:$C$346,2,0)-VLOOKUP(L$1,városok!$A$2:$C$346,2,0))^2+(VLOOKUP($A261,városok!$A$2:$C$346,3,0)-VLOOKUP(L$1,városok!$A$2:$C$346,3,0))^2)/1000,0)</f>
        <v>320</v>
      </c>
      <c r="M261">
        <f ca="1">ROUND(SQRT((VLOOKUP($A261,városok!$A$2:$C$346,2,0)-VLOOKUP(M$1,városok!$A$2:$C$346,2,0))^2+(VLOOKUP($A261,városok!$A$2:$C$346,3,0)-VLOOKUP(M$1,városok!$A$2:$C$346,3,0))^2)/1000,0)</f>
        <v>318</v>
      </c>
      <c r="N261">
        <f ca="1">ROUND(SQRT((VLOOKUP($A261,városok!$A$2:$C$346,2,0)-VLOOKUP(N$1,városok!$A$2:$C$346,2,0))^2+(VLOOKUP($A261,városok!$A$2:$C$346,3,0)-VLOOKUP(N$1,városok!$A$2:$C$346,3,0))^2)/1000,0)</f>
        <v>299</v>
      </c>
      <c r="O261">
        <f ca="1">ROUND(SQRT((VLOOKUP($A261,városok!$A$2:$C$346,2,0)-VLOOKUP(O$1,városok!$A$2:$C$346,2,0))^2+(VLOOKUP($A261,városok!$A$2:$C$346,3,0)-VLOOKUP(O$1,városok!$A$2:$C$346,3,0))^2)/1000,0)</f>
        <v>388</v>
      </c>
      <c r="P261">
        <f ca="1">ROUND(SQRT((VLOOKUP($A261,városok!$A$2:$C$346,2,0)-VLOOKUP(P$1,városok!$A$2:$C$346,2,0))^2+(VLOOKUP($A261,városok!$A$2:$C$346,3,0)-VLOOKUP(P$1,városok!$A$2:$C$346,3,0))^2)/1000,0)</f>
        <v>388</v>
      </c>
      <c r="Q261">
        <f ca="1">ROUND(SQRT((VLOOKUP($A261,városok!$A$2:$C$346,2,0)-VLOOKUP(Q$1,városok!$A$2:$C$346,2,0))^2+(VLOOKUP($A261,városok!$A$2:$C$346,3,0)-VLOOKUP(Q$1,városok!$A$2:$C$346,3,0))^2)/1000,0)</f>
        <v>209</v>
      </c>
      <c r="R261">
        <f ca="1">ROUND(SQRT((VLOOKUP($A261,városok!$A$2:$C$346,2,0)-VLOOKUP(R$1,városok!$A$2:$C$346,2,0))^2+(VLOOKUP($A261,városok!$A$2:$C$346,3,0)-VLOOKUP(R$1,városok!$A$2:$C$346,3,0))^2)/1000,0)</f>
        <v>220</v>
      </c>
      <c r="S261">
        <f ca="1">ROUND(SQRT((VLOOKUP($A261,városok!$A$2:$C$346,2,0)-VLOOKUP(S$1,városok!$A$2:$C$346,2,0))^2+(VLOOKUP($A261,városok!$A$2:$C$346,3,0)-VLOOKUP(S$1,városok!$A$2:$C$346,3,0))^2)/1000,0)</f>
        <v>196</v>
      </c>
      <c r="T261">
        <f ca="1">ROUND(SQRT((VLOOKUP($A261,városok!$A$2:$C$346,2,0)-VLOOKUP(T$1,városok!$A$2:$C$346,2,0))^2+(VLOOKUP($A261,városok!$A$2:$C$346,3,0)-VLOOKUP(T$1,városok!$A$2:$C$346,3,0))^2)/1000,0)</f>
        <v>159</v>
      </c>
      <c r="U261">
        <f ca="1">ROUND(SQRT((VLOOKUP($A261,városok!$A$2:$C$346,2,0)-VLOOKUP(U$1,városok!$A$2:$C$346,2,0))^2+(VLOOKUP($A261,városok!$A$2:$C$346,3,0)-VLOOKUP(U$1,városok!$A$2:$C$346,3,0))^2)/1000,0)</f>
        <v>129</v>
      </c>
      <c r="V261">
        <f ca="1">ROUND(SQRT((VLOOKUP($A261,városok!$A$2:$C$346,2,0)-VLOOKUP(V$1,városok!$A$2:$C$346,2,0))^2+(VLOOKUP($A261,városok!$A$2:$C$346,3,0)-VLOOKUP(V$1,városok!$A$2:$C$346,3,0))^2)/1000,0)</f>
        <v>105</v>
      </c>
      <c r="W261">
        <f ca="1">ROUND(SQRT((VLOOKUP($A261,városok!$A$2:$C$346,2,0)-VLOOKUP(W$1,városok!$A$2:$C$346,2,0))^2+(VLOOKUP($A261,városok!$A$2:$C$346,3,0)-VLOOKUP(W$1,városok!$A$2:$C$346,3,0))^2)/1000,0)</f>
        <v>105</v>
      </c>
      <c r="X261">
        <f ca="1">ROUND(SQRT((VLOOKUP($A261,városok!$A$2:$C$346,2,0)-VLOOKUP(X$1,városok!$A$2:$C$346,2,0))^2+(VLOOKUP($A261,városok!$A$2:$C$346,3,0)-VLOOKUP(X$1,városok!$A$2:$C$346,3,0))^2)/1000,0)</f>
        <v>129</v>
      </c>
      <c r="Y261">
        <f ca="1">ROUND(SQRT((VLOOKUP($A261,városok!$A$2:$C$346,2,0)-VLOOKUP(Y$1,városok!$A$2:$C$346,2,0))^2+(VLOOKUP($A261,városok!$A$2:$C$346,3,0)-VLOOKUP(Y$1,városok!$A$2:$C$346,3,0))^2)/1000,0)</f>
        <v>162</v>
      </c>
      <c r="Z261">
        <f ca="1">ROUND(SQRT((VLOOKUP($A261,városok!$A$2:$C$346,2,0)-VLOOKUP(Z$1,városok!$A$2:$C$346,2,0))^2+(VLOOKUP($A261,városok!$A$2:$C$346,3,0)-VLOOKUP(Z$1,városok!$A$2:$C$346,3,0))^2)/1000,0)</f>
        <v>168</v>
      </c>
      <c r="AA261">
        <f ca="1">ROUND(SQRT((VLOOKUP($A261,városok!$A$2:$C$346,2,0)-VLOOKUP(AA$1,városok!$A$2:$C$346,2,0))^2+(VLOOKUP($A261,városok!$A$2:$C$346,3,0)-VLOOKUP(AA$1,városok!$A$2:$C$346,3,0))^2)/1000,0)</f>
        <v>180</v>
      </c>
      <c r="AB261">
        <f ca="1">ROUND(SQRT((VLOOKUP($A261,városok!$A$2:$C$346,2,0)-VLOOKUP(AB$1,városok!$A$2:$C$346,2,0))^2+(VLOOKUP($A261,városok!$A$2:$C$346,3,0)-VLOOKUP(AB$1,városok!$A$2:$C$346,3,0))^2)/1000,0)</f>
        <v>338</v>
      </c>
      <c r="AC261">
        <f ca="1">ROUND(SQRT((VLOOKUP($A261,városok!$A$2:$C$346,2,0)-VLOOKUP(AC$1,városok!$A$2:$C$346,2,0))^2+(VLOOKUP($A261,városok!$A$2:$C$346,3,0)-VLOOKUP(AC$1,városok!$A$2:$C$346,3,0))^2)/1000,0)</f>
        <v>318</v>
      </c>
      <c r="AD261">
        <f ca="1">ROUND(SQRT((VLOOKUP($A261,városok!$A$2:$C$346,2,0)-VLOOKUP(AD$1,városok!$A$2:$C$346,2,0))^2+(VLOOKUP($A261,városok!$A$2:$C$346,3,0)-VLOOKUP(AD$1,városok!$A$2:$C$346,3,0))^2)/1000,0)</f>
        <v>301</v>
      </c>
      <c r="AE261">
        <f ca="1">ROUND(SQRT((VLOOKUP($A261,városok!$A$2:$C$346,2,0)-VLOOKUP(AE$1,városok!$A$2:$C$346,2,0))^2+(VLOOKUP($A261,városok!$A$2:$C$346,3,0)-VLOOKUP(AE$1,városok!$A$2:$C$346,3,0))^2)/1000,0)</f>
        <v>295</v>
      </c>
      <c r="AF261">
        <f ca="1">ROUND(SQRT((VLOOKUP($A261,városok!$A$2:$C$346,2,0)-VLOOKUP(AF$1,városok!$A$2:$C$346,2,0))^2+(VLOOKUP($A261,városok!$A$2:$C$346,3,0)-VLOOKUP(AF$1,városok!$A$2:$C$346,3,0))^2)/1000,0)</f>
        <v>279</v>
      </c>
      <c r="AG261">
        <f ca="1">ROUND(SQRT((VLOOKUP($A261,városok!$A$2:$C$346,2,0)-VLOOKUP(AG$1,városok!$A$2:$C$346,2,0))^2+(VLOOKUP($A261,városok!$A$2:$C$346,3,0)-VLOOKUP(AG$1,városok!$A$2:$C$346,3,0))^2)/1000,0)</f>
        <v>245</v>
      </c>
      <c r="AH261">
        <f ca="1">ROUND(SQRT((VLOOKUP($A261,városok!$A$2:$C$346,2,0)-VLOOKUP(AH$1,városok!$A$2:$C$346,2,0))^2+(VLOOKUP($A261,városok!$A$2:$C$346,3,0)-VLOOKUP(AH$1,városok!$A$2:$C$346,3,0))^2)/1000,0)</f>
        <v>223</v>
      </c>
      <c r="AI261">
        <f ca="1">ROUND(SQRT((VLOOKUP($A261,városok!$A$2:$C$346,2,0)-VLOOKUP(AI$1,városok!$A$2:$C$346,2,0))^2+(VLOOKUP($A261,városok!$A$2:$C$346,3,0)-VLOOKUP(AI$1,városok!$A$2:$C$346,3,0))^2)/1000,0)</f>
        <v>273</v>
      </c>
      <c r="AJ261">
        <f ca="1">ROUND(SQRT((VLOOKUP($A261,városok!$A$2:$C$346,2,0)-VLOOKUP(AJ$1,városok!$A$2:$C$346,2,0))^2+(VLOOKUP($A261,városok!$A$2:$C$346,3,0)-VLOOKUP(AJ$1,városok!$A$2:$C$346,3,0))^2)/1000,0)</f>
        <v>238</v>
      </c>
      <c r="AK261">
        <f ca="1">ROUND(SQRT((VLOOKUP($A261,városok!$A$2:$C$346,2,0)-VLOOKUP(AK$1,városok!$A$2:$C$346,2,0))^2+(VLOOKUP($A261,városok!$A$2:$C$346,3,0)-VLOOKUP(AK$1,városok!$A$2:$C$346,3,0))^2)/1000,0)</f>
        <v>281</v>
      </c>
      <c r="AL261">
        <f ca="1">ROUND(SQRT((VLOOKUP($A261,városok!$A$2:$C$346,2,0)-VLOOKUP(AL$1,városok!$A$2:$C$346,2,0))^2+(VLOOKUP($A261,városok!$A$2:$C$346,3,0)-VLOOKUP(AL$1,városok!$A$2:$C$346,3,0))^2)/1000,0)</f>
        <v>262</v>
      </c>
      <c r="AM261">
        <f ca="1">ROUND(SQRT((VLOOKUP($A261,városok!$A$2:$C$346,2,0)-VLOOKUP(AM$1,városok!$A$2:$C$346,2,0))^2+(VLOOKUP($A261,városok!$A$2:$C$346,3,0)-VLOOKUP(AM$1,városok!$A$2:$C$346,3,0))^2)/1000,0)</f>
        <v>222</v>
      </c>
      <c r="AN261">
        <f ca="1">ROUND(SQRT((VLOOKUP($A261,városok!$A$2:$C$346,2,0)-VLOOKUP(AN$1,városok!$A$2:$C$346,2,0))^2+(VLOOKUP($A261,városok!$A$2:$C$346,3,0)-VLOOKUP(AN$1,városok!$A$2:$C$346,3,0))^2)/1000,0)</f>
        <v>193</v>
      </c>
      <c r="AO261">
        <f ca="1">ROUND(SQRT((VLOOKUP($A261,városok!$A$2:$C$346,2,0)-VLOOKUP(AO$1,városok!$A$2:$C$346,2,0))^2+(VLOOKUP($A261,városok!$A$2:$C$346,3,0)-VLOOKUP(AO$1,városok!$A$2:$C$346,3,0))^2)/1000,0)</f>
        <v>172</v>
      </c>
      <c r="AP261">
        <f ca="1">ROUND(SQRT((VLOOKUP($A261,városok!$A$2:$C$346,2,0)-VLOOKUP(AP$1,városok!$A$2:$C$346,2,0))^2+(VLOOKUP($A261,városok!$A$2:$C$346,3,0)-VLOOKUP(AP$1,városok!$A$2:$C$346,3,0))^2)/1000,0)</f>
        <v>166</v>
      </c>
      <c r="AQ261">
        <f ca="1">ROUND(SQRT((VLOOKUP($A261,városok!$A$2:$C$346,2,0)-VLOOKUP(AQ$1,városok!$A$2:$C$346,2,0))^2+(VLOOKUP($A261,városok!$A$2:$C$346,3,0)-VLOOKUP(AQ$1,városok!$A$2:$C$346,3,0))^2)/1000,0)</f>
        <v>160</v>
      </c>
      <c r="AR261">
        <f ca="1">ROUND(SQRT((VLOOKUP($A261,városok!$A$2:$C$346,2,0)-VLOOKUP(AR$1,városok!$A$2:$C$346,2,0))^2+(VLOOKUP($A261,városok!$A$2:$C$346,3,0)-VLOOKUP(AR$1,városok!$A$2:$C$346,3,0))^2)/1000,0)</f>
        <v>245</v>
      </c>
      <c r="AS261">
        <f ca="1">ROUND(SQRT((VLOOKUP($A261,városok!$A$2:$C$346,2,0)-VLOOKUP(AS$1,városok!$A$2:$C$346,2,0))^2+(VLOOKUP($A261,városok!$A$2:$C$346,3,0)-VLOOKUP(AS$1,városok!$A$2:$C$346,3,0))^2)/1000,0)</f>
        <v>267</v>
      </c>
      <c r="AT261">
        <f ca="1">ROUND(SQRT((VLOOKUP($A261,városok!$A$2:$C$346,2,0)-VLOOKUP(AT$1,városok!$A$2:$C$346,2,0))^2+(VLOOKUP($A261,városok!$A$2:$C$346,3,0)-VLOOKUP(AT$1,városok!$A$2:$C$346,3,0))^2)/1000,0)</f>
        <v>165</v>
      </c>
      <c r="AU261">
        <f ca="1">ROUND(SQRT((VLOOKUP($A261,városok!$A$2:$C$346,2,0)-VLOOKUP(AU$1,városok!$A$2:$C$346,2,0))^2+(VLOOKUP($A261,városok!$A$2:$C$346,3,0)-VLOOKUP(AU$1,városok!$A$2:$C$346,3,0))^2)/1000,0)</f>
        <v>170</v>
      </c>
      <c r="AV261">
        <f ca="1">ROUND(SQRT((VLOOKUP($A261,városok!$A$2:$C$346,2,0)-VLOOKUP(AV$1,városok!$A$2:$C$346,2,0))^2+(VLOOKUP($A261,városok!$A$2:$C$346,3,0)-VLOOKUP(AV$1,városok!$A$2:$C$346,3,0))^2)/1000,0)</f>
        <v>165</v>
      </c>
      <c r="AW261">
        <f ca="1">ROUND(SQRT((VLOOKUP($A261,városok!$A$2:$C$346,2,0)-VLOOKUP(AW$1,városok!$A$2:$C$346,2,0))^2+(VLOOKUP($A261,városok!$A$2:$C$346,3,0)-VLOOKUP(AW$1,városok!$A$2:$C$346,3,0))^2)/1000,0)</f>
        <v>162</v>
      </c>
      <c r="AX261">
        <f ca="1">ROUND(SQRT((VLOOKUP($A261,városok!$A$2:$C$346,2,0)-VLOOKUP(AX$1,városok!$A$2:$C$346,2,0))^2+(VLOOKUP($A261,városok!$A$2:$C$346,3,0)-VLOOKUP(AX$1,városok!$A$2:$C$346,3,0))^2)/1000,0)</f>
        <v>187</v>
      </c>
      <c r="AY261">
        <f ca="1">ROUND(SQRT((VLOOKUP($A261,városok!$A$2:$C$346,2,0)-VLOOKUP(AY$1,városok!$A$2:$C$346,2,0))^2+(VLOOKUP($A261,városok!$A$2:$C$346,3,0)-VLOOKUP(AY$1,városok!$A$2:$C$346,3,0))^2)/1000,0)</f>
        <v>195</v>
      </c>
      <c r="AZ261">
        <f ca="1">ROUND(SQRT((VLOOKUP($A261,városok!$A$2:$C$346,2,0)-VLOOKUP(AZ$1,városok!$A$2:$C$346,2,0))^2+(VLOOKUP($A261,városok!$A$2:$C$346,3,0)-VLOOKUP(AZ$1,városok!$A$2:$C$346,3,0))^2)/1000,0)</f>
        <v>201</v>
      </c>
      <c r="BA261">
        <f ca="1">ROUND(SQRT((VLOOKUP($A261,városok!$A$2:$C$346,2,0)-VLOOKUP(BA$1,városok!$A$2:$C$346,2,0))^2+(VLOOKUP($A261,városok!$A$2:$C$346,3,0)-VLOOKUP(BA$1,városok!$A$2:$C$346,3,0))^2)/1000,0)</f>
        <v>61</v>
      </c>
      <c r="BB261">
        <f ca="1">ROUND(SQRT((VLOOKUP($A261,városok!$A$2:$C$346,2,0)-VLOOKUP(BB$1,városok!$A$2:$C$346,2,0))^2+(VLOOKUP($A261,városok!$A$2:$C$346,3,0)-VLOOKUP(BB$1,városok!$A$2:$C$346,3,0))^2)/1000,0)</f>
        <v>42</v>
      </c>
      <c r="BC261">
        <f ca="1">ROUND(SQRT((VLOOKUP($A261,városok!$A$2:$C$346,2,0)-VLOOKUP(BC$1,városok!$A$2:$C$346,2,0))^2+(VLOOKUP($A261,városok!$A$2:$C$346,3,0)-VLOOKUP(BC$1,városok!$A$2:$C$346,3,0))^2)/1000,0)</f>
        <v>19</v>
      </c>
      <c r="BD261">
        <f ca="1">ROUND(SQRT((VLOOKUP($A261,városok!$A$2:$C$346,2,0)-VLOOKUP(BD$1,városok!$A$2:$C$346,2,0))^2+(VLOOKUP($A261,városok!$A$2:$C$346,3,0)-VLOOKUP(BD$1,városok!$A$2:$C$346,3,0))^2)/1000,0)</f>
        <v>82</v>
      </c>
      <c r="BE261">
        <f ca="1">ROUND(SQRT((VLOOKUP($A261,városok!$A$2:$C$346,2,0)-VLOOKUP(BE$1,városok!$A$2:$C$346,2,0))^2+(VLOOKUP($A261,városok!$A$2:$C$346,3,0)-VLOOKUP(BE$1,városok!$A$2:$C$346,3,0))^2)/1000,0)</f>
        <v>423</v>
      </c>
      <c r="BF261">
        <f ca="1">ROUND(SQRT((VLOOKUP($A261,városok!$A$2:$C$346,2,0)-VLOOKUP(BF$1,városok!$A$2:$C$346,2,0))^2+(VLOOKUP($A261,városok!$A$2:$C$346,3,0)-VLOOKUP(BF$1,városok!$A$2:$C$346,3,0))^2)/1000,0)</f>
        <v>403</v>
      </c>
      <c r="BG261">
        <f ca="1">ROUND(SQRT((VLOOKUP($A261,városok!$A$2:$C$346,2,0)-VLOOKUP(BG$1,városok!$A$2:$C$346,2,0))^2+(VLOOKUP($A261,városok!$A$2:$C$346,3,0)-VLOOKUP(BG$1,városok!$A$2:$C$346,3,0))^2)/1000,0)</f>
        <v>359</v>
      </c>
      <c r="BH261">
        <f ca="1">ROUND(SQRT((VLOOKUP($A261,városok!$A$2:$C$346,2,0)-VLOOKUP(BH$1,városok!$A$2:$C$346,2,0))^2+(VLOOKUP($A261,városok!$A$2:$C$346,3,0)-VLOOKUP(BH$1,városok!$A$2:$C$346,3,0))^2)/1000,0)</f>
        <v>359</v>
      </c>
      <c r="BI261">
        <f ca="1">ROUND(SQRT((VLOOKUP($A261,városok!$A$2:$C$346,2,0)-VLOOKUP(BI$1,városok!$A$2:$C$346,2,0))^2+(VLOOKUP($A261,városok!$A$2:$C$346,3,0)-VLOOKUP(BI$1,városok!$A$2:$C$346,3,0))^2)/1000,0)</f>
        <v>79</v>
      </c>
      <c r="BJ261">
        <f ca="1">ROUND(SQRT((VLOOKUP($A261,városok!$A$2:$C$346,2,0)-VLOOKUP(BJ$1,városok!$A$2:$C$346,2,0))^2+(VLOOKUP($A261,városok!$A$2:$C$346,3,0)-VLOOKUP(BJ$1,városok!$A$2:$C$346,3,0))^2)/1000,0)</f>
        <v>65</v>
      </c>
      <c r="BK261">
        <f ca="1">ROUND(SQRT((VLOOKUP($A261,városok!$A$2:$C$346,2,0)-VLOOKUP(BK$1,városok!$A$2:$C$346,2,0))^2+(VLOOKUP($A261,városok!$A$2:$C$346,3,0)-VLOOKUP(BK$1,városok!$A$2:$C$346,3,0))^2)/1000,0)</f>
        <v>84</v>
      </c>
      <c r="BL261">
        <f ca="1">ROUND(SQRT((VLOOKUP($A261,városok!$A$2:$C$346,2,0)-VLOOKUP(BL$1,városok!$A$2:$C$346,2,0))^2+(VLOOKUP($A261,városok!$A$2:$C$346,3,0)-VLOOKUP(BL$1,városok!$A$2:$C$346,3,0))^2)/1000,0)</f>
        <v>117</v>
      </c>
      <c r="BM261">
        <f ca="1">ROUND(SQRT((VLOOKUP($A261,városok!$A$2:$C$346,2,0)-VLOOKUP(BM$1,városok!$A$2:$C$346,2,0))^2+(VLOOKUP($A261,városok!$A$2:$C$346,3,0)-VLOOKUP(BM$1,városok!$A$2:$C$346,3,0))^2)/1000,0)</f>
        <v>125</v>
      </c>
      <c r="BN261">
        <f ca="1">ROUND(SQRT((VLOOKUP($A261,városok!$A$2:$C$346,2,0)-VLOOKUP(BN$1,városok!$A$2:$C$346,2,0))^2+(VLOOKUP($A261,városok!$A$2:$C$346,3,0)-VLOOKUP(BN$1,városok!$A$2:$C$346,3,0))^2)/1000,0)</f>
        <v>135</v>
      </c>
      <c r="BO261">
        <f ca="1">ROUND(SQRT((VLOOKUP($A261,városok!$A$2:$C$346,2,0)-VLOOKUP(BO$1,városok!$A$2:$C$346,2,0))^2+(VLOOKUP($A261,városok!$A$2:$C$346,3,0)-VLOOKUP(BO$1,városok!$A$2:$C$346,3,0))^2)/1000,0)</f>
        <v>93</v>
      </c>
      <c r="BP261">
        <f ca="1">ROUND(SQRT((VLOOKUP($A261,városok!$A$2:$C$346,2,0)-VLOOKUP(BP$1,városok!$A$2:$C$346,2,0))^2+(VLOOKUP($A261,városok!$A$2:$C$346,3,0)-VLOOKUP(BP$1,városok!$A$2:$C$346,3,0))^2)/1000,0)</f>
        <v>97</v>
      </c>
      <c r="BQ261">
        <f ca="1">ROUND(SQRT((VLOOKUP($A261,városok!$A$2:$C$346,2,0)-VLOOKUP(BQ$1,városok!$A$2:$C$346,2,0))^2+(VLOOKUP($A261,városok!$A$2:$C$346,3,0)-VLOOKUP(BQ$1,városok!$A$2:$C$346,3,0))^2)/1000,0)</f>
        <v>98</v>
      </c>
      <c r="BR261">
        <f ca="1">ROUND(SQRT((VLOOKUP($A261,városok!$A$2:$C$346,2,0)-VLOOKUP(BR$1,városok!$A$2:$C$346,2,0))^2+(VLOOKUP($A261,városok!$A$2:$C$346,3,0)-VLOOKUP(BR$1,városok!$A$2:$C$346,3,0))^2)/1000,0)</f>
        <v>66</v>
      </c>
      <c r="BS261">
        <f ca="1">ROUND(SQRT((VLOOKUP($A261,városok!$A$2:$C$346,2,0)-VLOOKUP(BS$1,városok!$A$2:$C$346,2,0))^2+(VLOOKUP($A261,városok!$A$2:$C$346,3,0)-VLOOKUP(BS$1,városok!$A$2:$C$346,3,0))^2)/1000,0)</f>
        <v>54</v>
      </c>
      <c r="BT261">
        <f ca="1">ROUND(SQRT((VLOOKUP($A261,városok!$A$2:$C$346,2,0)-VLOOKUP(BT$1,városok!$A$2:$C$346,2,0))^2+(VLOOKUP($A261,városok!$A$2:$C$346,3,0)-VLOOKUP(BT$1,városok!$A$2:$C$346,3,0))^2)/1000,0)</f>
        <v>90</v>
      </c>
    </row>
    <row r="262" spans="1:72" x14ac:dyDescent="0.2">
      <c r="A262" t="str">
        <f>városok!A262</f>
        <v>Kaposvár</v>
      </c>
      <c r="B262">
        <f ca="1">ROUND(SQRT((VLOOKUP($A262,városok!$A$2:$C$346,2,0)-VLOOKUP(B$1,városok!$A$2:$C$346,2,0))^2+(VLOOKUP($A262,városok!$A$2:$C$346,3,0)-VLOOKUP(B$1,városok!$A$2:$C$346,3,0))^2)/1000,0)</f>
        <v>92</v>
      </c>
      <c r="C262">
        <f ca="1">ROUND(SQRT((VLOOKUP($A262,városok!$A$2:$C$346,2,0)-VLOOKUP(C$1,városok!$A$2:$C$346,2,0))^2+(VLOOKUP($A262,városok!$A$2:$C$346,3,0)-VLOOKUP(C$1,városok!$A$2:$C$346,3,0))^2)/1000,0)</f>
        <v>93</v>
      </c>
      <c r="D262">
        <f ca="1">ROUND(SQRT((VLOOKUP($A262,városok!$A$2:$C$346,2,0)-VLOOKUP(D$1,városok!$A$2:$C$346,2,0))^2+(VLOOKUP($A262,városok!$A$2:$C$346,3,0)-VLOOKUP(D$1,városok!$A$2:$C$346,3,0))^2)/1000,0)</f>
        <v>157</v>
      </c>
      <c r="E262">
        <f ca="1">ROUND(SQRT((VLOOKUP($A262,városok!$A$2:$C$346,2,0)-VLOOKUP(E$1,városok!$A$2:$C$346,2,0))^2+(VLOOKUP($A262,városok!$A$2:$C$346,3,0)-VLOOKUP(E$1,városok!$A$2:$C$346,3,0))^2)/1000,0)</f>
        <v>40</v>
      </c>
      <c r="F262">
        <f ca="1">ROUND(SQRT((VLOOKUP($A262,városok!$A$2:$C$346,2,0)-VLOOKUP(F$1,városok!$A$2:$C$346,2,0))^2+(VLOOKUP($A262,városok!$A$2:$C$346,3,0)-VLOOKUP(F$1,városok!$A$2:$C$346,3,0))^2)/1000,0)</f>
        <v>80</v>
      </c>
      <c r="G262">
        <f ca="1">ROUND(SQRT((VLOOKUP($A262,városok!$A$2:$C$346,2,0)-VLOOKUP(G$1,városok!$A$2:$C$346,2,0))^2+(VLOOKUP($A262,városok!$A$2:$C$346,3,0)-VLOOKUP(G$1,városok!$A$2:$C$346,3,0))^2)/1000,0)</f>
        <v>47</v>
      </c>
      <c r="H262">
        <f ca="1">ROUND(SQRT((VLOOKUP($A262,városok!$A$2:$C$346,2,0)-VLOOKUP(H$1,városok!$A$2:$C$346,2,0))^2+(VLOOKUP($A262,városok!$A$2:$C$346,3,0)-VLOOKUP(H$1,városok!$A$2:$C$346,3,0))^2)/1000,0)</f>
        <v>34</v>
      </c>
      <c r="I262">
        <f ca="1">ROUND(SQRT((VLOOKUP($A262,városok!$A$2:$C$346,2,0)-VLOOKUP(I$1,városok!$A$2:$C$346,2,0))^2+(VLOOKUP($A262,városok!$A$2:$C$346,3,0)-VLOOKUP(I$1,városok!$A$2:$C$346,3,0))^2)/1000,0)</f>
        <v>254</v>
      </c>
      <c r="J262">
        <f ca="1">ROUND(SQRT((VLOOKUP($A262,városok!$A$2:$C$346,2,0)-VLOOKUP(J$1,városok!$A$2:$C$346,2,0))^2+(VLOOKUP($A262,városok!$A$2:$C$346,3,0)-VLOOKUP(J$1,városok!$A$2:$C$346,3,0))^2)/1000,0)</f>
        <v>269</v>
      </c>
      <c r="K262">
        <f ca="1">ROUND(SQRT((VLOOKUP($A262,városok!$A$2:$C$346,2,0)-VLOOKUP(K$1,városok!$A$2:$C$346,2,0))^2+(VLOOKUP($A262,városok!$A$2:$C$346,3,0)-VLOOKUP(K$1,városok!$A$2:$C$346,3,0))^2)/1000,0)</f>
        <v>222</v>
      </c>
      <c r="L262">
        <f ca="1">ROUND(SQRT((VLOOKUP($A262,városok!$A$2:$C$346,2,0)-VLOOKUP(L$1,városok!$A$2:$C$346,2,0))^2+(VLOOKUP($A262,városok!$A$2:$C$346,3,0)-VLOOKUP(L$1,városok!$A$2:$C$346,3,0))^2)/1000,0)</f>
        <v>301</v>
      </c>
      <c r="M262">
        <f ca="1">ROUND(SQRT((VLOOKUP($A262,városok!$A$2:$C$346,2,0)-VLOOKUP(M$1,városok!$A$2:$C$346,2,0))^2+(VLOOKUP($A262,városok!$A$2:$C$346,3,0)-VLOOKUP(M$1,városok!$A$2:$C$346,3,0))^2)/1000,0)</f>
        <v>299</v>
      </c>
      <c r="N262">
        <f ca="1">ROUND(SQRT((VLOOKUP($A262,városok!$A$2:$C$346,2,0)-VLOOKUP(N$1,városok!$A$2:$C$346,2,0))^2+(VLOOKUP($A262,városok!$A$2:$C$346,3,0)-VLOOKUP(N$1,városok!$A$2:$C$346,3,0))^2)/1000,0)</f>
        <v>280</v>
      </c>
      <c r="O262">
        <f ca="1">ROUND(SQRT((VLOOKUP($A262,városok!$A$2:$C$346,2,0)-VLOOKUP(O$1,városok!$A$2:$C$346,2,0))^2+(VLOOKUP($A262,városok!$A$2:$C$346,3,0)-VLOOKUP(O$1,városok!$A$2:$C$346,3,0))^2)/1000,0)</f>
        <v>369</v>
      </c>
      <c r="P262">
        <f ca="1">ROUND(SQRT((VLOOKUP($A262,városok!$A$2:$C$346,2,0)-VLOOKUP(P$1,városok!$A$2:$C$346,2,0))^2+(VLOOKUP($A262,városok!$A$2:$C$346,3,0)-VLOOKUP(P$1,városok!$A$2:$C$346,3,0))^2)/1000,0)</f>
        <v>369</v>
      </c>
      <c r="Q262">
        <f ca="1">ROUND(SQRT((VLOOKUP($A262,városok!$A$2:$C$346,2,0)-VLOOKUP(Q$1,városok!$A$2:$C$346,2,0))^2+(VLOOKUP($A262,városok!$A$2:$C$346,3,0)-VLOOKUP(Q$1,városok!$A$2:$C$346,3,0))^2)/1000,0)</f>
        <v>194</v>
      </c>
      <c r="R262">
        <f ca="1">ROUND(SQRT((VLOOKUP($A262,városok!$A$2:$C$346,2,0)-VLOOKUP(R$1,városok!$A$2:$C$346,2,0))^2+(VLOOKUP($A262,városok!$A$2:$C$346,3,0)-VLOOKUP(R$1,városok!$A$2:$C$346,3,0))^2)/1000,0)</f>
        <v>207</v>
      </c>
      <c r="S262">
        <f ca="1">ROUND(SQRT((VLOOKUP($A262,városok!$A$2:$C$346,2,0)-VLOOKUP(S$1,városok!$A$2:$C$346,2,0))^2+(VLOOKUP($A262,városok!$A$2:$C$346,3,0)-VLOOKUP(S$1,városok!$A$2:$C$346,3,0))^2)/1000,0)</f>
        <v>182</v>
      </c>
      <c r="T262">
        <f ca="1">ROUND(SQRT((VLOOKUP($A262,városok!$A$2:$C$346,2,0)-VLOOKUP(T$1,városok!$A$2:$C$346,2,0))^2+(VLOOKUP($A262,városok!$A$2:$C$346,3,0)-VLOOKUP(T$1,városok!$A$2:$C$346,3,0))^2)/1000,0)</f>
        <v>141</v>
      </c>
      <c r="U262">
        <f ca="1">ROUND(SQRT((VLOOKUP($A262,városok!$A$2:$C$346,2,0)-VLOOKUP(U$1,városok!$A$2:$C$346,2,0))^2+(VLOOKUP($A262,városok!$A$2:$C$346,3,0)-VLOOKUP(U$1,városok!$A$2:$C$346,3,0))^2)/1000,0)</f>
        <v>110</v>
      </c>
      <c r="V262">
        <f ca="1">ROUND(SQRT((VLOOKUP($A262,városok!$A$2:$C$346,2,0)-VLOOKUP(V$1,városok!$A$2:$C$346,2,0))^2+(VLOOKUP($A262,városok!$A$2:$C$346,3,0)-VLOOKUP(V$1,városok!$A$2:$C$346,3,0))^2)/1000,0)</f>
        <v>87</v>
      </c>
      <c r="W262">
        <f ca="1">ROUND(SQRT((VLOOKUP($A262,városok!$A$2:$C$346,2,0)-VLOOKUP(W$1,városok!$A$2:$C$346,2,0))^2+(VLOOKUP($A262,városok!$A$2:$C$346,3,0)-VLOOKUP(W$1,városok!$A$2:$C$346,3,0))^2)/1000,0)</f>
        <v>86</v>
      </c>
      <c r="X262">
        <f ca="1">ROUND(SQRT((VLOOKUP($A262,városok!$A$2:$C$346,2,0)-VLOOKUP(X$1,városok!$A$2:$C$346,2,0))^2+(VLOOKUP($A262,városok!$A$2:$C$346,3,0)-VLOOKUP(X$1,városok!$A$2:$C$346,3,0))^2)/1000,0)</f>
        <v>111</v>
      </c>
      <c r="Y262">
        <f ca="1">ROUND(SQRT((VLOOKUP($A262,városok!$A$2:$C$346,2,0)-VLOOKUP(Y$1,városok!$A$2:$C$346,2,0))^2+(VLOOKUP($A262,városok!$A$2:$C$346,3,0)-VLOOKUP(Y$1,városok!$A$2:$C$346,3,0))^2)/1000,0)</f>
        <v>149</v>
      </c>
      <c r="Z262">
        <f ca="1">ROUND(SQRT((VLOOKUP($A262,városok!$A$2:$C$346,2,0)-VLOOKUP(Z$1,városok!$A$2:$C$346,2,0))^2+(VLOOKUP($A262,városok!$A$2:$C$346,3,0)-VLOOKUP(Z$1,városok!$A$2:$C$346,3,0))^2)/1000,0)</f>
        <v>156</v>
      </c>
      <c r="AA262">
        <f ca="1">ROUND(SQRT((VLOOKUP($A262,városok!$A$2:$C$346,2,0)-VLOOKUP(AA$1,városok!$A$2:$C$346,2,0))^2+(VLOOKUP($A262,városok!$A$2:$C$346,3,0)-VLOOKUP(AA$1,városok!$A$2:$C$346,3,0))^2)/1000,0)</f>
        <v>174</v>
      </c>
      <c r="AB262">
        <f ca="1">ROUND(SQRT((VLOOKUP($A262,városok!$A$2:$C$346,2,0)-VLOOKUP(AB$1,városok!$A$2:$C$346,2,0))^2+(VLOOKUP($A262,városok!$A$2:$C$346,3,0)-VLOOKUP(AB$1,városok!$A$2:$C$346,3,0))^2)/1000,0)</f>
        <v>320</v>
      </c>
      <c r="AC262">
        <f ca="1">ROUND(SQRT((VLOOKUP($A262,városok!$A$2:$C$346,2,0)-VLOOKUP(AC$1,városok!$A$2:$C$346,2,0))^2+(VLOOKUP($A262,városok!$A$2:$C$346,3,0)-VLOOKUP(AC$1,városok!$A$2:$C$346,3,0))^2)/1000,0)</f>
        <v>300</v>
      </c>
      <c r="AD262">
        <f ca="1">ROUND(SQRT((VLOOKUP($A262,városok!$A$2:$C$346,2,0)-VLOOKUP(AD$1,városok!$A$2:$C$346,2,0))^2+(VLOOKUP($A262,városok!$A$2:$C$346,3,0)-VLOOKUP(AD$1,városok!$A$2:$C$346,3,0))^2)/1000,0)</f>
        <v>283</v>
      </c>
      <c r="AE262">
        <f ca="1">ROUND(SQRT((VLOOKUP($A262,városok!$A$2:$C$346,2,0)-VLOOKUP(AE$1,városok!$A$2:$C$346,2,0))^2+(VLOOKUP($A262,városok!$A$2:$C$346,3,0)-VLOOKUP(AE$1,városok!$A$2:$C$346,3,0))^2)/1000,0)</f>
        <v>277</v>
      </c>
      <c r="AF262">
        <f ca="1">ROUND(SQRT((VLOOKUP($A262,városok!$A$2:$C$346,2,0)-VLOOKUP(AF$1,városok!$A$2:$C$346,2,0))^2+(VLOOKUP($A262,városok!$A$2:$C$346,3,0)-VLOOKUP(AF$1,városok!$A$2:$C$346,3,0))^2)/1000,0)</f>
        <v>260</v>
      </c>
      <c r="AG262">
        <f ca="1">ROUND(SQRT((VLOOKUP($A262,városok!$A$2:$C$346,2,0)-VLOOKUP(AG$1,városok!$A$2:$C$346,2,0))^2+(VLOOKUP($A262,városok!$A$2:$C$346,3,0)-VLOOKUP(AG$1,városok!$A$2:$C$346,3,0))^2)/1000,0)</f>
        <v>226</v>
      </c>
      <c r="AH262">
        <f ca="1">ROUND(SQRT((VLOOKUP($A262,városok!$A$2:$C$346,2,0)-VLOOKUP(AH$1,városok!$A$2:$C$346,2,0))^2+(VLOOKUP($A262,városok!$A$2:$C$346,3,0)-VLOOKUP(AH$1,városok!$A$2:$C$346,3,0))^2)/1000,0)</f>
        <v>204</v>
      </c>
      <c r="AI262">
        <f ca="1">ROUND(SQRT((VLOOKUP($A262,városok!$A$2:$C$346,2,0)-VLOOKUP(AI$1,városok!$A$2:$C$346,2,0))^2+(VLOOKUP($A262,városok!$A$2:$C$346,3,0)-VLOOKUP(AI$1,városok!$A$2:$C$346,3,0))^2)/1000,0)</f>
        <v>254</v>
      </c>
      <c r="AJ262">
        <f ca="1">ROUND(SQRT((VLOOKUP($A262,városok!$A$2:$C$346,2,0)-VLOOKUP(AJ$1,városok!$A$2:$C$346,2,0))^2+(VLOOKUP($A262,városok!$A$2:$C$346,3,0)-VLOOKUP(AJ$1,városok!$A$2:$C$346,3,0))^2)/1000,0)</f>
        <v>219</v>
      </c>
      <c r="AK262">
        <f ca="1">ROUND(SQRT((VLOOKUP($A262,városok!$A$2:$C$346,2,0)-VLOOKUP(AK$1,városok!$A$2:$C$346,2,0))^2+(VLOOKUP($A262,városok!$A$2:$C$346,3,0)-VLOOKUP(AK$1,városok!$A$2:$C$346,3,0))^2)/1000,0)</f>
        <v>263</v>
      </c>
      <c r="AL262">
        <f ca="1">ROUND(SQRT((VLOOKUP($A262,városok!$A$2:$C$346,2,0)-VLOOKUP(AL$1,városok!$A$2:$C$346,2,0))^2+(VLOOKUP($A262,városok!$A$2:$C$346,3,0)-VLOOKUP(AL$1,városok!$A$2:$C$346,3,0))^2)/1000,0)</f>
        <v>243</v>
      </c>
      <c r="AM262">
        <f ca="1">ROUND(SQRT((VLOOKUP($A262,városok!$A$2:$C$346,2,0)-VLOOKUP(AM$1,városok!$A$2:$C$346,2,0))^2+(VLOOKUP($A262,városok!$A$2:$C$346,3,0)-VLOOKUP(AM$1,városok!$A$2:$C$346,3,0))^2)/1000,0)</f>
        <v>204</v>
      </c>
      <c r="AN262">
        <f ca="1">ROUND(SQRT((VLOOKUP($A262,városok!$A$2:$C$346,2,0)-VLOOKUP(AN$1,városok!$A$2:$C$346,2,0))^2+(VLOOKUP($A262,városok!$A$2:$C$346,3,0)-VLOOKUP(AN$1,városok!$A$2:$C$346,3,0))^2)/1000,0)</f>
        <v>175</v>
      </c>
      <c r="AO262">
        <f ca="1">ROUND(SQRT((VLOOKUP($A262,városok!$A$2:$C$346,2,0)-VLOOKUP(AO$1,városok!$A$2:$C$346,2,0))^2+(VLOOKUP($A262,városok!$A$2:$C$346,3,0)-VLOOKUP(AO$1,városok!$A$2:$C$346,3,0))^2)/1000,0)</f>
        <v>156</v>
      </c>
      <c r="AP262">
        <f ca="1">ROUND(SQRT((VLOOKUP($A262,városok!$A$2:$C$346,2,0)-VLOOKUP(AP$1,városok!$A$2:$C$346,2,0))^2+(VLOOKUP($A262,városok!$A$2:$C$346,3,0)-VLOOKUP(AP$1,városok!$A$2:$C$346,3,0))^2)/1000,0)</f>
        <v>149</v>
      </c>
      <c r="AQ262">
        <f ca="1">ROUND(SQRT((VLOOKUP($A262,városok!$A$2:$C$346,2,0)-VLOOKUP(AQ$1,városok!$A$2:$C$346,2,0))^2+(VLOOKUP($A262,városok!$A$2:$C$346,3,0)-VLOOKUP(AQ$1,városok!$A$2:$C$346,3,0))^2)/1000,0)</f>
        <v>143</v>
      </c>
      <c r="AR262">
        <f ca="1">ROUND(SQRT((VLOOKUP($A262,városok!$A$2:$C$346,2,0)-VLOOKUP(AR$1,városok!$A$2:$C$346,2,0))^2+(VLOOKUP($A262,városok!$A$2:$C$346,3,0)-VLOOKUP(AR$1,városok!$A$2:$C$346,3,0))^2)/1000,0)</f>
        <v>226</v>
      </c>
      <c r="AS262">
        <f ca="1">ROUND(SQRT((VLOOKUP($A262,városok!$A$2:$C$346,2,0)-VLOOKUP(AS$1,városok!$A$2:$C$346,2,0))^2+(VLOOKUP($A262,városok!$A$2:$C$346,3,0)-VLOOKUP(AS$1,városok!$A$2:$C$346,3,0))^2)/1000,0)</f>
        <v>248</v>
      </c>
      <c r="AT262">
        <f ca="1">ROUND(SQRT((VLOOKUP($A262,városok!$A$2:$C$346,2,0)-VLOOKUP(AT$1,városok!$A$2:$C$346,2,0))^2+(VLOOKUP($A262,városok!$A$2:$C$346,3,0)-VLOOKUP(AT$1,városok!$A$2:$C$346,3,0))^2)/1000,0)</f>
        <v>146</v>
      </c>
      <c r="AU262">
        <f ca="1">ROUND(SQRT((VLOOKUP($A262,városok!$A$2:$C$346,2,0)-VLOOKUP(AU$1,városok!$A$2:$C$346,2,0))^2+(VLOOKUP($A262,városok!$A$2:$C$346,3,0)-VLOOKUP(AU$1,városok!$A$2:$C$346,3,0))^2)/1000,0)</f>
        <v>151</v>
      </c>
      <c r="AV262">
        <f ca="1">ROUND(SQRT((VLOOKUP($A262,városok!$A$2:$C$346,2,0)-VLOOKUP(AV$1,városok!$A$2:$C$346,2,0))^2+(VLOOKUP($A262,városok!$A$2:$C$346,3,0)-VLOOKUP(AV$1,városok!$A$2:$C$346,3,0))^2)/1000,0)</f>
        <v>146</v>
      </c>
      <c r="AW262">
        <f ca="1">ROUND(SQRT((VLOOKUP($A262,városok!$A$2:$C$346,2,0)-VLOOKUP(AW$1,városok!$A$2:$C$346,2,0))^2+(VLOOKUP($A262,városok!$A$2:$C$346,3,0)-VLOOKUP(AW$1,városok!$A$2:$C$346,3,0))^2)/1000,0)</f>
        <v>143</v>
      </c>
      <c r="AX262">
        <f ca="1">ROUND(SQRT((VLOOKUP($A262,városok!$A$2:$C$346,2,0)-VLOOKUP(AX$1,városok!$A$2:$C$346,2,0))^2+(VLOOKUP($A262,városok!$A$2:$C$346,3,0)-VLOOKUP(AX$1,városok!$A$2:$C$346,3,0))^2)/1000,0)</f>
        <v>169</v>
      </c>
      <c r="AY262">
        <f ca="1">ROUND(SQRT((VLOOKUP($A262,városok!$A$2:$C$346,2,0)-VLOOKUP(AY$1,városok!$A$2:$C$346,2,0))^2+(VLOOKUP($A262,városok!$A$2:$C$346,3,0)-VLOOKUP(AY$1,városok!$A$2:$C$346,3,0))^2)/1000,0)</f>
        <v>176</v>
      </c>
      <c r="AZ262">
        <f ca="1">ROUND(SQRT((VLOOKUP($A262,városok!$A$2:$C$346,2,0)-VLOOKUP(AZ$1,városok!$A$2:$C$346,2,0))^2+(VLOOKUP($A262,városok!$A$2:$C$346,3,0)-VLOOKUP(AZ$1,városok!$A$2:$C$346,3,0))^2)/1000,0)</f>
        <v>182</v>
      </c>
      <c r="BA262">
        <f ca="1">ROUND(SQRT((VLOOKUP($A262,városok!$A$2:$C$346,2,0)-VLOOKUP(BA$1,városok!$A$2:$C$346,2,0))^2+(VLOOKUP($A262,városok!$A$2:$C$346,3,0)-VLOOKUP(BA$1,városok!$A$2:$C$346,3,0))^2)/1000,0)</f>
        <v>48</v>
      </c>
      <c r="BB262">
        <f ca="1">ROUND(SQRT((VLOOKUP($A262,városok!$A$2:$C$346,2,0)-VLOOKUP(BB$1,városok!$A$2:$C$346,2,0))^2+(VLOOKUP($A262,városok!$A$2:$C$346,3,0)-VLOOKUP(BB$1,városok!$A$2:$C$346,3,0))^2)/1000,0)</f>
        <v>23</v>
      </c>
      <c r="BC262">
        <f ca="1">ROUND(SQRT((VLOOKUP($A262,városok!$A$2:$C$346,2,0)-VLOOKUP(BC$1,városok!$A$2:$C$346,2,0))^2+(VLOOKUP($A262,városok!$A$2:$C$346,3,0)-VLOOKUP(BC$1,városok!$A$2:$C$346,3,0))^2)/1000,0)</f>
        <v>0</v>
      </c>
      <c r="BD262">
        <f ca="1">ROUND(SQRT((VLOOKUP($A262,városok!$A$2:$C$346,2,0)-VLOOKUP(BD$1,városok!$A$2:$C$346,2,0))^2+(VLOOKUP($A262,városok!$A$2:$C$346,3,0)-VLOOKUP(BD$1,városok!$A$2:$C$346,3,0))^2)/1000,0)</f>
        <v>65</v>
      </c>
      <c r="BE262">
        <f ca="1">ROUND(SQRT((VLOOKUP($A262,városok!$A$2:$C$346,2,0)-VLOOKUP(BE$1,városok!$A$2:$C$346,2,0))^2+(VLOOKUP($A262,városok!$A$2:$C$346,3,0)-VLOOKUP(BE$1,városok!$A$2:$C$346,3,0))^2)/1000,0)</f>
        <v>405</v>
      </c>
      <c r="BF262">
        <f ca="1">ROUND(SQRT((VLOOKUP($A262,városok!$A$2:$C$346,2,0)-VLOOKUP(BF$1,városok!$A$2:$C$346,2,0))^2+(VLOOKUP($A262,városok!$A$2:$C$346,3,0)-VLOOKUP(BF$1,városok!$A$2:$C$346,3,0))^2)/1000,0)</f>
        <v>384</v>
      </c>
      <c r="BG262">
        <f ca="1">ROUND(SQRT((VLOOKUP($A262,városok!$A$2:$C$346,2,0)-VLOOKUP(BG$1,városok!$A$2:$C$346,2,0))^2+(VLOOKUP($A262,városok!$A$2:$C$346,3,0)-VLOOKUP(BG$1,városok!$A$2:$C$346,3,0))^2)/1000,0)</f>
        <v>340</v>
      </c>
      <c r="BH262">
        <f ca="1">ROUND(SQRT((VLOOKUP($A262,városok!$A$2:$C$346,2,0)-VLOOKUP(BH$1,városok!$A$2:$C$346,2,0))^2+(VLOOKUP($A262,városok!$A$2:$C$346,3,0)-VLOOKUP(BH$1,városok!$A$2:$C$346,3,0))^2)/1000,0)</f>
        <v>340</v>
      </c>
      <c r="BI262">
        <f ca="1">ROUND(SQRT((VLOOKUP($A262,városok!$A$2:$C$346,2,0)-VLOOKUP(BI$1,városok!$A$2:$C$346,2,0))^2+(VLOOKUP($A262,városok!$A$2:$C$346,3,0)-VLOOKUP(BI$1,városok!$A$2:$C$346,3,0))^2)/1000,0)</f>
        <v>64</v>
      </c>
      <c r="BJ262">
        <f ca="1">ROUND(SQRT((VLOOKUP($A262,városok!$A$2:$C$346,2,0)-VLOOKUP(BJ$1,városok!$A$2:$C$346,2,0))^2+(VLOOKUP($A262,városok!$A$2:$C$346,3,0)-VLOOKUP(BJ$1,városok!$A$2:$C$346,3,0))^2)/1000,0)</f>
        <v>52</v>
      </c>
      <c r="BK262">
        <f ca="1">ROUND(SQRT((VLOOKUP($A262,városok!$A$2:$C$346,2,0)-VLOOKUP(BK$1,városok!$A$2:$C$346,2,0))^2+(VLOOKUP($A262,városok!$A$2:$C$346,3,0)-VLOOKUP(BK$1,városok!$A$2:$C$346,3,0))^2)/1000,0)</f>
        <v>70</v>
      </c>
      <c r="BL262">
        <f ca="1">ROUND(SQRT((VLOOKUP($A262,városok!$A$2:$C$346,2,0)-VLOOKUP(BL$1,városok!$A$2:$C$346,2,0))^2+(VLOOKUP($A262,városok!$A$2:$C$346,3,0)-VLOOKUP(BL$1,városok!$A$2:$C$346,3,0))^2)/1000,0)</f>
        <v>117</v>
      </c>
      <c r="BM262">
        <f ca="1">ROUND(SQRT((VLOOKUP($A262,városok!$A$2:$C$346,2,0)-VLOOKUP(BM$1,városok!$A$2:$C$346,2,0))^2+(VLOOKUP($A262,városok!$A$2:$C$346,3,0)-VLOOKUP(BM$1,városok!$A$2:$C$346,3,0))^2)/1000,0)</f>
        <v>120</v>
      </c>
      <c r="BN262">
        <f ca="1">ROUND(SQRT((VLOOKUP($A262,városok!$A$2:$C$346,2,0)-VLOOKUP(BN$1,városok!$A$2:$C$346,2,0))^2+(VLOOKUP($A262,városok!$A$2:$C$346,3,0)-VLOOKUP(BN$1,városok!$A$2:$C$346,3,0))^2)/1000,0)</f>
        <v>132</v>
      </c>
      <c r="BO262">
        <f ca="1">ROUND(SQRT((VLOOKUP($A262,városok!$A$2:$C$346,2,0)-VLOOKUP(BO$1,városok!$A$2:$C$346,2,0))^2+(VLOOKUP($A262,városok!$A$2:$C$346,3,0)-VLOOKUP(BO$1,városok!$A$2:$C$346,3,0))^2)/1000,0)</f>
        <v>77</v>
      </c>
      <c r="BP262">
        <f ca="1">ROUND(SQRT((VLOOKUP($A262,városok!$A$2:$C$346,2,0)-VLOOKUP(BP$1,városok!$A$2:$C$346,2,0))^2+(VLOOKUP($A262,városok!$A$2:$C$346,3,0)-VLOOKUP(BP$1,városok!$A$2:$C$346,3,0))^2)/1000,0)</f>
        <v>79</v>
      </c>
      <c r="BQ262">
        <f ca="1">ROUND(SQRT((VLOOKUP($A262,városok!$A$2:$C$346,2,0)-VLOOKUP(BQ$1,városok!$A$2:$C$346,2,0))^2+(VLOOKUP($A262,városok!$A$2:$C$346,3,0)-VLOOKUP(BQ$1,városok!$A$2:$C$346,3,0))^2)/1000,0)</f>
        <v>82</v>
      </c>
      <c r="BR262">
        <f ca="1">ROUND(SQRT((VLOOKUP($A262,városok!$A$2:$C$346,2,0)-VLOOKUP(BR$1,városok!$A$2:$C$346,2,0))^2+(VLOOKUP($A262,városok!$A$2:$C$346,3,0)-VLOOKUP(BR$1,városok!$A$2:$C$346,3,0))^2)/1000,0)</f>
        <v>62</v>
      </c>
      <c r="BS262">
        <f ca="1">ROUND(SQRT((VLOOKUP($A262,városok!$A$2:$C$346,2,0)-VLOOKUP(BS$1,városok!$A$2:$C$346,2,0))^2+(VLOOKUP($A262,városok!$A$2:$C$346,3,0)-VLOOKUP(BS$1,városok!$A$2:$C$346,3,0))^2)/1000,0)</f>
        <v>63</v>
      </c>
      <c r="BT262">
        <f ca="1">ROUND(SQRT((VLOOKUP($A262,városok!$A$2:$C$346,2,0)-VLOOKUP(BT$1,városok!$A$2:$C$346,2,0))^2+(VLOOKUP($A262,városok!$A$2:$C$346,3,0)-VLOOKUP(BT$1,városok!$A$2:$C$346,3,0))^2)/1000,0)</f>
        <v>91</v>
      </c>
    </row>
    <row r="263" spans="1:72" x14ac:dyDescent="0.2">
      <c r="A263" t="str">
        <f>városok!A263</f>
        <v>Lengyeltóti</v>
      </c>
      <c r="B263">
        <f ca="1">ROUND(SQRT((VLOOKUP($A263,városok!$A$2:$C$346,2,0)-VLOOKUP(B$1,városok!$A$2:$C$346,2,0))^2+(VLOOKUP($A263,városok!$A$2:$C$346,3,0)-VLOOKUP(B$1,városok!$A$2:$C$346,3,0))^2)/1000,0)</f>
        <v>115</v>
      </c>
      <c r="C263">
        <f ca="1">ROUND(SQRT((VLOOKUP($A263,városok!$A$2:$C$346,2,0)-VLOOKUP(C$1,városok!$A$2:$C$346,2,0))^2+(VLOOKUP($A263,városok!$A$2:$C$346,3,0)-VLOOKUP(C$1,városok!$A$2:$C$346,3,0))^2)/1000,0)</f>
        <v>104</v>
      </c>
      <c r="D263">
        <f ca="1">ROUND(SQRT((VLOOKUP($A263,városok!$A$2:$C$346,2,0)-VLOOKUP(D$1,városok!$A$2:$C$346,2,0))^2+(VLOOKUP($A263,városok!$A$2:$C$346,3,0)-VLOOKUP(D$1,városok!$A$2:$C$346,3,0))^2)/1000,0)</f>
        <v>159</v>
      </c>
      <c r="E263">
        <f ca="1">ROUND(SQRT((VLOOKUP($A263,városok!$A$2:$C$346,2,0)-VLOOKUP(E$1,városok!$A$2:$C$346,2,0))^2+(VLOOKUP($A263,városok!$A$2:$C$346,3,0)-VLOOKUP(E$1,városok!$A$2:$C$346,3,0))^2)/1000,0)</f>
        <v>72</v>
      </c>
      <c r="F263">
        <f ca="1">ROUND(SQRT((VLOOKUP($A263,városok!$A$2:$C$346,2,0)-VLOOKUP(F$1,városok!$A$2:$C$346,2,0))^2+(VLOOKUP($A263,városok!$A$2:$C$346,3,0)-VLOOKUP(F$1,városok!$A$2:$C$346,3,0))^2)/1000,0)</f>
        <v>110</v>
      </c>
      <c r="G263">
        <f ca="1">ROUND(SQRT((VLOOKUP($A263,városok!$A$2:$C$346,2,0)-VLOOKUP(G$1,városok!$A$2:$C$346,2,0))^2+(VLOOKUP($A263,városok!$A$2:$C$346,3,0)-VLOOKUP(G$1,városok!$A$2:$C$346,3,0))^2)/1000,0)</f>
        <v>80</v>
      </c>
      <c r="H263">
        <f ca="1">ROUND(SQRT((VLOOKUP($A263,városok!$A$2:$C$346,2,0)-VLOOKUP(H$1,városok!$A$2:$C$346,2,0))^2+(VLOOKUP($A263,városok!$A$2:$C$346,3,0)-VLOOKUP(H$1,városok!$A$2:$C$346,3,0))^2)/1000,0)</f>
        <v>70</v>
      </c>
      <c r="I263">
        <f ca="1">ROUND(SQRT((VLOOKUP($A263,városok!$A$2:$C$346,2,0)-VLOOKUP(I$1,városok!$A$2:$C$346,2,0))^2+(VLOOKUP($A263,városok!$A$2:$C$346,3,0)-VLOOKUP(I$1,városok!$A$2:$C$346,3,0))^2)/1000,0)</f>
        <v>263</v>
      </c>
      <c r="J263">
        <f ca="1">ROUND(SQRT((VLOOKUP($A263,városok!$A$2:$C$346,2,0)-VLOOKUP(J$1,városok!$A$2:$C$346,2,0))^2+(VLOOKUP($A263,városok!$A$2:$C$346,3,0)-VLOOKUP(J$1,városok!$A$2:$C$346,3,0))^2)/1000,0)</f>
        <v>278</v>
      </c>
      <c r="K263">
        <f ca="1">ROUND(SQRT((VLOOKUP($A263,városok!$A$2:$C$346,2,0)-VLOOKUP(K$1,városok!$A$2:$C$346,2,0))^2+(VLOOKUP($A263,városok!$A$2:$C$346,3,0)-VLOOKUP(K$1,városok!$A$2:$C$346,3,0))^2)/1000,0)</f>
        <v>232</v>
      </c>
      <c r="L263">
        <f ca="1">ROUND(SQRT((VLOOKUP($A263,városok!$A$2:$C$346,2,0)-VLOOKUP(L$1,városok!$A$2:$C$346,2,0))^2+(VLOOKUP($A263,városok!$A$2:$C$346,3,0)-VLOOKUP(L$1,városok!$A$2:$C$346,3,0))^2)/1000,0)</f>
        <v>287</v>
      </c>
      <c r="M263">
        <f ca="1">ROUND(SQRT((VLOOKUP($A263,városok!$A$2:$C$346,2,0)-VLOOKUP(M$1,városok!$A$2:$C$346,2,0))^2+(VLOOKUP($A263,városok!$A$2:$C$346,3,0)-VLOOKUP(M$1,városok!$A$2:$C$346,3,0))^2)/1000,0)</f>
        <v>287</v>
      </c>
      <c r="N263">
        <f ca="1">ROUND(SQRT((VLOOKUP($A263,városok!$A$2:$C$346,2,0)-VLOOKUP(N$1,városok!$A$2:$C$346,2,0))^2+(VLOOKUP($A263,városok!$A$2:$C$346,3,0)-VLOOKUP(N$1,városok!$A$2:$C$346,3,0))^2)/1000,0)</f>
        <v>264</v>
      </c>
      <c r="O263">
        <f ca="1">ROUND(SQRT((VLOOKUP($A263,városok!$A$2:$C$346,2,0)-VLOOKUP(O$1,városok!$A$2:$C$346,2,0))^2+(VLOOKUP($A263,városok!$A$2:$C$346,3,0)-VLOOKUP(O$1,városok!$A$2:$C$346,3,0))^2)/1000,0)</f>
        <v>358</v>
      </c>
      <c r="P263">
        <f ca="1">ROUND(SQRT((VLOOKUP($A263,városok!$A$2:$C$346,2,0)-VLOOKUP(P$1,városok!$A$2:$C$346,2,0))^2+(VLOOKUP($A263,városok!$A$2:$C$346,3,0)-VLOOKUP(P$1,városok!$A$2:$C$346,3,0))^2)/1000,0)</f>
        <v>358</v>
      </c>
      <c r="Q263">
        <f ca="1">ROUND(SQRT((VLOOKUP($A263,városok!$A$2:$C$346,2,0)-VLOOKUP(Q$1,városok!$A$2:$C$346,2,0))^2+(VLOOKUP($A263,városok!$A$2:$C$346,3,0)-VLOOKUP(Q$1,városok!$A$2:$C$346,3,0))^2)/1000,0)</f>
        <v>208</v>
      </c>
      <c r="R263">
        <f ca="1">ROUND(SQRT((VLOOKUP($A263,városok!$A$2:$C$346,2,0)-VLOOKUP(R$1,városok!$A$2:$C$346,2,0))^2+(VLOOKUP($A263,városok!$A$2:$C$346,3,0)-VLOOKUP(R$1,városok!$A$2:$C$346,3,0))^2)/1000,0)</f>
        <v>224</v>
      </c>
      <c r="S263">
        <f ca="1">ROUND(SQRT((VLOOKUP($A263,városok!$A$2:$C$346,2,0)-VLOOKUP(S$1,városok!$A$2:$C$346,2,0))^2+(VLOOKUP($A263,városok!$A$2:$C$346,3,0)-VLOOKUP(S$1,városok!$A$2:$C$346,3,0))^2)/1000,0)</f>
        <v>199</v>
      </c>
      <c r="T263">
        <f ca="1">ROUND(SQRT((VLOOKUP($A263,városok!$A$2:$C$346,2,0)-VLOOKUP(T$1,városok!$A$2:$C$346,2,0))^2+(VLOOKUP($A263,városok!$A$2:$C$346,3,0)-VLOOKUP(T$1,városok!$A$2:$C$346,3,0))^2)/1000,0)</f>
        <v>119</v>
      </c>
      <c r="U263">
        <f ca="1">ROUND(SQRT((VLOOKUP($A263,városok!$A$2:$C$346,2,0)-VLOOKUP(U$1,városok!$A$2:$C$346,2,0))^2+(VLOOKUP($A263,városok!$A$2:$C$346,3,0)-VLOOKUP(U$1,városok!$A$2:$C$346,3,0))^2)/1000,0)</f>
        <v>104</v>
      </c>
      <c r="V263">
        <f ca="1">ROUND(SQRT((VLOOKUP($A263,városok!$A$2:$C$346,2,0)-VLOOKUP(V$1,városok!$A$2:$C$346,2,0))^2+(VLOOKUP($A263,városok!$A$2:$C$346,3,0)-VLOOKUP(V$1,városok!$A$2:$C$346,3,0))^2)/1000,0)</f>
        <v>67</v>
      </c>
      <c r="W263">
        <f ca="1">ROUND(SQRT((VLOOKUP($A263,városok!$A$2:$C$346,2,0)-VLOOKUP(W$1,városok!$A$2:$C$346,2,0))^2+(VLOOKUP($A263,városok!$A$2:$C$346,3,0)-VLOOKUP(W$1,városok!$A$2:$C$346,3,0))^2)/1000,0)</f>
        <v>79</v>
      </c>
      <c r="X263">
        <f ca="1">ROUND(SQRT((VLOOKUP($A263,városok!$A$2:$C$346,2,0)-VLOOKUP(X$1,városok!$A$2:$C$346,2,0))^2+(VLOOKUP($A263,városok!$A$2:$C$346,3,0)-VLOOKUP(X$1,városok!$A$2:$C$346,3,0))^2)/1000,0)</f>
        <v>87</v>
      </c>
      <c r="Y263">
        <f ca="1">ROUND(SQRT((VLOOKUP($A263,városok!$A$2:$C$346,2,0)-VLOOKUP(Y$1,városok!$A$2:$C$346,2,0))^2+(VLOOKUP($A263,városok!$A$2:$C$346,3,0)-VLOOKUP(Y$1,városok!$A$2:$C$346,3,0))^2)/1000,0)</f>
        <v>114</v>
      </c>
      <c r="Z263">
        <f ca="1">ROUND(SQRT((VLOOKUP($A263,városok!$A$2:$C$346,2,0)-VLOOKUP(Z$1,városok!$A$2:$C$346,2,0))^2+(VLOOKUP($A263,városok!$A$2:$C$346,3,0)-VLOOKUP(Z$1,városok!$A$2:$C$346,3,0))^2)/1000,0)</f>
        <v>120</v>
      </c>
      <c r="AA263">
        <f ca="1">ROUND(SQRT((VLOOKUP($A263,városok!$A$2:$C$346,2,0)-VLOOKUP(AA$1,városok!$A$2:$C$346,2,0))^2+(VLOOKUP($A263,városok!$A$2:$C$346,3,0)-VLOOKUP(AA$1,városok!$A$2:$C$346,3,0))^2)/1000,0)</f>
        <v>139</v>
      </c>
      <c r="AB263">
        <f ca="1">ROUND(SQRT((VLOOKUP($A263,városok!$A$2:$C$346,2,0)-VLOOKUP(AB$1,városok!$A$2:$C$346,2,0))^2+(VLOOKUP($A263,városok!$A$2:$C$346,3,0)-VLOOKUP(AB$1,városok!$A$2:$C$346,3,0))^2)/1000,0)</f>
        <v>318</v>
      </c>
      <c r="AC263">
        <f ca="1">ROUND(SQRT((VLOOKUP($A263,városok!$A$2:$C$346,2,0)-VLOOKUP(AC$1,városok!$A$2:$C$346,2,0))^2+(VLOOKUP($A263,városok!$A$2:$C$346,3,0)-VLOOKUP(AC$1,városok!$A$2:$C$346,3,0))^2)/1000,0)</f>
        <v>298</v>
      </c>
      <c r="AD263">
        <f ca="1">ROUND(SQRT((VLOOKUP($A263,városok!$A$2:$C$346,2,0)-VLOOKUP(AD$1,városok!$A$2:$C$346,2,0))^2+(VLOOKUP($A263,városok!$A$2:$C$346,3,0)-VLOOKUP(AD$1,városok!$A$2:$C$346,3,0))^2)/1000,0)</f>
        <v>281</v>
      </c>
      <c r="AE263">
        <f ca="1">ROUND(SQRT((VLOOKUP($A263,városok!$A$2:$C$346,2,0)-VLOOKUP(AE$1,városok!$A$2:$C$346,2,0))^2+(VLOOKUP($A263,városok!$A$2:$C$346,3,0)-VLOOKUP(AE$1,városok!$A$2:$C$346,3,0))^2)/1000,0)</f>
        <v>277</v>
      </c>
      <c r="AF263">
        <f ca="1">ROUND(SQRT((VLOOKUP($A263,városok!$A$2:$C$346,2,0)-VLOOKUP(AF$1,városok!$A$2:$C$346,2,0))^2+(VLOOKUP($A263,városok!$A$2:$C$346,3,0)-VLOOKUP(AF$1,városok!$A$2:$C$346,3,0))^2)/1000,0)</f>
        <v>248</v>
      </c>
      <c r="AG263">
        <f ca="1">ROUND(SQRT((VLOOKUP($A263,városok!$A$2:$C$346,2,0)-VLOOKUP(AG$1,városok!$A$2:$C$346,2,0))^2+(VLOOKUP($A263,városok!$A$2:$C$346,3,0)-VLOOKUP(AG$1,városok!$A$2:$C$346,3,0))^2)/1000,0)</f>
        <v>213</v>
      </c>
      <c r="AH263">
        <f ca="1">ROUND(SQRT((VLOOKUP($A263,városok!$A$2:$C$346,2,0)-VLOOKUP(AH$1,városok!$A$2:$C$346,2,0))^2+(VLOOKUP($A263,városok!$A$2:$C$346,3,0)-VLOOKUP(AH$1,városok!$A$2:$C$346,3,0))^2)/1000,0)</f>
        <v>190</v>
      </c>
      <c r="AI263">
        <f ca="1">ROUND(SQRT((VLOOKUP($A263,városok!$A$2:$C$346,2,0)-VLOOKUP(AI$1,városok!$A$2:$C$346,2,0))^2+(VLOOKUP($A263,városok!$A$2:$C$346,3,0)-VLOOKUP(AI$1,városok!$A$2:$C$346,3,0))^2)/1000,0)</f>
        <v>239</v>
      </c>
      <c r="AJ263">
        <f ca="1">ROUND(SQRT((VLOOKUP($A263,városok!$A$2:$C$346,2,0)-VLOOKUP(AJ$1,városok!$A$2:$C$346,2,0))^2+(VLOOKUP($A263,városok!$A$2:$C$346,3,0)-VLOOKUP(AJ$1,városok!$A$2:$C$346,3,0))^2)/1000,0)</f>
        <v>208</v>
      </c>
      <c r="AK263">
        <f ca="1">ROUND(SQRT((VLOOKUP($A263,városok!$A$2:$C$346,2,0)-VLOOKUP(AK$1,városok!$A$2:$C$346,2,0))^2+(VLOOKUP($A263,városok!$A$2:$C$346,3,0)-VLOOKUP(AK$1,városok!$A$2:$C$346,3,0))^2)/1000,0)</f>
        <v>263</v>
      </c>
      <c r="AL263">
        <f ca="1">ROUND(SQRT((VLOOKUP($A263,városok!$A$2:$C$346,2,0)-VLOOKUP(AL$1,városok!$A$2:$C$346,2,0))^2+(VLOOKUP($A263,városok!$A$2:$C$346,3,0)-VLOOKUP(AL$1,városok!$A$2:$C$346,3,0))^2)/1000,0)</f>
        <v>240</v>
      </c>
      <c r="AM263">
        <f ca="1">ROUND(SQRT((VLOOKUP($A263,városok!$A$2:$C$346,2,0)-VLOOKUP(AM$1,városok!$A$2:$C$346,2,0))^2+(VLOOKUP($A263,városok!$A$2:$C$346,3,0)-VLOOKUP(AM$1,városok!$A$2:$C$346,3,0))^2)/1000,0)</f>
        <v>202</v>
      </c>
      <c r="AN263">
        <f ca="1">ROUND(SQRT((VLOOKUP($A263,városok!$A$2:$C$346,2,0)-VLOOKUP(AN$1,városok!$A$2:$C$346,2,0))^2+(VLOOKUP($A263,városok!$A$2:$C$346,3,0)-VLOOKUP(AN$1,városok!$A$2:$C$346,3,0))^2)/1000,0)</f>
        <v>150</v>
      </c>
      <c r="AO263">
        <f ca="1">ROUND(SQRT((VLOOKUP($A263,városok!$A$2:$C$346,2,0)-VLOOKUP(AO$1,városok!$A$2:$C$346,2,0))^2+(VLOOKUP($A263,városok!$A$2:$C$346,3,0)-VLOOKUP(AO$1,városok!$A$2:$C$346,3,0))^2)/1000,0)</f>
        <v>125</v>
      </c>
      <c r="AP263">
        <f ca="1">ROUND(SQRT((VLOOKUP($A263,városok!$A$2:$C$346,2,0)-VLOOKUP(AP$1,városok!$A$2:$C$346,2,0))^2+(VLOOKUP($A263,városok!$A$2:$C$346,3,0)-VLOOKUP(AP$1,városok!$A$2:$C$346,3,0))^2)/1000,0)</f>
        <v>121</v>
      </c>
      <c r="AQ263">
        <f ca="1">ROUND(SQRT((VLOOKUP($A263,városok!$A$2:$C$346,2,0)-VLOOKUP(AQ$1,városok!$A$2:$C$346,2,0))^2+(VLOOKUP($A263,városok!$A$2:$C$346,3,0)-VLOOKUP(AQ$1,városok!$A$2:$C$346,3,0))^2)/1000,0)</f>
        <v>116</v>
      </c>
      <c r="AR263">
        <f ca="1">ROUND(SQRT((VLOOKUP($A263,városok!$A$2:$C$346,2,0)-VLOOKUP(AR$1,városok!$A$2:$C$346,2,0))^2+(VLOOKUP($A263,városok!$A$2:$C$346,3,0)-VLOOKUP(AR$1,városok!$A$2:$C$346,3,0))^2)/1000,0)</f>
        <v>209</v>
      </c>
      <c r="AS263">
        <f ca="1">ROUND(SQRT((VLOOKUP($A263,városok!$A$2:$C$346,2,0)-VLOOKUP(AS$1,városok!$A$2:$C$346,2,0))^2+(VLOOKUP($A263,városok!$A$2:$C$346,3,0)-VLOOKUP(AS$1,városok!$A$2:$C$346,3,0))^2)/1000,0)</f>
        <v>230</v>
      </c>
      <c r="AT263">
        <f ca="1">ROUND(SQRT((VLOOKUP($A263,városok!$A$2:$C$346,2,0)-VLOOKUP(AT$1,városok!$A$2:$C$346,2,0))^2+(VLOOKUP($A263,városok!$A$2:$C$346,3,0)-VLOOKUP(AT$1,városok!$A$2:$C$346,3,0))^2)/1000,0)</f>
        <v>127</v>
      </c>
      <c r="AU263">
        <f ca="1">ROUND(SQRT((VLOOKUP($A263,városok!$A$2:$C$346,2,0)-VLOOKUP(AU$1,városok!$A$2:$C$346,2,0))^2+(VLOOKUP($A263,városok!$A$2:$C$346,3,0)-VLOOKUP(AU$1,városok!$A$2:$C$346,3,0))^2)/1000,0)</f>
        <v>134</v>
      </c>
      <c r="AV263">
        <f ca="1">ROUND(SQRT((VLOOKUP($A263,városok!$A$2:$C$346,2,0)-VLOOKUP(AV$1,városok!$A$2:$C$346,2,0))^2+(VLOOKUP($A263,városok!$A$2:$C$346,3,0)-VLOOKUP(AV$1,városok!$A$2:$C$346,3,0))^2)/1000,0)</f>
        <v>129</v>
      </c>
      <c r="AW263">
        <f ca="1">ROUND(SQRT((VLOOKUP($A263,városok!$A$2:$C$346,2,0)-VLOOKUP(AW$1,városok!$A$2:$C$346,2,0))^2+(VLOOKUP($A263,városok!$A$2:$C$346,3,0)-VLOOKUP(AW$1,városok!$A$2:$C$346,3,0))^2)/1000,0)</f>
        <v>126</v>
      </c>
      <c r="AX263">
        <f ca="1">ROUND(SQRT((VLOOKUP($A263,városok!$A$2:$C$346,2,0)-VLOOKUP(AX$1,városok!$A$2:$C$346,2,0))^2+(VLOOKUP($A263,városok!$A$2:$C$346,3,0)-VLOOKUP(AX$1,városok!$A$2:$C$346,3,0))^2)/1000,0)</f>
        <v>168</v>
      </c>
      <c r="AY263">
        <f ca="1">ROUND(SQRT((VLOOKUP($A263,városok!$A$2:$C$346,2,0)-VLOOKUP(AY$1,városok!$A$2:$C$346,2,0))^2+(VLOOKUP($A263,városok!$A$2:$C$346,3,0)-VLOOKUP(AY$1,városok!$A$2:$C$346,3,0))^2)/1000,0)</f>
        <v>156</v>
      </c>
      <c r="AZ263">
        <f ca="1">ROUND(SQRT((VLOOKUP($A263,városok!$A$2:$C$346,2,0)-VLOOKUP(AZ$1,városok!$A$2:$C$346,2,0))^2+(VLOOKUP($A263,városok!$A$2:$C$346,3,0)-VLOOKUP(AZ$1,városok!$A$2:$C$346,3,0))^2)/1000,0)</f>
        <v>160</v>
      </c>
      <c r="BA263">
        <f ca="1">ROUND(SQRT((VLOOKUP($A263,városok!$A$2:$C$346,2,0)-VLOOKUP(BA$1,városok!$A$2:$C$346,2,0))^2+(VLOOKUP($A263,városok!$A$2:$C$346,3,0)-VLOOKUP(BA$1,városok!$A$2:$C$346,3,0))^2)/1000,0)</f>
        <v>14</v>
      </c>
      <c r="BB263">
        <f ca="1">ROUND(SQRT((VLOOKUP($A263,városok!$A$2:$C$346,2,0)-VLOOKUP(BB$1,városok!$A$2:$C$346,2,0))^2+(VLOOKUP($A263,városok!$A$2:$C$346,3,0)-VLOOKUP(BB$1,városok!$A$2:$C$346,3,0))^2)/1000,0)</f>
        <v>27</v>
      </c>
      <c r="BC263">
        <f ca="1">ROUND(SQRT((VLOOKUP($A263,városok!$A$2:$C$346,2,0)-VLOOKUP(BC$1,városok!$A$2:$C$346,2,0))^2+(VLOOKUP($A263,városok!$A$2:$C$346,3,0)-VLOOKUP(BC$1,városok!$A$2:$C$346,3,0))^2)/1000,0)</f>
        <v>37</v>
      </c>
      <c r="BD263">
        <f ca="1">ROUND(SQRT((VLOOKUP($A263,városok!$A$2:$C$346,2,0)-VLOOKUP(BD$1,városok!$A$2:$C$346,2,0))^2+(VLOOKUP($A263,városok!$A$2:$C$346,3,0)-VLOOKUP(BD$1,városok!$A$2:$C$346,3,0))^2)/1000,0)</f>
        <v>42</v>
      </c>
      <c r="BE263">
        <f ca="1">ROUND(SQRT((VLOOKUP($A263,városok!$A$2:$C$346,2,0)-VLOOKUP(BE$1,városok!$A$2:$C$346,2,0))^2+(VLOOKUP($A263,városok!$A$2:$C$346,3,0)-VLOOKUP(BE$1,városok!$A$2:$C$346,3,0))^2)/1000,0)</f>
        <v>402</v>
      </c>
      <c r="BF263">
        <f ca="1">ROUND(SQRT((VLOOKUP($A263,városok!$A$2:$C$346,2,0)-VLOOKUP(BF$1,városok!$A$2:$C$346,2,0))^2+(VLOOKUP($A263,városok!$A$2:$C$346,3,0)-VLOOKUP(BF$1,városok!$A$2:$C$346,3,0))^2)/1000,0)</f>
        <v>377</v>
      </c>
      <c r="BG263">
        <f ca="1">ROUND(SQRT((VLOOKUP($A263,városok!$A$2:$C$346,2,0)-VLOOKUP(BG$1,városok!$A$2:$C$346,2,0))^2+(VLOOKUP($A263,városok!$A$2:$C$346,3,0)-VLOOKUP(BG$1,városok!$A$2:$C$346,3,0))^2)/1000,0)</f>
        <v>331</v>
      </c>
      <c r="BH263">
        <f ca="1">ROUND(SQRT((VLOOKUP($A263,városok!$A$2:$C$346,2,0)-VLOOKUP(BH$1,városok!$A$2:$C$346,2,0))^2+(VLOOKUP($A263,városok!$A$2:$C$346,3,0)-VLOOKUP(BH$1,városok!$A$2:$C$346,3,0))^2)/1000,0)</f>
        <v>331</v>
      </c>
      <c r="BI263">
        <f ca="1">ROUND(SQRT((VLOOKUP($A263,városok!$A$2:$C$346,2,0)-VLOOKUP(BI$1,városok!$A$2:$C$346,2,0))^2+(VLOOKUP($A263,városok!$A$2:$C$346,3,0)-VLOOKUP(BI$1,városok!$A$2:$C$346,3,0))^2)/1000,0)</f>
        <v>81</v>
      </c>
      <c r="BJ263">
        <f ca="1">ROUND(SQRT((VLOOKUP($A263,városok!$A$2:$C$346,2,0)-VLOOKUP(BJ$1,városok!$A$2:$C$346,2,0))^2+(VLOOKUP($A263,városok!$A$2:$C$346,3,0)-VLOOKUP(BJ$1,városok!$A$2:$C$346,3,0))^2)/1000,0)</f>
        <v>76</v>
      </c>
      <c r="BK263">
        <f ca="1">ROUND(SQRT((VLOOKUP($A263,városok!$A$2:$C$346,2,0)-VLOOKUP(BK$1,városok!$A$2:$C$346,2,0))^2+(VLOOKUP($A263,városok!$A$2:$C$346,3,0)-VLOOKUP(BK$1,városok!$A$2:$C$346,3,0))^2)/1000,0)</f>
        <v>89</v>
      </c>
      <c r="BL263">
        <f ca="1">ROUND(SQRT((VLOOKUP($A263,városok!$A$2:$C$346,2,0)-VLOOKUP(BL$1,városok!$A$2:$C$346,2,0))^2+(VLOOKUP($A263,városok!$A$2:$C$346,3,0)-VLOOKUP(BL$1,városok!$A$2:$C$346,3,0))^2)/1000,0)</f>
        <v>88</v>
      </c>
      <c r="BM263">
        <f ca="1">ROUND(SQRT((VLOOKUP($A263,városok!$A$2:$C$346,2,0)-VLOOKUP(BM$1,városok!$A$2:$C$346,2,0))^2+(VLOOKUP($A263,városok!$A$2:$C$346,3,0)-VLOOKUP(BM$1,városok!$A$2:$C$346,3,0))^2)/1000,0)</f>
        <v>85</v>
      </c>
      <c r="BN263">
        <f ca="1">ROUND(SQRT((VLOOKUP($A263,városok!$A$2:$C$346,2,0)-VLOOKUP(BN$1,városok!$A$2:$C$346,2,0))^2+(VLOOKUP($A263,városok!$A$2:$C$346,3,0)-VLOOKUP(BN$1,városok!$A$2:$C$346,3,0))^2)/1000,0)</f>
        <v>100</v>
      </c>
      <c r="BO263">
        <f ca="1">ROUND(SQRT((VLOOKUP($A263,városok!$A$2:$C$346,2,0)-VLOOKUP(BO$1,városok!$A$2:$C$346,2,0))^2+(VLOOKUP($A263,városok!$A$2:$C$346,3,0)-VLOOKUP(BO$1,városok!$A$2:$C$346,3,0))^2)/1000,0)</f>
        <v>50</v>
      </c>
      <c r="BP263">
        <f ca="1">ROUND(SQRT((VLOOKUP($A263,városok!$A$2:$C$346,2,0)-VLOOKUP(BP$1,városok!$A$2:$C$346,2,0))^2+(VLOOKUP($A263,városok!$A$2:$C$346,3,0)-VLOOKUP(BP$1,városok!$A$2:$C$346,3,0))^2)/1000,0)</f>
        <v>55</v>
      </c>
      <c r="BQ263">
        <f ca="1">ROUND(SQRT((VLOOKUP($A263,városok!$A$2:$C$346,2,0)-VLOOKUP(BQ$1,városok!$A$2:$C$346,2,0))^2+(VLOOKUP($A263,városok!$A$2:$C$346,3,0)-VLOOKUP(BQ$1,városok!$A$2:$C$346,3,0))^2)/1000,0)</f>
        <v>52</v>
      </c>
      <c r="BR263">
        <f ca="1">ROUND(SQRT((VLOOKUP($A263,városok!$A$2:$C$346,2,0)-VLOOKUP(BR$1,városok!$A$2:$C$346,2,0))^2+(VLOOKUP($A263,városok!$A$2:$C$346,3,0)-VLOOKUP(BR$1,városok!$A$2:$C$346,3,0))^2)/1000,0)</f>
        <v>31</v>
      </c>
      <c r="BS263">
        <f ca="1">ROUND(SQRT((VLOOKUP($A263,városok!$A$2:$C$346,2,0)-VLOOKUP(BS$1,városok!$A$2:$C$346,2,0))^2+(VLOOKUP($A263,városok!$A$2:$C$346,3,0)-VLOOKUP(BS$1,városok!$A$2:$C$346,3,0))^2)/1000,0)</f>
        <v>55</v>
      </c>
      <c r="BT263">
        <f ca="1">ROUND(SQRT((VLOOKUP($A263,városok!$A$2:$C$346,2,0)-VLOOKUP(BT$1,városok!$A$2:$C$346,2,0))^2+(VLOOKUP($A263,városok!$A$2:$C$346,3,0)-VLOOKUP(BT$1,városok!$A$2:$C$346,3,0))^2)/1000,0)</f>
        <v>64</v>
      </c>
    </row>
    <row r="264" spans="1:72" x14ac:dyDescent="0.2">
      <c r="A264" t="str">
        <f>városok!A264</f>
        <v>Marcali</v>
      </c>
      <c r="B264">
        <f ca="1">ROUND(SQRT((VLOOKUP($A264,városok!$A$2:$C$346,2,0)-VLOOKUP(B$1,városok!$A$2:$C$346,2,0))^2+(VLOOKUP($A264,városok!$A$2:$C$346,3,0)-VLOOKUP(B$1,városok!$A$2:$C$346,3,0))^2)/1000,0)</f>
        <v>127</v>
      </c>
      <c r="C264">
        <f ca="1">ROUND(SQRT((VLOOKUP($A264,városok!$A$2:$C$346,2,0)-VLOOKUP(C$1,városok!$A$2:$C$346,2,0))^2+(VLOOKUP($A264,városok!$A$2:$C$346,3,0)-VLOOKUP(C$1,városok!$A$2:$C$346,3,0))^2)/1000,0)</f>
        <v>120</v>
      </c>
      <c r="D264">
        <f ca="1">ROUND(SQRT((VLOOKUP($A264,városok!$A$2:$C$346,2,0)-VLOOKUP(D$1,városok!$A$2:$C$346,2,0))^2+(VLOOKUP($A264,városok!$A$2:$C$346,3,0)-VLOOKUP(D$1,városok!$A$2:$C$346,3,0))^2)/1000,0)</f>
        <v>178</v>
      </c>
      <c r="E264">
        <f ca="1">ROUND(SQRT((VLOOKUP($A264,városok!$A$2:$C$346,2,0)-VLOOKUP(E$1,városok!$A$2:$C$346,2,0))^2+(VLOOKUP($A264,városok!$A$2:$C$346,3,0)-VLOOKUP(E$1,városok!$A$2:$C$346,3,0))^2)/1000,0)</f>
        <v>79</v>
      </c>
      <c r="F264">
        <f ca="1">ROUND(SQRT((VLOOKUP($A264,városok!$A$2:$C$346,2,0)-VLOOKUP(F$1,városok!$A$2:$C$346,2,0))^2+(VLOOKUP($A264,városok!$A$2:$C$346,3,0)-VLOOKUP(F$1,városok!$A$2:$C$346,3,0))^2)/1000,0)</f>
        <v>118</v>
      </c>
      <c r="G264">
        <f ca="1">ROUND(SQRT((VLOOKUP($A264,városok!$A$2:$C$346,2,0)-VLOOKUP(G$1,városok!$A$2:$C$346,2,0))^2+(VLOOKUP($A264,városok!$A$2:$C$346,3,0)-VLOOKUP(G$1,városok!$A$2:$C$346,3,0))^2)/1000,0)</f>
        <v>85</v>
      </c>
      <c r="H264">
        <f ca="1">ROUND(SQRT((VLOOKUP($A264,városok!$A$2:$C$346,2,0)-VLOOKUP(H$1,városok!$A$2:$C$346,2,0))^2+(VLOOKUP($A264,városok!$A$2:$C$346,3,0)-VLOOKUP(H$1,városok!$A$2:$C$346,3,0))^2)/1000,0)</f>
        <v>67</v>
      </c>
      <c r="I264">
        <f ca="1">ROUND(SQRT((VLOOKUP($A264,városok!$A$2:$C$346,2,0)-VLOOKUP(I$1,városok!$A$2:$C$346,2,0))^2+(VLOOKUP($A264,városok!$A$2:$C$346,3,0)-VLOOKUP(I$1,városok!$A$2:$C$346,3,0))^2)/1000,0)</f>
        <v>281</v>
      </c>
      <c r="J264">
        <f ca="1">ROUND(SQRT((VLOOKUP($A264,városok!$A$2:$C$346,2,0)-VLOOKUP(J$1,városok!$A$2:$C$346,2,0))^2+(VLOOKUP($A264,városok!$A$2:$C$346,3,0)-VLOOKUP(J$1,városok!$A$2:$C$346,3,0))^2)/1000,0)</f>
        <v>296</v>
      </c>
      <c r="K264">
        <f ca="1">ROUND(SQRT((VLOOKUP($A264,városok!$A$2:$C$346,2,0)-VLOOKUP(K$1,városok!$A$2:$C$346,2,0))^2+(VLOOKUP($A264,városok!$A$2:$C$346,3,0)-VLOOKUP(K$1,városok!$A$2:$C$346,3,0))^2)/1000,0)</f>
        <v>250</v>
      </c>
      <c r="L264">
        <f ca="1">ROUND(SQRT((VLOOKUP($A264,városok!$A$2:$C$346,2,0)-VLOOKUP(L$1,városok!$A$2:$C$346,2,0))^2+(VLOOKUP($A264,városok!$A$2:$C$346,3,0)-VLOOKUP(L$1,városok!$A$2:$C$346,3,0))^2)/1000,0)</f>
        <v>306</v>
      </c>
      <c r="M264">
        <f ca="1">ROUND(SQRT((VLOOKUP($A264,városok!$A$2:$C$346,2,0)-VLOOKUP(M$1,városok!$A$2:$C$346,2,0))^2+(VLOOKUP($A264,városok!$A$2:$C$346,3,0)-VLOOKUP(M$1,városok!$A$2:$C$346,3,0))^2)/1000,0)</f>
        <v>307</v>
      </c>
      <c r="N264">
        <f ca="1">ROUND(SQRT((VLOOKUP($A264,városok!$A$2:$C$346,2,0)-VLOOKUP(N$1,városok!$A$2:$C$346,2,0))^2+(VLOOKUP($A264,városok!$A$2:$C$346,3,0)-VLOOKUP(N$1,városok!$A$2:$C$346,3,0))^2)/1000,0)</f>
        <v>284</v>
      </c>
      <c r="O264">
        <f ca="1">ROUND(SQRT((VLOOKUP($A264,városok!$A$2:$C$346,2,0)-VLOOKUP(O$1,városok!$A$2:$C$346,2,0))^2+(VLOOKUP($A264,városok!$A$2:$C$346,3,0)-VLOOKUP(O$1,városok!$A$2:$C$346,3,0))^2)/1000,0)</f>
        <v>378</v>
      </c>
      <c r="P264">
        <f ca="1">ROUND(SQRT((VLOOKUP($A264,városok!$A$2:$C$346,2,0)-VLOOKUP(P$1,városok!$A$2:$C$346,2,0))^2+(VLOOKUP($A264,városok!$A$2:$C$346,3,0)-VLOOKUP(P$1,városok!$A$2:$C$346,3,0))^2)/1000,0)</f>
        <v>378</v>
      </c>
      <c r="Q264">
        <f ca="1">ROUND(SQRT((VLOOKUP($A264,városok!$A$2:$C$346,2,0)-VLOOKUP(Q$1,városok!$A$2:$C$346,2,0))^2+(VLOOKUP($A264,városok!$A$2:$C$346,3,0)-VLOOKUP(Q$1,városok!$A$2:$C$346,3,0))^2)/1000,0)</f>
        <v>224</v>
      </c>
      <c r="R264">
        <f ca="1">ROUND(SQRT((VLOOKUP($A264,városok!$A$2:$C$346,2,0)-VLOOKUP(R$1,városok!$A$2:$C$346,2,0))^2+(VLOOKUP($A264,városok!$A$2:$C$346,3,0)-VLOOKUP(R$1,városok!$A$2:$C$346,3,0))^2)/1000,0)</f>
        <v>239</v>
      </c>
      <c r="S264">
        <f ca="1">ROUND(SQRT((VLOOKUP($A264,városok!$A$2:$C$346,2,0)-VLOOKUP(S$1,városok!$A$2:$C$346,2,0))^2+(VLOOKUP($A264,városok!$A$2:$C$346,3,0)-VLOOKUP(S$1,városok!$A$2:$C$346,3,0))^2)/1000,0)</f>
        <v>214</v>
      </c>
      <c r="T264">
        <f ca="1">ROUND(SQRT((VLOOKUP($A264,városok!$A$2:$C$346,2,0)-VLOOKUP(T$1,városok!$A$2:$C$346,2,0))^2+(VLOOKUP($A264,városok!$A$2:$C$346,3,0)-VLOOKUP(T$1,városok!$A$2:$C$346,3,0))^2)/1000,0)</f>
        <v>137</v>
      </c>
      <c r="U264">
        <f ca="1">ROUND(SQRT((VLOOKUP($A264,városok!$A$2:$C$346,2,0)-VLOOKUP(U$1,városok!$A$2:$C$346,2,0))^2+(VLOOKUP($A264,városok!$A$2:$C$346,3,0)-VLOOKUP(U$1,városok!$A$2:$C$346,3,0))^2)/1000,0)</f>
        <v>124</v>
      </c>
      <c r="V264">
        <f ca="1">ROUND(SQRT((VLOOKUP($A264,városok!$A$2:$C$346,2,0)-VLOOKUP(V$1,városok!$A$2:$C$346,2,0))^2+(VLOOKUP($A264,városok!$A$2:$C$346,3,0)-VLOOKUP(V$1,városok!$A$2:$C$346,3,0))^2)/1000,0)</f>
        <v>86</v>
      </c>
      <c r="W264">
        <f ca="1">ROUND(SQRT((VLOOKUP($A264,városok!$A$2:$C$346,2,0)-VLOOKUP(W$1,városok!$A$2:$C$346,2,0))^2+(VLOOKUP($A264,városok!$A$2:$C$346,3,0)-VLOOKUP(W$1,városok!$A$2:$C$346,3,0))^2)/1000,0)</f>
        <v>98</v>
      </c>
      <c r="X264">
        <f ca="1">ROUND(SQRT((VLOOKUP($A264,városok!$A$2:$C$346,2,0)-VLOOKUP(X$1,városok!$A$2:$C$346,2,0))^2+(VLOOKUP($A264,városok!$A$2:$C$346,3,0)-VLOOKUP(X$1,városok!$A$2:$C$346,3,0))^2)/1000,0)</f>
        <v>105</v>
      </c>
      <c r="Y264">
        <f ca="1">ROUND(SQRT((VLOOKUP($A264,városok!$A$2:$C$346,2,0)-VLOOKUP(Y$1,városok!$A$2:$C$346,2,0))^2+(VLOOKUP($A264,városok!$A$2:$C$346,3,0)-VLOOKUP(Y$1,városok!$A$2:$C$346,3,0))^2)/1000,0)</f>
        <v>124</v>
      </c>
      <c r="Z264">
        <f ca="1">ROUND(SQRT((VLOOKUP($A264,városok!$A$2:$C$346,2,0)-VLOOKUP(Z$1,városok!$A$2:$C$346,2,0))^2+(VLOOKUP($A264,városok!$A$2:$C$346,3,0)-VLOOKUP(Z$1,városok!$A$2:$C$346,3,0))^2)/1000,0)</f>
        <v>128</v>
      </c>
      <c r="AA264">
        <f ca="1">ROUND(SQRT((VLOOKUP($A264,városok!$A$2:$C$346,2,0)-VLOOKUP(AA$1,városok!$A$2:$C$346,2,0))^2+(VLOOKUP($A264,városok!$A$2:$C$346,3,0)-VLOOKUP(AA$1,városok!$A$2:$C$346,3,0))^2)/1000,0)</f>
        <v>138</v>
      </c>
      <c r="AB264">
        <f ca="1">ROUND(SQRT((VLOOKUP($A264,városok!$A$2:$C$346,2,0)-VLOOKUP(AB$1,városok!$A$2:$C$346,2,0))^2+(VLOOKUP($A264,városok!$A$2:$C$346,3,0)-VLOOKUP(AB$1,városok!$A$2:$C$346,3,0))^2)/1000,0)</f>
        <v>337</v>
      </c>
      <c r="AC264">
        <f ca="1">ROUND(SQRT((VLOOKUP($A264,városok!$A$2:$C$346,2,0)-VLOOKUP(AC$1,városok!$A$2:$C$346,2,0))^2+(VLOOKUP($A264,városok!$A$2:$C$346,3,0)-VLOOKUP(AC$1,városok!$A$2:$C$346,3,0))^2)/1000,0)</f>
        <v>318</v>
      </c>
      <c r="AD264">
        <f ca="1">ROUND(SQRT((VLOOKUP($A264,városok!$A$2:$C$346,2,0)-VLOOKUP(AD$1,városok!$A$2:$C$346,2,0))^2+(VLOOKUP($A264,városok!$A$2:$C$346,3,0)-VLOOKUP(AD$1,városok!$A$2:$C$346,3,0))^2)/1000,0)</f>
        <v>300</v>
      </c>
      <c r="AE264">
        <f ca="1">ROUND(SQRT((VLOOKUP($A264,városok!$A$2:$C$346,2,0)-VLOOKUP(AE$1,városok!$A$2:$C$346,2,0))^2+(VLOOKUP($A264,városok!$A$2:$C$346,3,0)-VLOOKUP(AE$1,városok!$A$2:$C$346,3,0))^2)/1000,0)</f>
        <v>296</v>
      </c>
      <c r="AF264">
        <f ca="1">ROUND(SQRT((VLOOKUP($A264,városok!$A$2:$C$346,2,0)-VLOOKUP(AF$1,városok!$A$2:$C$346,2,0))^2+(VLOOKUP($A264,városok!$A$2:$C$346,3,0)-VLOOKUP(AF$1,városok!$A$2:$C$346,3,0))^2)/1000,0)</f>
        <v>268</v>
      </c>
      <c r="AG264">
        <f ca="1">ROUND(SQRT((VLOOKUP($A264,városok!$A$2:$C$346,2,0)-VLOOKUP(AG$1,városok!$A$2:$C$346,2,0))^2+(VLOOKUP($A264,városok!$A$2:$C$346,3,0)-VLOOKUP(AG$1,városok!$A$2:$C$346,3,0))^2)/1000,0)</f>
        <v>232</v>
      </c>
      <c r="AH264">
        <f ca="1">ROUND(SQRT((VLOOKUP($A264,városok!$A$2:$C$346,2,0)-VLOOKUP(AH$1,városok!$A$2:$C$346,2,0))^2+(VLOOKUP($A264,városok!$A$2:$C$346,3,0)-VLOOKUP(AH$1,városok!$A$2:$C$346,3,0))^2)/1000,0)</f>
        <v>210</v>
      </c>
      <c r="AI264">
        <f ca="1">ROUND(SQRT((VLOOKUP($A264,városok!$A$2:$C$346,2,0)-VLOOKUP(AI$1,városok!$A$2:$C$346,2,0))^2+(VLOOKUP($A264,városok!$A$2:$C$346,3,0)-VLOOKUP(AI$1,városok!$A$2:$C$346,3,0))^2)/1000,0)</f>
        <v>258</v>
      </c>
      <c r="AJ264">
        <f ca="1">ROUND(SQRT((VLOOKUP($A264,városok!$A$2:$C$346,2,0)-VLOOKUP(AJ$1,városok!$A$2:$C$346,2,0))^2+(VLOOKUP($A264,városok!$A$2:$C$346,3,0)-VLOOKUP(AJ$1,városok!$A$2:$C$346,3,0))^2)/1000,0)</f>
        <v>228</v>
      </c>
      <c r="AK264">
        <f ca="1">ROUND(SQRT((VLOOKUP($A264,városok!$A$2:$C$346,2,0)-VLOOKUP(AK$1,városok!$A$2:$C$346,2,0))^2+(VLOOKUP($A264,városok!$A$2:$C$346,3,0)-VLOOKUP(AK$1,városok!$A$2:$C$346,3,0))^2)/1000,0)</f>
        <v>282</v>
      </c>
      <c r="AL264">
        <f ca="1">ROUND(SQRT((VLOOKUP($A264,városok!$A$2:$C$346,2,0)-VLOOKUP(AL$1,városok!$A$2:$C$346,2,0))^2+(VLOOKUP($A264,városok!$A$2:$C$346,3,0)-VLOOKUP(AL$1,városok!$A$2:$C$346,3,0))^2)/1000,0)</f>
        <v>260</v>
      </c>
      <c r="AM264">
        <f ca="1">ROUND(SQRT((VLOOKUP($A264,városok!$A$2:$C$346,2,0)-VLOOKUP(AM$1,városok!$A$2:$C$346,2,0))^2+(VLOOKUP($A264,városok!$A$2:$C$346,3,0)-VLOOKUP(AM$1,városok!$A$2:$C$346,3,0))^2)/1000,0)</f>
        <v>221</v>
      </c>
      <c r="AN264">
        <f ca="1">ROUND(SQRT((VLOOKUP($A264,városok!$A$2:$C$346,2,0)-VLOOKUP(AN$1,városok!$A$2:$C$346,2,0))^2+(VLOOKUP($A264,városok!$A$2:$C$346,3,0)-VLOOKUP(AN$1,városok!$A$2:$C$346,3,0))^2)/1000,0)</f>
        <v>168</v>
      </c>
      <c r="AO264">
        <f ca="1">ROUND(SQRT((VLOOKUP($A264,városok!$A$2:$C$346,2,0)-VLOOKUP(AO$1,városok!$A$2:$C$346,2,0))^2+(VLOOKUP($A264,városok!$A$2:$C$346,3,0)-VLOOKUP(AO$1,városok!$A$2:$C$346,3,0))^2)/1000,0)</f>
        <v>140</v>
      </c>
      <c r="AP264">
        <f ca="1">ROUND(SQRT((VLOOKUP($A264,városok!$A$2:$C$346,2,0)-VLOOKUP(AP$1,városok!$A$2:$C$346,2,0))^2+(VLOOKUP($A264,városok!$A$2:$C$346,3,0)-VLOOKUP(AP$1,városok!$A$2:$C$346,3,0))^2)/1000,0)</f>
        <v>137</v>
      </c>
      <c r="AQ264">
        <f ca="1">ROUND(SQRT((VLOOKUP($A264,városok!$A$2:$C$346,2,0)-VLOOKUP(AQ$1,városok!$A$2:$C$346,2,0))^2+(VLOOKUP($A264,városok!$A$2:$C$346,3,0)-VLOOKUP(AQ$1,városok!$A$2:$C$346,3,0))^2)/1000,0)</f>
        <v>133</v>
      </c>
      <c r="AR264">
        <f ca="1">ROUND(SQRT((VLOOKUP($A264,városok!$A$2:$C$346,2,0)-VLOOKUP(AR$1,városok!$A$2:$C$346,2,0))^2+(VLOOKUP($A264,városok!$A$2:$C$346,3,0)-VLOOKUP(AR$1,városok!$A$2:$C$346,3,0))^2)/1000,0)</f>
        <v>228</v>
      </c>
      <c r="AS264">
        <f ca="1">ROUND(SQRT((VLOOKUP($A264,városok!$A$2:$C$346,2,0)-VLOOKUP(AS$1,városok!$A$2:$C$346,2,0))^2+(VLOOKUP($A264,városok!$A$2:$C$346,3,0)-VLOOKUP(AS$1,városok!$A$2:$C$346,3,0))^2)/1000,0)</f>
        <v>249</v>
      </c>
      <c r="AT264">
        <f ca="1">ROUND(SQRT((VLOOKUP($A264,városok!$A$2:$C$346,2,0)-VLOOKUP(AT$1,városok!$A$2:$C$346,2,0))^2+(VLOOKUP($A264,városok!$A$2:$C$346,3,0)-VLOOKUP(AT$1,városok!$A$2:$C$346,3,0))^2)/1000,0)</f>
        <v>146</v>
      </c>
      <c r="AU264">
        <f ca="1">ROUND(SQRT((VLOOKUP($A264,városok!$A$2:$C$346,2,0)-VLOOKUP(AU$1,városok!$A$2:$C$346,2,0))^2+(VLOOKUP($A264,városok!$A$2:$C$346,3,0)-VLOOKUP(AU$1,városok!$A$2:$C$346,3,0))^2)/1000,0)</f>
        <v>153</v>
      </c>
      <c r="AV264">
        <f ca="1">ROUND(SQRT((VLOOKUP($A264,városok!$A$2:$C$346,2,0)-VLOOKUP(AV$1,városok!$A$2:$C$346,2,0))^2+(VLOOKUP($A264,városok!$A$2:$C$346,3,0)-VLOOKUP(AV$1,városok!$A$2:$C$346,3,0))^2)/1000,0)</f>
        <v>149</v>
      </c>
      <c r="AW264">
        <f ca="1">ROUND(SQRT((VLOOKUP($A264,városok!$A$2:$C$346,2,0)-VLOOKUP(AW$1,városok!$A$2:$C$346,2,0))^2+(VLOOKUP($A264,városok!$A$2:$C$346,3,0)-VLOOKUP(AW$1,városok!$A$2:$C$346,3,0))^2)/1000,0)</f>
        <v>145</v>
      </c>
      <c r="AX264">
        <f ca="1">ROUND(SQRT((VLOOKUP($A264,városok!$A$2:$C$346,2,0)-VLOOKUP(AX$1,városok!$A$2:$C$346,2,0))^2+(VLOOKUP($A264,városok!$A$2:$C$346,3,0)-VLOOKUP(AX$1,városok!$A$2:$C$346,3,0))^2)/1000,0)</f>
        <v>187</v>
      </c>
      <c r="AY264">
        <f ca="1">ROUND(SQRT((VLOOKUP($A264,városok!$A$2:$C$346,2,0)-VLOOKUP(AY$1,városok!$A$2:$C$346,2,0))^2+(VLOOKUP($A264,városok!$A$2:$C$346,3,0)-VLOOKUP(AY$1,városok!$A$2:$C$346,3,0))^2)/1000,0)</f>
        <v>175</v>
      </c>
      <c r="AZ264">
        <f ca="1">ROUND(SQRT((VLOOKUP($A264,városok!$A$2:$C$346,2,0)-VLOOKUP(AZ$1,városok!$A$2:$C$346,2,0))^2+(VLOOKUP($A264,városok!$A$2:$C$346,3,0)-VLOOKUP(AZ$1,városok!$A$2:$C$346,3,0))^2)/1000,0)</f>
        <v>178</v>
      </c>
      <c r="BA264">
        <f ca="1">ROUND(SQRT((VLOOKUP($A264,városok!$A$2:$C$346,2,0)-VLOOKUP(BA$1,városok!$A$2:$C$346,2,0))^2+(VLOOKUP($A264,városok!$A$2:$C$346,3,0)-VLOOKUP(BA$1,városok!$A$2:$C$346,3,0))^2)/1000,0)</f>
        <v>31</v>
      </c>
      <c r="BB264">
        <f ca="1">ROUND(SQRT((VLOOKUP($A264,városok!$A$2:$C$346,2,0)-VLOOKUP(BB$1,városok!$A$2:$C$346,2,0))^2+(VLOOKUP($A264,városok!$A$2:$C$346,3,0)-VLOOKUP(BB$1,városok!$A$2:$C$346,3,0))^2)/1000,0)</f>
        <v>41</v>
      </c>
      <c r="BC264">
        <f ca="1">ROUND(SQRT((VLOOKUP($A264,városok!$A$2:$C$346,2,0)-VLOOKUP(BC$1,városok!$A$2:$C$346,2,0))^2+(VLOOKUP($A264,városok!$A$2:$C$346,3,0)-VLOOKUP(BC$1,városok!$A$2:$C$346,3,0))^2)/1000,0)</f>
        <v>39</v>
      </c>
      <c r="BD264">
        <f ca="1">ROUND(SQRT((VLOOKUP($A264,városok!$A$2:$C$346,2,0)-VLOOKUP(BD$1,városok!$A$2:$C$346,2,0))^2+(VLOOKUP($A264,városok!$A$2:$C$346,3,0)-VLOOKUP(BD$1,városok!$A$2:$C$346,3,0))^2)/1000,0)</f>
        <v>62</v>
      </c>
      <c r="BE264">
        <f ca="1">ROUND(SQRT((VLOOKUP($A264,városok!$A$2:$C$346,2,0)-VLOOKUP(BE$1,városok!$A$2:$C$346,2,0))^2+(VLOOKUP($A264,városok!$A$2:$C$346,3,0)-VLOOKUP(BE$1,városok!$A$2:$C$346,3,0))^2)/1000,0)</f>
        <v>422</v>
      </c>
      <c r="BF264">
        <f ca="1">ROUND(SQRT((VLOOKUP($A264,városok!$A$2:$C$346,2,0)-VLOOKUP(BF$1,városok!$A$2:$C$346,2,0))^2+(VLOOKUP($A264,városok!$A$2:$C$346,3,0)-VLOOKUP(BF$1,városok!$A$2:$C$346,3,0))^2)/1000,0)</f>
        <v>396</v>
      </c>
      <c r="BG264">
        <f ca="1">ROUND(SQRT((VLOOKUP($A264,városok!$A$2:$C$346,2,0)-VLOOKUP(BG$1,városok!$A$2:$C$346,2,0))^2+(VLOOKUP($A264,városok!$A$2:$C$346,3,0)-VLOOKUP(BG$1,városok!$A$2:$C$346,3,0))^2)/1000,0)</f>
        <v>351</v>
      </c>
      <c r="BH264">
        <f ca="1">ROUND(SQRT((VLOOKUP($A264,városok!$A$2:$C$346,2,0)-VLOOKUP(BH$1,városok!$A$2:$C$346,2,0))^2+(VLOOKUP($A264,városok!$A$2:$C$346,3,0)-VLOOKUP(BH$1,városok!$A$2:$C$346,3,0))^2)/1000,0)</f>
        <v>351</v>
      </c>
      <c r="BI264">
        <f ca="1">ROUND(SQRT((VLOOKUP($A264,városok!$A$2:$C$346,2,0)-VLOOKUP(BI$1,városok!$A$2:$C$346,2,0))^2+(VLOOKUP($A264,városok!$A$2:$C$346,3,0)-VLOOKUP(BI$1,városok!$A$2:$C$346,3,0))^2)/1000,0)</f>
        <v>95</v>
      </c>
      <c r="BJ264">
        <f ca="1">ROUND(SQRT((VLOOKUP($A264,városok!$A$2:$C$346,2,0)-VLOOKUP(BJ$1,városok!$A$2:$C$346,2,0))^2+(VLOOKUP($A264,városok!$A$2:$C$346,3,0)-VLOOKUP(BJ$1,városok!$A$2:$C$346,3,0))^2)/1000,0)</f>
        <v>87</v>
      </c>
      <c r="BK264">
        <f ca="1">ROUND(SQRT((VLOOKUP($A264,városok!$A$2:$C$346,2,0)-VLOOKUP(BK$1,városok!$A$2:$C$346,2,0))^2+(VLOOKUP($A264,városok!$A$2:$C$346,3,0)-VLOOKUP(BK$1,városok!$A$2:$C$346,3,0))^2)/1000,0)</f>
        <v>102</v>
      </c>
      <c r="BL264">
        <f ca="1">ROUND(SQRT((VLOOKUP($A264,városok!$A$2:$C$346,2,0)-VLOOKUP(BL$1,városok!$A$2:$C$346,2,0))^2+(VLOOKUP($A264,városok!$A$2:$C$346,3,0)-VLOOKUP(BL$1,városok!$A$2:$C$346,3,0))^2)/1000,0)</f>
        <v>78</v>
      </c>
      <c r="BM264">
        <f ca="1">ROUND(SQRT((VLOOKUP($A264,városok!$A$2:$C$346,2,0)-VLOOKUP(BM$1,városok!$A$2:$C$346,2,0))^2+(VLOOKUP($A264,városok!$A$2:$C$346,3,0)-VLOOKUP(BM$1,városok!$A$2:$C$346,3,0))^2)/1000,0)</f>
        <v>83</v>
      </c>
      <c r="BN264">
        <f ca="1">ROUND(SQRT((VLOOKUP($A264,városok!$A$2:$C$346,2,0)-VLOOKUP(BN$1,városok!$A$2:$C$346,2,0))^2+(VLOOKUP($A264,városok!$A$2:$C$346,3,0)-VLOOKUP(BN$1,városok!$A$2:$C$346,3,0))^2)/1000,0)</f>
        <v>94</v>
      </c>
      <c r="BO264">
        <f ca="1">ROUND(SQRT((VLOOKUP($A264,városok!$A$2:$C$346,2,0)-VLOOKUP(BO$1,városok!$A$2:$C$346,2,0))^2+(VLOOKUP($A264,városok!$A$2:$C$346,3,0)-VLOOKUP(BO$1,városok!$A$2:$C$346,3,0))^2)/1000,0)</f>
        <v>68</v>
      </c>
      <c r="BP264">
        <f ca="1">ROUND(SQRT((VLOOKUP($A264,városok!$A$2:$C$346,2,0)-VLOOKUP(BP$1,városok!$A$2:$C$346,2,0))^2+(VLOOKUP($A264,városok!$A$2:$C$346,3,0)-VLOOKUP(BP$1,városok!$A$2:$C$346,3,0))^2)/1000,0)</f>
        <v>73</v>
      </c>
      <c r="BQ264">
        <f ca="1">ROUND(SQRT((VLOOKUP($A264,városok!$A$2:$C$346,2,0)-VLOOKUP(BQ$1,városok!$A$2:$C$346,2,0))^2+(VLOOKUP($A264,városok!$A$2:$C$346,3,0)-VLOOKUP(BQ$1,városok!$A$2:$C$346,3,0))^2)/1000,0)</f>
        <v>68</v>
      </c>
      <c r="BR264">
        <f ca="1">ROUND(SQRT((VLOOKUP($A264,városok!$A$2:$C$346,2,0)-VLOOKUP(BR$1,városok!$A$2:$C$346,2,0))^2+(VLOOKUP($A264,városok!$A$2:$C$346,3,0)-VLOOKUP(BR$1,városok!$A$2:$C$346,3,0))^2)/1000,0)</f>
        <v>24</v>
      </c>
      <c r="BS264">
        <f ca="1">ROUND(SQRT((VLOOKUP($A264,városok!$A$2:$C$346,2,0)-VLOOKUP(BS$1,városok!$A$2:$C$346,2,0))^2+(VLOOKUP($A264,városok!$A$2:$C$346,3,0)-VLOOKUP(BS$1,városok!$A$2:$C$346,3,0))^2)/1000,0)</f>
        <v>35</v>
      </c>
      <c r="BT264">
        <f ca="1">ROUND(SQRT((VLOOKUP($A264,városok!$A$2:$C$346,2,0)-VLOOKUP(BT$1,városok!$A$2:$C$346,2,0))^2+(VLOOKUP($A264,városok!$A$2:$C$346,3,0)-VLOOKUP(BT$1,városok!$A$2:$C$346,3,0))^2)/1000,0)</f>
        <v>52</v>
      </c>
    </row>
    <row r="265" spans="1:72" x14ac:dyDescent="0.2">
      <c r="A265" t="str">
        <f>városok!A265</f>
        <v>Nagyatád</v>
      </c>
      <c r="B265">
        <f ca="1">ROUND(SQRT((VLOOKUP($A265,városok!$A$2:$C$346,2,0)-VLOOKUP(B$1,városok!$A$2:$C$346,2,0))^2+(VLOOKUP($A265,városok!$A$2:$C$346,3,0)-VLOOKUP(B$1,városok!$A$2:$C$346,3,0))^2)/1000,0)</f>
        <v>123</v>
      </c>
      <c r="C265">
        <f ca="1">ROUND(SQRT((VLOOKUP($A265,városok!$A$2:$C$346,2,0)-VLOOKUP(C$1,városok!$A$2:$C$346,2,0))^2+(VLOOKUP($A265,városok!$A$2:$C$346,3,0)-VLOOKUP(C$1,városok!$A$2:$C$346,3,0))^2)/1000,0)</f>
        <v>129</v>
      </c>
      <c r="D265">
        <f ca="1">ROUND(SQRT((VLOOKUP($A265,városok!$A$2:$C$346,2,0)-VLOOKUP(D$1,városok!$A$2:$C$346,2,0))^2+(VLOOKUP($A265,városok!$A$2:$C$346,3,0)-VLOOKUP(D$1,városok!$A$2:$C$346,3,0))^2)/1000,0)</f>
        <v>194</v>
      </c>
      <c r="E265">
        <f ca="1">ROUND(SQRT((VLOOKUP($A265,városok!$A$2:$C$346,2,0)-VLOOKUP(E$1,városok!$A$2:$C$346,2,0))^2+(VLOOKUP($A265,városok!$A$2:$C$346,3,0)-VLOOKUP(E$1,városok!$A$2:$C$346,3,0))^2)/1000,0)</f>
        <v>69</v>
      </c>
      <c r="F265">
        <f ca="1">ROUND(SQRT((VLOOKUP($A265,városok!$A$2:$C$346,2,0)-VLOOKUP(F$1,városok!$A$2:$C$346,2,0))^2+(VLOOKUP($A265,városok!$A$2:$C$346,3,0)-VLOOKUP(F$1,városok!$A$2:$C$346,3,0))^2)/1000,0)</f>
        <v>106</v>
      </c>
      <c r="G265">
        <f ca="1">ROUND(SQRT((VLOOKUP($A265,városok!$A$2:$C$346,2,0)-VLOOKUP(G$1,városok!$A$2:$C$346,2,0))^2+(VLOOKUP($A265,városok!$A$2:$C$346,3,0)-VLOOKUP(G$1,városok!$A$2:$C$346,3,0))^2)/1000,0)</f>
        <v>70</v>
      </c>
      <c r="H265">
        <f ca="1">ROUND(SQRT((VLOOKUP($A265,városok!$A$2:$C$346,2,0)-VLOOKUP(H$1,városok!$A$2:$C$346,2,0))^2+(VLOOKUP($A265,városok!$A$2:$C$346,3,0)-VLOOKUP(H$1,városok!$A$2:$C$346,3,0))^2)/1000,0)</f>
        <v>39</v>
      </c>
      <c r="I265">
        <f ca="1">ROUND(SQRT((VLOOKUP($A265,városok!$A$2:$C$346,2,0)-VLOOKUP(I$1,városok!$A$2:$C$346,2,0))^2+(VLOOKUP($A265,városok!$A$2:$C$346,3,0)-VLOOKUP(I$1,városok!$A$2:$C$346,3,0))^2)/1000,0)</f>
        <v>290</v>
      </c>
      <c r="J265">
        <f ca="1">ROUND(SQRT((VLOOKUP($A265,városok!$A$2:$C$346,2,0)-VLOOKUP(J$1,városok!$A$2:$C$346,2,0))^2+(VLOOKUP($A265,városok!$A$2:$C$346,3,0)-VLOOKUP(J$1,városok!$A$2:$C$346,3,0))^2)/1000,0)</f>
        <v>304</v>
      </c>
      <c r="K265">
        <f ca="1">ROUND(SQRT((VLOOKUP($A265,városok!$A$2:$C$346,2,0)-VLOOKUP(K$1,városok!$A$2:$C$346,2,0))^2+(VLOOKUP($A265,városok!$A$2:$C$346,3,0)-VLOOKUP(K$1,városok!$A$2:$C$346,3,0))^2)/1000,0)</f>
        <v>257</v>
      </c>
      <c r="L265">
        <f ca="1">ROUND(SQRT((VLOOKUP($A265,városok!$A$2:$C$346,2,0)-VLOOKUP(L$1,városok!$A$2:$C$346,2,0))^2+(VLOOKUP($A265,városok!$A$2:$C$346,3,0)-VLOOKUP(L$1,városok!$A$2:$C$346,3,0))^2)/1000,0)</f>
        <v>335</v>
      </c>
      <c r="M265">
        <f ca="1">ROUND(SQRT((VLOOKUP($A265,városok!$A$2:$C$346,2,0)-VLOOKUP(M$1,városok!$A$2:$C$346,2,0))^2+(VLOOKUP($A265,városok!$A$2:$C$346,3,0)-VLOOKUP(M$1,városok!$A$2:$C$346,3,0))^2)/1000,0)</f>
        <v>333</v>
      </c>
      <c r="N265">
        <f ca="1">ROUND(SQRT((VLOOKUP($A265,városok!$A$2:$C$346,2,0)-VLOOKUP(N$1,városok!$A$2:$C$346,2,0))^2+(VLOOKUP($A265,városok!$A$2:$C$346,3,0)-VLOOKUP(N$1,városok!$A$2:$C$346,3,0))^2)/1000,0)</f>
        <v>314</v>
      </c>
      <c r="O265">
        <f ca="1">ROUND(SQRT((VLOOKUP($A265,városok!$A$2:$C$346,2,0)-VLOOKUP(O$1,városok!$A$2:$C$346,2,0))^2+(VLOOKUP($A265,városok!$A$2:$C$346,3,0)-VLOOKUP(O$1,városok!$A$2:$C$346,3,0))^2)/1000,0)</f>
        <v>404</v>
      </c>
      <c r="P265">
        <f ca="1">ROUND(SQRT((VLOOKUP($A265,városok!$A$2:$C$346,2,0)-VLOOKUP(P$1,városok!$A$2:$C$346,2,0))^2+(VLOOKUP($A265,városok!$A$2:$C$346,3,0)-VLOOKUP(P$1,városok!$A$2:$C$346,3,0))^2)/1000,0)</f>
        <v>404</v>
      </c>
      <c r="Q265">
        <f ca="1">ROUND(SQRT((VLOOKUP($A265,városok!$A$2:$C$346,2,0)-VLOOKUP(Q$1,városok!$A$2:$C$346,2,0))^2+(VLOOKUP($A265,városok!$A$2:$C$346,3,0)-VLOOKUP(Q$1,városok!$A$2:$C$346,3,0))^2)/1000,0)</f>
        <v>229</v>
      </c>
      <c r="R265">
        <f ca="1">ROUND(SQRT((VLOOKUP($A265,városok!$A$2:$C$346,2,0)-VLOOKUP(R$1,városok!$A$2:$C$346,2,0))^2+(VLOOKUP($A265,városok!$A$2:$C$346,3,0)-VLOOKUP(R$1,városok!$A$2:$C$346,3,0))^2)/1000,0)</f>
        <v>240</v>
      </c>
      <c r="S265">
        <f ca="1">ROUND(SQRT((VLOOKUP($A265,városok!$A$2:$C$346,2,0)-VLOOKUP(S$1,városok!$A$2:$C$346,2,0))^2+(VLOOKUP($A265,városok!$A$2:$C$346,3,0)-VLOOKUP(S$1,városok!$A$2:$C$346,3,0))^2)/1000,0)</f>
        <v>216</v>
      </c>
      <c r="T265">
        <f ca="1">ROUND(SQRT((VLOOKUP($A265,városok!$A$2:$C$346,2,0)-VLOOKUP(T$1,városok!$A$2:$C$346,2,0))^2+(VLOOKUP($A265,városok!$A$2:$C$346,3,0)-VLOOKUP(T$1,városok!$A$2:$C$346,3,0))^2)/1000,0)</f>
        <v>170</v>
      </c>
      <c r="U265">
        <f ca="1">ROUND(SQRT((VLOOKUP($A265,városok!$A$2:$C$346,2,0)-VLOOKUP(U$1,városok!$A$2:$C$346,2,0))^2+(VLOOKUP($A265,városok!$A$2:$C$346,3,0)-VLOOKUP(U$1,városok!$A$2:$C$346,3,0))^2)/1000,0)</f>
        <v>146</v>
      </c>
      <c r="V265">
        <f ca="1">ROUND(SQRT((VLOOKUP($A265,városok!$A$2:$C$346,2,0)-VLOOKUP(V$1,városok!$A$2:$C$346,2,0))^2+(VLOOKUP($A265,városok!$A$2:$C$346,3,0)-VLOOKUP(V$1,városok!$A$2:$C$346,3,0))^2)/1000,0)</f>
        <v>117</v>
      </c>
      <c r="W265">
        <f ca="1">ROUND(SQRT((VLOOKUP($A265,városok!$A$2:$C$346,2,0)-VLOOKUP(W$1,városok!$A$2:$C$346,2,0))^2+(VLOOKUP($A265,városok!$A$2:$C$346,3,0)-VLOOKUP(W$1,városok!$A$2:$C$346,3,0))^2)/1000,0)</f>
        <v>121</v>
      </c>
      <c r="X265">
        <f ca="1">ROUND(SQRT((VLOOKUP($A265,városok!$A$2:$C$346,2,0)-VLOOKUP(X$1,városok!$A$2:$C$346,2,0))^2+(VLOOKUP($A265,városok!$A$2:$C$346,3,0)-VLOOKUP(X$1,városok!$A$2:$C$346,3,0))^2)/1000,0)</f>
        <v>139</v>
      </c>
      <c r="Y265">
        <f ca="1">ROUND(SQRT((VLOOKUP($A265,városok!$A$2:$C$346,2,0)-VLOOKUP(Y$1,városok!$A$2:$C$346,2,0))^2+(VLOOKUP($A265,városok!$A$2:$C$346,3,0)-VLOOKUP(Y$1,városok!$A$2:$C$346,3,0))^2)/1000,0)</f>
        <v>164</v>
      </c>
      <c r="Z265">
        <f ca="1">ROUND(SQRT((VLOOKUP($A265,városok!$A$2:$C$346,2,0)-VLOOKUP(Z$1,városok!$A$2:$C$346,2,0))^2+(VLOOKUP($A265,városok!$A$2:$C$346,3,0)-VLOOKUP(Z$1,városok!$A$2:$C$346,3,0))^2)/1000,0)</f>
        <v>168</v>
      </c>
      <c r="AA265">
        <f ca="1">ROUND(SQRT((VLOOKUP($A265,városok!$A$2:$C$346,2,0)-VLOOKUP(AA$1,városok!$A$2:$C$346,2,0))^2+(VLOOKUP($A265,városok!$A$2:$C$346,3,0)-VLOOKUP(AA$1,városok!$A$2:$C$346,3,0))^2)/1000,0)</f>
        <v>173</v>
      </c>
      <c r="AB265">
        <f ca="1">ROUND(SQRT((VLOOKUP($A265,városok!$A$2:$C$346,2,0)-VLOOKUP(AB$1,városok!$A$2:$C$346,2,0))^2+(VLOOKUP($A265,városok!$A$2:$C$346,3,0)-VLOOKUP(AB$1,városok!$A$2:$C$346,3,0))^2)/1000,0)</f>
        <v>356</v>
      </c>
      <c r="AC265">
        <f ca="1">ROUND(SQRT((VLOOKUP($A265,városok!$A$2:$C$346,2,0)-VLOOKUP(AC$1,városok!$A$2:$C$346,2,0))^2+(VLOOKUP($A265,városok!$A$2:$C$346,3,0)-VLOOKUP(AC$1,városok!$A$2:$C$346,3,0))^2)/1000,0)</f>
        <v>336</v>
      </c>
      <c r="AD265">
        <f ca="1">ROUND(SQRT((VLOOKUP($A265,városok!$A$2:$C$346,2,0)-VLOOKUP(AD$1,városok!$A$2:$C$346,2,0))^2+(VLOOKUP($A265,városok!$A$2:$C$346,3,0)-VLOOKUP(AD$1,városok!$A$2:$C$346,3,0))^2)/1000,0)</f>
        <v>319</v>
      </c>
      <c r="AE265">
        <f ca="1">ROUND(SQRT((VLOOKUP($A265,városok!$A$2:$C$346,2,0)-VLOOKUP(AE$1,városok!$A$2:$C$346,2,0))^2+(VLOOKUP($A265,városok!$A$2:$C$346,3,0)-VLOOKUP(AE$1,városok!$A$2:$C$346,3,0))^2)/1000,0)</f>
        <v>313</v>
      </c>
      <c r="AF265">
        <f ca="1">ROUND(SQRT((VLOOKUP($A265,városok!$A$2:$C$346,2,0)-VLOOKUP(AF$1,városok!$A$2:$C$346,2,0))^2+(VLOOKUP($A265,városok!$A$2:$C$346,3,0)-VLOOKUP(AF$1,városok!$A$2:$C$346,3,0))^2)/1000,0)</f>
        <v>295</v>
      </c>
      <c r="AG265">
        <f ca="1">ROUND(SQRT((VLOOKUP($A265,városok!$A$2:$C$346,2,0)-VLOOKUP(AG$1,városok!$A$2:$C$346,2,0))^2+(VLOOKUP($A265,városok!$A$2:$C$346,3,0)-VLOOKUP(AG$1,városok!$A$2:$C$346,3,0))^2)/1000,0)</f>
        <v>260</v>
      </c>
      <c r="AH265">
        <f ca="1">ROUND(SQRT((VLOOKUP($A265,városok!$A$2:$C$346,2,0)-VLOOKUP(AH$1,városok!$A$2:$C$346,2,0))^2+(VLOOKUP($A265,városok!$A$2:$C$346,3,0)-VLOOKUP(AH$1,városok!$A$2:$C$346,3,0))^2)/1000,0)</f>
        <v>238</v>
      </c>
      <c r="AI265">
        <f ca="1">ROUND(SQRT((VLOOKUP($A265,városok!$A$2:$C$346,2,0)-VLOOKUP(AI$1,városok!$A$2:$C$346,2,0))^2+(VLOOKUP($A265,városok!$A$2:$C$346,3,0)-VLOOKUP(AI$1,városok!$A$2:$C$346,3,0))^2)/1000,0)</f>
        <v>288</v>
      </c>
      <c r="AJ265">
        <f ca="1">ROUND(SQRT((VLOOKUP($A265,városok!$A$2:$C$346,2,0)-VLOOKUP(AJ$1,városok!$A$2:$C$346,2,0))^2+(VLOOKUP($A265,városok!$A$2:$C$346,3,0)-VLOOKUP(AJ$1,városok!$A$2:$C$346,3,0))^2)/1000,0)</f>
        <v>254</v>
      </c>
      <c r="AK265">
        <f ca="1">ROUND(SQRT((VLOOKUP($A265,városok!$A$2:$C$346,2,0)-VLOOKUP(AK$1,városok!$A$2:$C$346,2,0))^2+(VLOOKUP($A265,városok!$A$2:$C$346,3,0)-VLOOKUP(AK$1,városok!$A$2:$C$346,3,0))^2)/1000,0)</f>
        <v>300</v>
      </c>
      <c r="AL265">
        <f ca="1">ROUND(SQRT((VLOOKUP($A265,városok!$A$2:$C$346,2,0)-VLOOKUP(AL$1,városok!$A$2:$C$346,2,0))^2+(VLOOKUP($A265,városok!$A$2:$C$346,3,0)-VLOOKUP(AL$1,városok!$A$2:$C$346,3,0))^2)/1000,0)</f>
        <v>280</v>
      </c>
      <c r="AM265">
        <f ca="1">ROUND(SQRT((VLOOKUP($A265,városok!$A$2:$C$346,2,0)-VLOOKUP(AM$1,városok!$A$2:$C$346,2,0))^2+(VLOOKUP($A265,városok!$A$2:$C$346,3,0)-VLOOKUP(AM$1,városok!$A$2:$C$346,3,0))^2)/1000,0)</f>
        <v>240</v>
      </c>
      <c r="AN265">
        <f ca="1">ROUND(SQRT((VLOOKUP($A265,városok!$A$2:$C$346,2,0)-VLOOKUP(AN$1,városok!$A$2:$C$346,2,0))^2+(VLOOKUP($A265,városok!$A$2:$C$346,3,0)-VLOOKUP(AN$1,városok!$A$2:$C$346,3,0))^2)/1000,0)</f>
        <v>203</v>
      </c>
      <c r="AO265">
        <f ca="1">ROUND(SQRT((VLOOKUP($A265,városok!$A$2:$C$346,2,0)-VLOOKUP(AO$1,városok!$A$2:$C$346,2,0))^2+(VLOOKUP($A265,városok!$A$2:$C$346,3,0)-VLOOKUP(AO$1,városok!$A$2:$C$346,3,0))^2)/1000,0)</f>
        <v>178</v>
      </c>
      <c r="AP265">
        <f ca="1">ROUND(SQRT((VLOOKUP($A265,városok!$A$2:$C$346,2,0)-VLOOKUP(AP$1,városok!$A$2:$C$346,2,0))^2+(VLOOKUP($A265,városok!$A$2:$C$346,3,0)-VLOOKUP(AP$1,városok!$A$2:$C$346,3,0))^2)/1000,0)</f>
        <v>174</v>
      </c>
      <c r="AQ265">
        <f ca="1">ROUND(SQRT((VLOOKUP($A265,városok!$A$2:$C$346,2,0)-VLOOKUP(AQ$1,városok!$A$2:$C$346,2,0))^2+(VLOOKUP($A265,városok!$A$2:$C$346,3,0)-VLOOKUP(AQ$1,városok!$A$2:$C$346,3,0))^2)/1000,0)</f>
        <v>169</v>
      </c>
      <c r="AR265">
        <f ca="1">ROUND(SQRT((VLOOKUP($A265,városok!$A$2:$C$346,2,0)-VLOOKUP(AR$1,városok!$A$2:$C$346,2,0))^2+(VLOOKUP($A265,városok!$A$2:$C$346,3,0)-VLOOKUP(AR$1,városok!$A$2:$C$346,3,0))^2)/1000,0)</f>
        <v>258</v>
      </c>
      <c r="AS265">
        <f ca="1">ROUND(SQRT((VLOOKUP($A265,városok!$A$2:$C$346,2,0)-VLOOKUP(AS$1,városok!$A$2:$C$346,2,0))^2+(VLOOKUP($A265,városok!$A$2:$C$346,3,0)-VLOOKUP(AS$1,városok!$A$2:$C$346,3,0))^2)/1000,0)</f>
        <v>280</v>
      </c>
      <c r="AT265">
        <f ca="1">ROUND(SQRT((VLOOKUP($A265,városok!$A$2:$C$346,2,0)-VLOOKUP(AT$1,városok!$A$2:$C$346,2,0))^2+(VLOOKUP($A265,városok!$A$2:$C$346,3,0)-VLOOKUP(AT$1,városok!$A$2:$C$346,3,0))^2)/1000,0)</f>
        <v>177</v>
      </c>
      <c r="AU265">
        <f ca="1">ROUND(SQRT((VLOOKUP($A265,városok!$A$2:$C$346,2,0)-VLOOKUP(AU$1,városok!$A$2:$C$346,2,0))^2+(VLOOKUP($A265,városok!$A$2:$C$346,3,0)-VLOOKUP(AU$1,városok!$A$2:$C$346,3,0))^2)/1000,0)</f>
        <v>183</v>
      </c>
      <c r="AV265">
        <f ca="1">ROUND(SQRT((VLOOKUP($A265,városok!$A$2:$C$346,2,0)-VLOOKUP(AV$1,városok!$A$2:$C$346,2,0))^2+(VLOOKUP($A265,városok!$A$2:$C$346,3,0)-VLOOKUP(AV$1,városok!$A$2:$C$346,3,0))^2)/1000,0)</f>
        <v>179</v>
      </c>
      <c r="AW265">
        <f ca="1">ROUND(SQRT((VLOOKUP($A265,városok!$A$2:$C$346,2,0)-VLOOKUP(AW$1,városok!$A$2:$C$346,2,0))^2+(VLOOKUP($A265,városok!$A$2:$C$346,3,0)-VLOOKUP(AW$1,városok!$A$2:$C$346,3,0))^2)/1000,0)</f>
        <v>175</v>
      </c>
      <c r="AX265">
        <f ca="1">ROUND(SQRT((VLOOKUP($A265,városok!$A$2:$C$346,2,0)-VLOOKUP(AX$1,városok!$A$2:$C$346,2,0))^2+(VLOOKUP($A265,városok!$A$2:$C$346,3,0)-VLOOKUP(AX$1,városok!$A$2:$C$346,3,0))^2)/1000,0)</f>
        <v>205</v>
      </c>
      <c r="AY265">
        <f ca="1">ROUND(SQRT((VLOOKUP($A265,városok!$A$2:$C$346,2,0)-VLOOKUP(AY$1,városok!$A$2:$C$346,2,0))^2+(VLOOKUP($A265,városok!$A$2:$C$346,3,0)-VLOOKUP(AY$1,városok!$A$2:$C$346,3,0))^2)/1000,0)</f>
        <v>207</v>
      </c>
      <c r="AZ265">
        <f ca="1">ROUND(SQRT((VLOOKUP($A265,városok!$A$2:$C$346,2,0)-VLOOKUP(AZ$1,városok!$A$2:$C$346,2,0))^2+(VLOOKUP($A265,városok!$A$2:$C$346,3,0)-VLOOKUP(AZ$1,városok!$A$2:$C$346,3,0))^2)/1000,0)</f>
        <v>212</v>
      </c>
      <c r="BA265">
        <f ca="1">ROUND(SQRT((VLOOKUP($A265,városok!$A$2:$C$346,2,0)-VLOOKUP(BA$1,városok!$A$2:$C$346,2,0))^2+(VLOOKUP($A265,városok!$A$2:$C$346,3,0)-VLOOKUP(BA$1,városok!$A$2:$C$346,3,0))^2)/1000,0)</f>
        <v>67</v>
      </c>
      <c r="BB265">
        <f ca="1">ROUND(SQRT((VLOOKUP($A265,városok!$A$2:$C$346,2,0)-VLOOKUP(BB$1,városok!$A$2:$C$346,2,0))^2+(VLOOKUP($A265,városok!$A$2:$C$346,3,0)-VLOOKUP(BB$1,városok!$A$2:$C$346,3,0))^2)/1000,0)</f>
        <v>56</v>
      </c>
      <c r="BC265">
        <f ca="1">ROUND(SQRT((VLOOKUP($A265,városok!$A$2:$C$346,2,0)-VLOOKUP(BC$1,városok!$A$2:$C$346,2,0))^2+(VLOOKUP($A265,városok!$A$2:$C$346,3,0)-VLOOKUP(BC$1,városok!$A$2:$C$346,3,0))^2)/1000,0)</f>
        <v>36</v>
      </c>
      <c r="BD265">
        <f ca="1">ROUND(SQRT((VLOOKUP($A265,városok!$A$2:$C$346,2,0)-VLOOKUP(BD$1,városok!$A$2:$C$346,2,0))^2+(VLOOKUP($A265,városok!$A$2:$C$346,3,0)-VLOOKUP(BD$1,városok!$A$2:$C$346,3,0))^2)/1000,0)</f>
        <v>93</v>
      </c>
      <c r="BE265">
        <f ca="1">ROUND(SQRT((VLOOKUP($A265,városok!$A$2:$C$346,2,0)-VLOOKUP(BE$1,városok!$A$2:$C$346,2,0))^2+(VLOOKUP($A265,városok!$A$2:$C$346,3,0)-VLOOKUP(BE$1,városok!$A$2:$C$346,3,0))^2)/1000,0)</f>
        <v>441</v>
      </c>
      <c r="BF265">
        <f ca="1">ROUND(SQRT((VLOOKUP($A265,városok!$A$2:$C$346,2,0)-VLOOKUP(BF$1,városok!$A$2:$C$346,2,0))^2+(VLOOKUP($A265,városok!$A$2:$C$346,3,0)-VLOOKUP(BF$1,városok!$A$2:$C$346,3,0))^2)/1000,0)</f>
        <v>420</v>
      </c>
      <c r="BG265">
        <f ca="1">ROUND(SQRT((VLOOKUP($A265,városok!$A$2:$C$346,2,0)-VLOOKUP(BG$1,városok!$A$2:$C$346,2,0))^2+(VLOOKUP($A265,városok!$A$2:$C$346,3,0)-VLOOKUP(BG$1,városok!$A$2:$C$346,3,0))^2)/1000,0)</f>
        <v>376</v>
      </c>
      <c r="BH265">
        <f ca="1">ROUND(SQRT((VLOOKUP($A265,városok!$A$2:$C$346,2,0)-VLOOKUP(BH$1,városok!$A$2:$C$346,2,0))^2+(VLOOKUP($A265,városok!$A$2:$C$346,3,0)-VLOOKUP(BH$1,városok!$A$2:$C$346,3,0))^2)/1000,0)</f>
        <v>375</v>
      </c>
      <c r="BI265">
        <f ca="1">ROUND(SQRT((VLOOKUP($A265,városok!$A$2:$C$346,2,0)-VLOOKUP(BI$1,városok!$A$2:$C$346,2,0))^2+(VLOOKUP($A265,városok!$A$2:$C$346,3,0)-VLOOKUP(BI$1,városok!$A$2:$C$346,3,0))^2)/1000,0)</f>
        <v>99</v>
      </c>
      <c r="BJ265">
        <f ca="1">ROUND(SQRT((VLOOKUP($A265,városok!$A$2:$C$346,2,0)-VLOOKUP(BJ$1,városok!$A$2:$C$346,2,0))^2+(VLOOKUP($A265,városok!$A$2:$C$346,3,0)-VLOOKUP(BJ$1,városok!$A$2:$C$346,3,0))^2)/1000,0)</f>
        <v>85</v>
      </c>
      <c r="BK265">
        <f ca="1">ROUND(SQRT((VLOOKUP($A265,városok!$A$2:$C$346,2,0)-VLOOKUP(BK$1,városok!$A$2:$C$346,2,0))^2+(VLOOKUP($A265,városok!$A$2:$C$346,3,0)-VLOOKUP(BK$1,városok!$A$2:$C$346,3,0))^2)/1000,0)</f>
        <v>104</v>
      </c>
      <c r="BL265">
        <f ca="1">ROUND(SQRT((VLOOKUP($A265,városok!$A$2:$C$346,2,0)-VLOOKUP(BL$1,városok!$A$2:$C$346,2,0))^2+(VLOOKUP($A265,városok!$A$2:$C$346,3,0)-VLOOKUP(BL$1,városok!$A$2:$C$346,3,0))^2)/1000,0)</f>
        <v>105</v>
      </c>
      <c r="BM265">
        <f ca="1">ROUND(SQRT((VLOOKUP($A265,városok!$A$2:$C$346,2,0)-VLOOKUP(BM$1,városok!$A$2:$C$346,2,0))^2+(VLOOKUP($A265,városok!$A$2:$C$346,3,0)-VLOOKUP(BM$1,városok!$A$2:$C$346,3,0))^2)/1000,0)</f>
        <v>119</v>
      </c>
      <c r="BN265">
        <f ca="1">ROUND(SQRT((VLOOKUP($A265,városok!$A$2:$C$346,2,0)-VLOOKUP(BN$1,városok!$A$2:$C$346,2,0))^2+(VLOOKUP($A265,városok!$A$2:$C$346,3,0)-VLOOKUP(BN$1,városok!$A$2:$C$346,3,0))^2)/1000,0)</f>
        <v>125</v>
      </c>
      <c r="BO265">
        <f ca="1">ROUND(SQRT((VLOOKUP($A265,városok!$A$2:$C$346,2,0)-VLOOKUP(BO$1,városok!$A$2:$C$346,2,0))^2+(VLOOKUP($A265,városok!$A$2:$C$346,3,0)-VLOOKUP(BO$1,városok!$A$2:$C$346,3,0))^2)/1000,0)</f>
        <v>102</v>
      </c>
      <c r="BP265">
        <f ca="1">ROUND(SQRT((VLOOKUP($A265,városok!$A$2:$C$346,2,0)-VLOOKUP(BP$1,városok!$A$2:$C$346,2,0))^2+(VLOOKUP($A265,városok!$A$2:$C$346,3,0)-VLOOKUP(BP$1,városok!$A$2:$C$346,3,0))^2)/1000,0)</f>
        <v>107</v>
      </c>
      <c r="BQ265">
        <f ca="1">ROUND(SQRT((VLOOKUP($A265,városok!$A$2:$C$346,2,0)-VLOOKUP(BQ$1,városok!$A$2:$C$346,2,0))^2+(VLOOKUP($A265,városok!$A$2:$C$346,3,0)-VLOOKUP(BQ$1,városok!$A$2:$C$346,3,0))^2)/1000,0)</f>
        <v>105</v>
      </c>
      <c r="BR265">
        <f ca="1">ROUND(SQRT((VLOOKUP($A265,városok!$A$2:$C$346,2,0)-VLOOKUP(BR$1,városok!$A$2:$C$346,2,0))^2+(VLOOKUP($A265,városok!$A$2:$C$346,3,0)-VLOOKUP(BR$1,városok!$A$2:$C$346,3,0))^2)/1000,0)</f>
        <v>61</v>
      </c>
      <c r="BS265">
        <f ca="1">ROUND(SQRT((VLOOKUP($A265,városok!$A$2:$C$346,2,0)-VLOOKUP(BS$1,városok!$A$2:$C$346,2,0))^2+(VLOOKUP($A265,városok!$A$2:$C$346,3,0)-VLOOKUP(BS$1,városok!$A$2:$C$346,3,0))^2)/1000,0)</f>
        <v>38</v>
      </c>
      <c r="BT265">
        <f ca="1">ROUND(SQRT((VLOOKUP($A265,városok!$A$2:$C$346,2,0)-VLOOKUP(BT$1,városok!$A$2:$C$346,2,0))^2+(VLOOKUP($A265,városok!$A$2:$C$346,3,0)-VLOOKUP(BT$1,városok!$A$2:$C$346,3,0))^2)/1000,0)</f>
        <v>79</v>
      </c>
    </row>
    <row r="266" spans="1:72" x14ac:dyDescent="0.2">
      <c r="A266" t="str">
        <f>városok!A266</f>
        <v>Nagybajom</v>
      </c>
      <c r="B266">
        <f ca="1">ROUND(SQRT((VLOOKUP($A266,városok!$A$2:$C$346,2,0)-VLOOKUP(B$1,városok!$A$2:$C$346,2,0))^2+(VLOOKUP($A266,városok!$A$2:$C$346,3,0)-VLOOKUP(B$1,városok!$A$2:$C$346,3,0))^2)/1000,0)</f>
        <v>114</v>
      </c>
      <c r="C266">
        <f ca="1">ROUND(SQRT((VLOOKUP($A266,városok!$A$2:$C$346,2,0)-VLOOKUP(C$1,városok!$A$2:$C$346,2,0))^2+(VLOOKUP($A266,városok!$A$2:$C$346,3,0)-VLOOKUP(C$1,városok!$A$2:$C$346,3,0))^2)/1000,0)</f>
        <v>114</v>
      </c>
      <c r="D266">
        <f ca="1">ROUND(SQRT((VLOOKUP($A266,városok!$A$2:$C$346,2,0)-VLOOKUP(D$1,városok!$A$2:$C$346,2,0))^2+(VLOOKUP($A266,városok!$A$2:$C$346,3,0)-VLOOKUP(D$1,városok!$A$2:$C$346,3,0))^2)/1000,0)</f>
        <v>176</v>
      </c>
      <c r="E266">
        <f ca="1">ROUND(SQRT((VLOOKUP($A266,városok!$A$2:$C$346,2,0)-VLOOKUP(E$1,városok!$A$2:$C$346,2,0))^2+(VLOOKUP($A266,városok!$A$2:$C$346,3,0)-VLOOKUP(E$1,városok!$A$2:$C$346,3,0))^2)/1000,0)</f>
        <v>62</v>
      </c>
      <c r="F266">
        <f ca="1">ROUND(SQRT((VLOOKUP($A266,városok!$A$2:$C$346,2,0)-VLOOKUP(F$1,városok!$A$2:$C$346,2,0))^2+(VLOOKUP($A266,városok!$A$2:$C$346,3,0)-VLOOKUP(F$1,városok!$A$2:$C$346,3,0))^2)/1000,0)</f>
        <v>101</v>
      </c>
      <c r="G266">
        <f ca="1">ROUND(SQRT((VLOOKUP($A266,városok!$A$2:$C$346,2,0)-VLOOKUP(G$1,városok!$A$2:$C$346,2,0))^2+(VLOOKUP($A266,városok!$A$2:$C$346,3,0)-VLOOKUP(G$1,városok!$A$2:$C$346,3,0))^2)/1000,0)</f>
        <v>67</v>
      </c>
      <c r="H266">
        <f ca="1">ROUND(SQRT((VLOOKUP($A266,városok!$A$2:$C$346,2,0)-VLOOKUP(H$1,városok!$A$2:$C$346,2,0))^2+(VLOOKUP($A266,városok!$A$2:$C$346,3,0)-VLOOKUP(H$1,városok!$A$2:$C$346,3,0))^2)/1000,0)</f>
        <v>44</v>
      </c>
      <c r="I266">
        <f ca="1">ROUND(SQRT((VLOOKUP($A266,városok!$A$2:$C$346,2,0)-VLOOKUP(I$1,városok!$A$2:$C$346,2,0))^2+(VLOOKUP($A266,városok!$A$2:$C$346,3,0)-VLOOKUP(I$1,városok!$A$2:$C$346,3,0))^2)/1000,0)</f>
        <v>276</v>
      </c>
      <c r="J266">
        <f ca="1">ROUND(SQRT((VLOOKUP($A266,városok!$A$2:$C$346,2,0)-VLOOKUP(J$1,városok!$A$2:$C$346,2,0))^2+(VLOOKUP($A266,városok!$A$2:$C$346,3,0)-VLOOKUP(J$1,városok!$A$2:$C$346,3,0))^2)/1000,0)</f>
        <v>290</v>
      </c>
      <c r="K266">
        <f ca="1">ROUND(SQRT((VLOOKUP($A266,városok!$A$2:$C$346,2,0)-VLOOKUP(K$1,városok!$A$2:$C$346,2,0))^2+(VLOOKUP($A266,városok!$A$2:$C$346,3,0)-VLOOKUP(K$1,városok!$A$2:$C$346,3,0))^2)/1000,0)</f>
        <v>243</v>
      </c>
      <c r="L266">
        <f ca="1">ROUND(SQRT((VLOOKUP($A266,városok!$A$2:$C$346,2,0)-VLOOKUP(L$1,városok!$A$2:$C$346,2,0))^2+(VLOOKUP($A266,városok!$A$2:$C$346,3,0)-VLOOKUP(L$1,városok!$A$2:$C$346,3,0))^2)/1000,0)</f>
        <v>314</v>
      </c>
      <c r="M266">
        <f ca="1">ROUND(SQRT((VLOOKUP($A266,városok!$A$2:$C$346,2,0)-VLOOKUP(M$1,városok!$A$2:$C$346,2,0))^2+(VLOOKUP($A266,városok!$A$2:$C$346,3,0)-VLOOKUP(M$1,városok!$A$2:$C$346,3,0))^2)/1000,0)</f>
        <v>313</v>
      </c>
      <c r="N266">
        <f ca="1">ROUND(SQRT((VLOOKUP($A266,városok!$A$2:$C$346,2,0)-VLOOKUP(N$1,városok!$A$2:$C$346,2,0))^2+(VLOOKUP($A266,városok!$A$2:$C$346,3,0)-VLOOKUP(N$1,városok!$A$2:$C$346,3,0))^2)/1000,0)</f>
        <v>292</v>
      </c>
      <c r="O266">
        <f ca="1">ROUND(SQRT((VLOOKUP($A266,városok!$A$2:$C$346,2,0)-VLOOKUP(O$1,városok!$A$2:$C$346,2,0))^2+(VLOOKUP($A266,városok!$A$2:$C$346,3,0)-VLOOKUP(O$1,városok!$A$2:$C$346,3,0))^2)/1000,0)</f>
        <v>384</v>
      </c>
      <c r="P266">
        <f ca="1">ROUND(SQRT((VLOOKUP($A266,városok!$A$2:$C$346,2,0)-VLOOKUP(P$1,városok!$A$2:$C$346,2,0))^2+(VLOOKUP($A266,városok!$A$2:$C$346,3,0)-VLOOKUP(P$1,városok!$A$2:$C$346,3,0))^2)/1000,0)</f>
        <v>384</v>
      </c>
      <c r="Q266">
        <f ca="1">ROUND(SQRT((VLOOKUP($A266,városok!$A$2:$C$346,2,0)-VLOOKUP(Q$1,városok!$A$2:$C$346,2,0))^2+(VLOOKUP($A266,városok!$A$2:$C$346,3,0)-VLOOKUP(Q$1,városok!$A$2:$C$346,3,0))^2)/1000,0)</f>
        <v>216</v>
      </c>
      <c r="R266">
        <f ca="1">ROUND(SQRT((VLOOKUP($A266,városok!$A$2:$C$346,2,0)-VLOOKUP(R$1,városok!$A$2:$C$346,2,0))^2+(VLOOKUP($A266,városok!$A$2:$C$346,3,0)-VLOOKUP(R$1,városok!$A$2:$C$346,3,0))^2)/1000,0)</f>
        <v>229</v>
      </c>
      <c r="S266">
        <f ca="1">ROUND(SQRT((VLOOKUP($A266,városok!$A$2:$C$346,2,0)-VLOOKUP(S$1,városok!$A$2:$C$346,2,0))^2+(VLOOKUP($A266,városok!$A$2:$C$346,3,0)-VLOOKUP(S$1,városok!$A$2:$C$346,3,0))^2)/1000,0)</f>
        <v>205</v>
      </c>
      <c r="T266">
        <f ca="1">ROUND(SQRT((VLOOKUP($A266,városok!$A$2:$C$346,2,0)-VLOOKUP(T$1,városok!$A$2:$C$346,2,0))^2+(VLOOKUP($A266,városok!$A$2:$C$346,3,0)-VLOOKUP(T$1,városok!$A$2:$C$346,3,0))^2)/1000,0)</f>
        <v>149</v>
      </c>
      <c r="U266">
        <f ca="1">ROUND(SQRT((VLOOKUP($A266,városok!$A$2:$C$346,2,0)-VLOOKUP(U$1,városok!$A$2:$C$346,2,0))^2+(VLOOKUP($A266,városok!$A$2:$C$346,3,0)-VLOOKUP(U$1,városok!$A$2:$C$346,3,0))^2)/1000,0)</f>
        <v>126</v>
      </c>
      <c r="V266">
        <f ca="1">ROUND(SQRT((VLOOKUP($A266,városok!$A$2:$C$346,2,0)-VLOOKUP(V$1,városok!$A$2:$C$346,2,0))^2+(VLOOKUP($A266,városok!$A$2:$C$346,3,0)-VLOOKUP(V$1,városok!$A$2:$C$346,3,0))^2)/1000,0)</f>
        <v>96</v>
      </c>
      <c r="W266">
        <f ca="1">ROUND(SQRT((VLOOKUP($A266,városok!$A$2:$C$346,2,0)-VLOOKUP(W$1,városok!$A$2:$C$346,2,0))^2+(VLOOKUP($A266,városok!$A$2:$C$346,3,0)-VLOOKUP(W$1,városok!$A$2:$C$346,3,0))^2)/1000,0)</f>
        <v>101</v>
      </c>
      <c r="X266">
        <f ca="1">ROUND(SQRT((VLOOKUP($A266,városok!$A$2:$C$346,2,0)-VLOOKUP(X$1,városok!$A$2:$C$346,2,0))^2+(VLOOKUP($A266,városok!$A$2:$C$346,3,0)-VLOOKUP(X$1,városok!$A$2:$C$346,3,0))^2)/1000,0)</f>
        <v>117</v>
      </c>
      <c r="Y266">
        <f ca="1">ROUND(SQRT((VLOOKUP($A266,városok!$A$2:$C$346,2,0)-VLOOKUP(Y$1,városok!$A$2:$C$346,2,0))^2+(VLOOKUP($A266,városok!$A$2:$C$346,3,0)-VLOOKUP(Y$1,városok!$A$2:$C$346,3,0))^2)/1000,0)</f>
        <v>144</v>
      </c>
      <c r="Z266">
        <f ca="1">ROUND(SQRT((VLOOKUP($A266,városok!$A$2:$C$346,2,0)-VLOOKUP(Z$1,városok!$A$2:$C$346,2,0))^2+(VLOOKUP($A266,városok!$A$2:$C$346,3,0)-VLOOKUP(Z$1,városok!$A$2:$C$346,3,0))^2)/1000,0)</f>
        <v>149</v>
      </c>
      <c r="AA266">
        <f ca="1">ROUND(SQRT((VLOOKUP($A266,városok!$A$2:$C$346,2,0)-VLOOKUP(AA$1,városok!$A$2:$C$346,2,0))^2+(VLOOKUP($A266,városok!$A$2:$C$346,3,0)-VLOOKUP(AA$1,városok!$A$2:$C$346,3,0))^2)/1000,0)</f>
        <v>160</v>
      </c>
      <c r="AB266">
        <f ca="1">ROUND(SQRT((VLOOKUP($A266,városok!$A$2:$C$346,2,0)-VLOOKUP(AB$1,városok!$A$2:$C$346,2,0))^2+(VLOOKUP($A266,városok!$A$2:$C$346,3,0)-VLOOKUP(AB$1,városok!$A$2:$C$346,3,0))^2)/1000,0)</f>
        <v>338</v>
      </c>
      <c r="AC266">
        <f ca="1">ROUND(SQRT((VLOOKUP($A266,városok!$A$2:$C$346,2,0)-VLOOKUP(AC$1,városok!$A$2:$C$346,2,0))^2+(VLOOKUP($A266,városok!$A$2:$C$346,3,0)-VLOOKUP(AC$1,városok!$A$2:$C$346,3,0))^2)/1000,0)</f>
        <v>318</v>
      </c>
      <c r="AD266">
        <f ca="1">ROUND(SQRT((VLOOKUP($A266,városok!$A$2:$C$346,2,0)-VLOOKUP(AD$1,városok!$A$2:$C$346,2,0))^2+(VLOOKUP($A266,városok!$A$2:$C$346,3,0)-VLOOKUP(AD$1,városok!$A$2:$C$346,3,0))^2)/1000,0)</f>
        <v>301</v>
      </c>
      <c r="AE266">
        <f ca="1">ROUND(SQRT((VLOOKUP($A266,városok!$A$2:$C$346,2,0)-VLOOKUP(AE$1,városok!$A$2:$C$346,2,0))^2+(VLOOKUP($A266,városok!$A$2:$C$346,3,0)-VLOOKUP(AE$1,városok!$A$2:$C$346,3,0))^2)/1000,0)</f>
        <v>296</v>
      </c>
      <c r="AF266">
        <f ca="1">ROUND(SQRT((VLOOKUP($A266,városok!$A$2:$C$346,2,0)-VLOOKUP(AF$1,városok!$A$2:$C$346,2,0))^2+(VLOOKUP($A266,városok!$A$2:$C$346,3,0)-VLOOKUP(AF$1,városok!$A$2:$C$346,3,0))^2)/1000,0)</f>
        <v>274</v>
      </c>
      <c r="AG266">
        <f ca="1">ROUND(SQRT((VLOOKUP($A266,városok!$A$2:$C$346,2,0)-VLOOKUP(AG$1,városok!$A$2:$C$346,2,0))^2+(VLOOKUP($A266,városok!$A$2:$C$346,3,0)-VLOOKUP(AG$1,városok!$A$2:$C$346,3,0))^2)/1000,0)</f>
        <v>240</v>
      </c>
      <c r="AH266">
        <f ca="1">ROUND(SQRT((VLOOKUP($A266,városok!$A$2:$C$346,2,0)-VLOOKUP(AH$1,városok!$A$2:$C$346,2,0))^2+(VLOOKUP($A266,városok!$A$2:$C$346,3,0)-VLOOKUP(AH$1,városok!$A$2:$C$346,3,0))^2)/1000,0)</f>
        <v>217</v>
      </c>
      <c r="AI266">
        <f ca="1">ROUND(SQRT((VLOOKUP($A266,városok!$A$2:$C$346,2,0)-VLOOKUP(AI$1,városok!$A$2:$C$346,2,0))^2+(VLOOKUP($A266,városok!$A$2:$C$346,3,0)-VLOOKUP(AI$1,városok!$A$2:$C$346,3,0))^2)/1000,0)</f>
        <v>267</v>
      </c>
      <c r="AJ266">
        <f ca="1">ROUND(SQRT((VLOOKUP($A266,városok!$A$2:$C$346,2,0)-VLOOKUP(AJ$1,városok!$A$2:$C$346,2,0))^2+(VLOOKUP($A266,városok!$A$2:$C$346,3,0)-VLOOKUP(AJ$1,városok!$A$2:$C$346,3,0))^2)/1000,0)</f>
        <v>233</v>
      </c>
      <c r="AK266">
        <f ca="1">ROUND(SQRT((VLOOKUP($A266,városok!$A$2:$C$346,2,0)-VLOOKUP(AK$1,városok!$A$2:$C$346,2,0))^2+(VLOOKUP($A266,városok!$A$2:$C$346,3,0)-VLOOKUP(AK$1,városok!$A$2:$C$346,3,0))^2)/1000,0)</f>
        <v>282</v>
      </c>
      <c r="AL266">
        <f ca="1">ROUND(SQRT((VLOOKUP($A266,városok!$A$2:$C$346,2,0)-VLOOKUP(AL$1,városok!$A$2:$C$346,2,0))^2+(VLOOKUP($A266,városok!$A$2:$C$346,3,0)-VLOOKUP(AL$1,városok!$A$2:$C$346,3,0))^2)/1000,0)</f>
        <v>261</v>
      </c>
      <c r="AM266">
        <f ca="1">ROUND(SQRT((VLOOKUP($A266,városok!$A$2:$C$346,2,0)-VLOOKUP(AM$1,városok!$A$2:$C$346,2,0))^2+(VLOOKUP($A266,városok!$A$2:$C$346,3,0)-VLOOKUP(AM$1,városok!$A$2:$C$346,3,0))^2)/1000,0)</f>
        <v>222</v>
      </c>
      <c r="AN266">
        <f ca="1">ROUND(SQRT((VLOOKUP($A266,városok!$A$2:$C$346,2,0)-VLOOKUP(AN$1,városok!$A$2:$C$346,2,0))^2+(VLOOKUP($A266,városok!$A$2:$C$346,3,0)-VLOOKUP(AN$1,városok!$A$2:$C$346,3,0))^2)/1000,0)</f>
        <v>181</v>
      </c>
      <c r="AO266">
        <f ca="1">ROUND(SQRT((VLOOKUP($A266,városok!$A$2:$C$346,2,0)-VLOOKUP(AO$1,városok!$A$2:$C$346,2,0))^2+(VLOOKUP($A266,városok!$A$2:$C$346,3,0)-VLOOKUP(AO$1,városok!$A$2:$C$346,3,0))^2)/1000,0)</f>
        <v>157</v>
      </c>
      <c r="AP266">
        <f ca="1">ROUND(SQRT((VLOOKUP($A266,városok!$A$2:$C$346,2,0)-VLOOKUP(AP$1,városok!$A$2:$C$346,2,0))^2+(VLOOKUP($A266,városok!$A$2:$C$346,3,0)-VLOOKUP(AP$1,városok!$A$2:$C$346,3,0))^2)/1000,0)</f>
        <v>152</v>
      </c>
      <c r="AQ266">
        <f ca="1">ROUND(SQRT((VLOOKUP($A266,városok!$A$2:$C$346,2,0)-VLOOKUP(AQ$1,városok!$A$2:$C$346,2,0))^2+(VLOOKUP($A266,városok!$A$2:$C$346,3,0)-VLOOKUP(AQ$1,városok!$A$2:$C$346,3,0))^2)/1000,0)</f>
        <v>147</v>
      </c>
      <c r="AR266">
        <f ca="1">ROUND(SQRT((VLOOKUP($A266,városok!$A$2:$C$346,2,0)-VLOOKUP(AR$1,városok!$A$2:$C$346,2,0))^2+(VLOOKUP($A266,városok!$A$2:$C$346,3,0)-VLOOKUP(AR$1,városok!$A$2:$C$346,3,0))^2)/1000,0)</f>
        <v>237</v>
      </c>
      <c r="AS266">
        <f ca="1">ROUND(SQRT((VLOOKUP($A266,városok!$A$2:$C$346,2,0)-VLOOKUP(AS$1,városok!$A$2:$C$346,2,0))^2+(VLOOKUP($A266,városok!$A$2:$C$346,3,0)-VLOOKUP(AS$1,városok!$A$2:$C$346,3,0))^2)/1000,0)</f>
        <v>258</v>
      </c>
      <c r="AT266">
        <f ca="1">ROUND(SQRT((VLOOKUP($A266,városok!$A$2:$C$346,2,0)-VLOOKUP(AT$1,városok!$A$2:$C$346,2,0))^2+(VLOOKUP($A266,városok!$A$2:$C$346,3,0)-VLOOKUP(AT$1,városok!$A$2:$C$346,3,0))^2)/1000,0)</f>
        <v>156</v>
      </c>
      <c r="AU266">
        <f ca="1">ROUND(SQRT((VLOOKUP($A266,városok!$A$2:$C$346,2,0)-VLOOKUP(AU$1,városok!$A$2:$C$346,2,0))^2+(VLOOKUP($A266,városok!$A$2:$C$346,3,0)-VLOOKUP(AU$1,városok!$A$2:$C$346,3,0))^2)/1000,0)</f>
        <v>162</v>
      </c>
      <c r="AV266">
        <f ca="1">ROUND(SQRT((VLOOKUP($A266,városok!$A$2:$C$346,2,0)-VLOOKUP(AV$1,városok!$A$2:$C$346,2,0))^2+(VLOOKUP($A266,városok!$A$2:$C$346,3,0)-VLOOKUP(AV$1,városok!$A$2:$C$346,3,0))^2)/1000,0)</f>
        <v>157</v>
      </c>
      <c r="AW266">
        <f ca="1">ROUND(SQRT((VLOOKUP($A266,városok!$A$2:$C$346,2,0)-VLOOKUP(AW$1,városok!$A$2:$C$346,2,0))^2+(VLOOKUP($A266,városok!$A$2:$C$346,3,0)-VLOOKUP(AW$1,városok!$A$2:$C$346,3,0))^2)/1000,0)</f>
        <v>154</v>
      </c>
      <c r="AX266">
        <f ca="1">ROUND(SQRT((VLOOKUP($A266,városok!$A$2:$C$346,2,0)-VLOOKUP(AX$1,városok!$A$2:$C$346,2,0))^2+(VLOOKUP($A266,városok!$A$2:$C$346,3,0)-VLOOKUP(AX$1,városok!$A$2:$C$346,3,0))^2)/1000,0)</f>
        <v>187</v>
      </c>
      <c r="AY266">
        <f ca="1">ROUND(SQRT((VLOOKUP($A266,városok!$A$2:$C$346,2,0)-VLOOKUP(AY$1,városok!$A$2:$C$346,2,0))^2+(VLOOKUP($A266,városok!$A$2:$C$346,3,0)-VLOOKUP(AY$1,városok!$A$2:$C$346,3,0))^2)/1000,0)</f>
        <v>186</v>
      </c>
      <c r="AZ266">
        <f ca="1">ROUND(SQRT((VLOOKUP($A266,városok!$A$2:$C$346,2,0)-VLOOKUP(AZ$1,városok!$A$2:$C$346,2,0))^2+(VLOOKUP($A266,városok!$A$2:$C$346,3,0)-VLOOKUP(AZ$1,városok!$A$2:$C$346,3,0))^2)/1000,0)</f>
        <v>190</v>
      </c>
      <c r="BA266">
        <f ca="1">ROUND(SQRT((VLOOKUP($A266,városok!$A$2:$C$346,2,0)-VLOOKUP(BA$1,városok!$A$2:$C$346,2,0))^2+(VLOOKUP($A266,városok!$A$2:$C$346,3,0)-VLOOKUP(BA$1,városok!$A$2:$C$346,3,0))^2)/1000,0)</f>
        <v>45</v>
      </c>
      <c r="BB266">
        <f ca="1">ROUND(SQRT((VLOOKUP($A266,városok!$A$2:$C$346,2,0)-VLOOKUP(BB$1,városok!$A$2:$C$346,2,0))^2+(VLOOKUP($A266,városok!$A$2:$C$346,3,0)-VLOOKUP(BB$1,városok!$A$2:$C$346,3,0))^2)/1000,0)</f>
        <v>37</v>
      </c>
      <c r="BC266">
        <f ca="1">ROUND(SQRT((VLOOKUP($A266,városok!$A$2:$C$346,2,0)-VLOOKUP(BC$1,városok!$A$2:$C$346,2,0))^2+(VLOOKUP($A266,városok!$A$2:$C$346,3,0)-VLOOKUP(BC$1,városok!$A$2:$C$346,3,0))^2)/1000,0)</f>
        <v>22</v>
      </c>
      <c r="BD266">
        <f ca="1">ROUND(SQRT((VLOOKUP($A266,városok!$A$2:$C$346,2,0)-VLOOKUP(BD$1,városok!$A$2:$C$346,2,0))^2+(VLOOKUP($A266,városok!$A$2:$C$346,3,0)-VLOOKUP(BD$1,városok!$A$2:$C$346,3,0))^2)/1000,0)</f>
        <v>71</v>
      </c>
      <c r="BE266">
        <f ca="1">ROUND(SQRT((VLOOKUP($A266,városok!$A$2:$C$346,2,0)-VLOOKUP(BE$1,városok!$A$2:$C$346,2,0))^2+(VLOOKUP($A266,városok!$A$2:$C$346,3,0)-VLOOKUP(BE$1,városok!$A$2:$C$346,3,0))^2)/1000,0)</f>
        <v>423</v>
      </c>
      <c r="BF266">
        <f ca="1">ROUND(SQRT((VLOOKUP($A266,városok!$A$2:$C$346,2,0)-VLOOKUP(BF$1,városok!$A$2:$C$346,2,0))^2+(VLOOKUP($A266,városok!$A$2:$C$346,3,0)-VLOOKUP(BF$1,városok!$A$2:$C$346,3,0))^2)/1000,0)</f>
        <v>400</v>
      </c>
      <c r="BG266">
        <f ca="1">ROUND(SQRT((VLOOKUP($A266,városok!$A$2:$C$346,2,0)-VLOOKUP(BG$1,városok!$A$2:$C$346,2,0))^2+(VLOOKUP($A266,városok!$A$2:$C$346,3,0)-VLOOKUP(BG$1,városok!$A$2:$C$346,3,0))^2)/1000,0)</f>
        <v>356</v>
      </c>
      <c r="BH266">
        <f ca="1">ROUND(SQRT((VLOOKUP($A266,városok!$A$2:$C$346,2,0)-VLOOKUP(BH$1,városok!$A$2:$C$346,2,0))^2+(VLOOKUP($A266,városok!$A$2:$C$346,3,0)-VLOOKUP(BH$1,városok!$A$2:$C$346,3,0))^2)/1000,0)</f>
        <v>356</v>
      </c>
      <c r="BI266">
        <f ca="1">ROUND(SQRT((VLOOKUP($A266,városok!$A$2:$C$346,2,0)-VLOOKUP(BI$1,városok!$A$2:$C$346,2,0))^2+(VLOOKUP($A266,városok!$A$2:$C$346,3,0)-VLOOKUP(BI$1,városok!$A$2:$C$346,3,0))^2)/1000,0)</f>
        <v>85</v>
      </c>
      <c r="BJ266">
        <f ca="1">ROUND(SQRT((VLOOKUP($A266,városok!$A$2:$C$346,2,0)-VLOOKUP(BJ$1,városok!$A$2:$C$346,2,0))^2+(VLOOKUP($A266,városok!$A$2:$C$346,3,0)-VLOOKUP(BJ$1,városok!$A$2:$C$346,3,0))^2)/1000,0)</f>
        <v>74</v>
      </c>
      <c r="BK266">
        <f ca="1">ROUND(SQRT((VLOOKUP($A266,városok!$A$2:$C$346,2,0)-VLOOKUP(BK$1,városok!$A$2:$C$346,2,0))^2+(VLOOKUP($A266,városok!$A$2:$C$346,3,0)-VLOOKUP(BK$1,városok!$A$2:$C$346,3,0))^2)/1000,0)</f>
        <v>92</v>
      </c>
      <c r="BL266">
        <f ca="1">ROUND(SQRT((VLOOKUP($A266,városok!$A$2:$C$346,2,0)-VLOOKUP(BL$1,városok!$A$2:$C$346,2,0))^2+(VLOOKUP($A266,városok!$A$2:$C$346,3,0)-VLOOKUP(BL$1,városok!$A$2:$C$346,3,0))^2)/1000,0)</f>
        <v>98</v>
      </c>
      <c r="BM266">
        <f ca="1">ROUND(SQRT((VLOOKUP($A266,városok!$A$2:$C$346,2,0)-VLOOKUP(BM$1,városok!$A$2:$C$346,2,0))^2+(VLOOKUP($A266,városok!$A$2:$C$346,3,0)-VLOOKUP(BM$1,városok!$A$2:$C$346,3,0))^2)/1000,0)</f>
        <v>105</v>
      </c>
      <c r="BN266">
        <f ca="1">ROUND(SQRT((VLOOKUP($A266,városok!$A$2:$C$346,2,0)-VLOOKUP(BN$1,városok!$A$2:$C$346,2,0))^2+(VLOOKUP($A266,városok!$A$2:$C$346,3,0)-VLOOKUP(BN$1,városok!$A$2:$C$346,3,0))^2)/1000,0)</f>
        <v>115</v>
      </c>
      <c r="BO266">
        <f ca="1">ROUND(SQRT((VLOOKUP($A266,városok!$A$2:$C$346,2,0)-VLOOKUP(BO$1,városok!$A$2:$C$346,2,0))^2+(VLOOKUP($A266,városok!$A$2:$C$346,3,0)-VLOOKUP(BO$1,városok!$A$2:$C$346,3,0))^2)/1000,0)</f>
        <v>81</v>
      </c>
      <c r="BP266">
        <f ca="1">ROUND(SQRT((VLOOKUP($A266,városok!$A$2:$C$346,2,0)-VLOOKUP(BP$1,városok!$A$2:$C$346,2,0))^2+(VLOOKUP($A266,városok!$A$2:$C$346,3,0)-VLOOKUP(BP$1,városok!$A$2:$C$346,3,0))^2)/1000,0)</f>
        <v>85</v>
      </c>
      <c r="BQ266">
        <f ca="1">ROUND(SQRT((VLOOKUP($A266,városok!$A$2:$C$346,2,0)-VLOOKUP(BQ$1,városok!$A$2:$C$346,2,0))^2+(VLOOKUP($A266,városok!$A$2:$C$346,3,0)-VLOOKUP(BQ$1,városok!$A$2:$C$346,3,0))^2)/1000,0)</f>
        <v>83</v>
      </c>
      <c r="BR266">
        <f ca="1">ROUND(SQRT((VLOOKUP($A266,városok!$A$2:$C$346,2,0)-VLOOKUP(BR$1,városok!$A$2:$C$346,2,0))^2+(VLOOKUP($A266,városok!$A$2:$C$346,3,0)-VLOOKUP(BR$1,városok!$A$2:$C$346,3,0))^2)/1000,0)</f>
        <v>46</v>
      </c>
      <c r="BS266">
        <f ca="1">ROUND(SQRT((VLOOKUP($A266,városok!$A$2:$C$346,2,0)-VLOOKUP(BS$1,városok!$A$2:$C$346,2,0))^2+(VLOOKUP($A266,városok!$A$2:$C$346,3,0)-VLOOKUP(BS$1,városok!$A$2:$C$346,3,0))^2)/1000,0)</f>
        <v>40</v>
      </c>
      <c r="BT266">
        <f ca="1">ROUND(SQRT((VLOOKUP($A266,városok!$A$2:$C$346,2,0)-VLOOKUP(BT$1,városok!$A$2:$C$346,2,0))^2+(VLOOKUP($A266,városok!$A$2:$C$346,3,0)-VLOOKUP(BT$1,városok!$A$2:$C$346,3,0))^2)/1000,0)</f>
        <v>71</v>
      </c>
    </row>
    <row r="267" spans="1:72" x14ac:dyDescent="0.2">
      <c r="A267" t="str">
        <f>városok!A267</f>
        <v>Siófok</v>
      </c>
      <c r="B267">
        <f ca="1">ROUND(SQRT((VLOOKUP($A267,városok!$A$2:$C$346,2,0)-VLOOKUP(B$1,városok!$A$2:$C$346,2,0))^2+(VLOOKUP($A267,városok!$A$2:$C$346,3,0)-VLOOKUP(B$1,városok!$A$2:$C$346,3,0))^2)/1000,0)</f>
        <v>106</v>
      </c>
      <c r="C267">
        <f ca="1">ROUND(SQRT((VLOOKUP($A267,városok!$A$2:$C$346,2,0)-VLOOKUP(C$1,városok!$A$2:$C$346,2,0))^2+(VLOOKUP($A267,városok!$A$2:$C$346,3,0)-VLOOKUP(C$1,városok!$A$2:$C$346,3,0))^2)/1000,0)</f>
        <v>82</v>
      </c>
      <c r="D267">
        <f ca="1">ROUND(SQRT((VLOOKUP($A267,városok!$A$2:$C$346,2,0)-VLOOKUP(D$1,városok!$A$2:$C$346,2,0))^2+(VLOOKUP($A267,városok!$A$2:$C$346,3,0)-VLOOKUP(D$1,városok!$A$2:$C$346,3,0))^2)/1000,0)</f>
        <v>124</v>
      </c>
      <c r="E267">
        <f ca="1">ROUND(SQRT((VLOOKUP($A267,városok!$A$2:$C$346,2,0)-VLOOKUP(E$1,városok!$A$2:$C$346,2,0))^2+(VLOOKUP($A267,városok!$A$2:$C$346,3,0)-VLOOKUP(E$1,városok!$A$2:$C$346,3,0))^2)/1000,0)</f>
        <v>81</v>
      </c>
      <c r="F267">
        <f ca="1">ROUND(SQRT((VLOOKUP($A267,városok!$A$2:$C$346,2,0)-VLOOKUP(F$1,városok!$A$2:$C$346,2,0))^2+(VLOOKUP($A267,városok!$A$2:$C$346,3,0)-VLOOKUP(F$1,városok!$A$2:$C$346,3,0))^2)/1000,0)</f>
        <v>113</v>
      </c>
      <c r="G267">
        <f ca="1">ROUND(SQRT((VLOOKUP($A267,városok!$A$2:$C$346,2,0)-VLOOKUP(G$1,városok!$A$2:$C$346,2,0))^2+(VLOOKUP($A267,városok!$A$2:$C$346,3,0)-VLOOKUP(G$1,városok!$A$2:$C$346,3,0))^2)/1000,0)</f>
        <v>93</v>
      </c>
      <c r="H267">
        <f ca="1">ROUND(SQRT((VLOOKUP($A267,városok!$A$2:$C$346,2,0)-VLOOKUP(H$1,városok!$A$2:$C$346,2,0))^2+(VLOOKUP($A267,városok!$A$2:$C$346,3,0)-VLOOKUP(H$1,városok!$A$2:$C$346,3,0))^2)/1000,0)</f>
        <v>98</v>
      </c>
      <c r="I267">
        <f ca="1">ROUND(SQRT((VLOOKUP($A267,városok!$A$2:$C$346,2,0)-VLOOKUP(I$1,városok!$A$2:$C$346,2,0))^2+(VLOOKUP($A267,városok!$A$2:$C$346,3,0)-VLOOKUP(I$1,városok!$A$2:$C$346,3,0))^2)/1000,0)</f>
        <v>232</v>
      </c>
      <c r="J267">
        <f ca="1">ROUND(SQRT((VLOOKUP($A267,városok!$A$2:$C$346,2,0)-VLOOKUP(J$1,városok!$A$2:$C$346,2,0))^2+(VLOOKUP($A267,városok!$A$2:$C$346,3,0)-VLOOKUP(J$1,városok!$A$2:$C$346,3,0))^2)/1000,0)</f>
        <v>247</v>
      </c>
      <c r="K267">
        <f ca="1">ROUND(SQRT((VLOOKUP($A267,városok!$A$2:$C$346,2,0)-VLOOKUP(K$1,városok!$A$2:$C$346,2,0))^2+(VLOOKUP($A267,városok!$A$2:$C$346,3,0)-VLOOKUP(K$1,városok!$A$2:$C$346,3,0))^2)/1000,0)</f>
        <v>203</v>
      </c>
      <c r="L267">
        <f ca="1">ROUND(SQRT((VLOOKUP($A267,városok!$A$2:$C$346,2,0)-VLOOKUP(L$1,városok!$A$2:$C$346,2,0))^2+(VLOOKUP($A267,városok!$A$2:$C$346,3,0)-VLOOKUP(L$1,városok!$A$2:$C$346,3,0))^2)/1000,0)</f>
        <v>244</v>
      </c>
      <c r="M267">
        <f ca="1">ROUND(SQRT((VLOOKUP($A267,városok!$A$2:$C$346,2,0)-VLOOKUP(M$1,városok!$A$2:$C$346,2,0))^2+(VLOOKUP($A267,városok!$A$2:$C$346,3,0)-VLOOKUP(M$1,városok!$A$2:$C$346,3,0))^2)/1000,0)</f>
        <v>245</v>
      </c>
      <c r="N267">
        <f ca="1">ROUND(SQRT((VLOOKUP($A267,városok!$A$2:$C$346,2,0)-VLOOKUP(N$1,városok!$A$2:$C$346,2,0))^2+(VLOOKUP($A267,városok!$A$2:$C$346,3,0)-VLOOKUP(N$1,városok!$A$2:$C$346,3,0))^2)/1000,0)</f>
        <v>222</v>
      </c>
      <c r="O267">
        <f ca="1">ROUND(SQRT((VLOOKUP($A267,városok!$A$2:$C$346,2,0)-VLOOKUP(O$1,városok!$A$2:$C$346,2,0))^2+(VLOOKUP($A267,városok!$A$2:$C$346,3,0)-VLOOKUP(O$1,városok!$A$2:$C$346,3,0))^2)/1000,0)</f>
        <v>316</v>
      </c>
      <c r="P267">
        <f ca="1">ROUND(SQRT((VLOOKUP($A267,városok!$A$2:$C$346,2,0)-VLOOKUP(P$1,városok!$A$2:$C$346,2,0))^2+(VLOOKUP($A267,városok!$A$2:$C$346,3,0)-VLOOKUP(P$1,városok!$A$2:$C$346,3,0))^2)/1000,0)</f>
        <v>316</v>
      </c>
      <c r="Q267">
        <f ca="1">ROUND(SQRT((VLOOKUP($A267,városok!$A$2:$C$346,2,0)-VLOOKUP(Q$1,városok!$A$2:$C$346,2,0))^2+(VLOOKUP($A267,városok!$A$2:$C$346,3,0)-VLOOKUP(Q$1,városok!$A$2:$C$346,3,0))^2)/1000,0)</f>
        <v>181</v>
      </c>
      <c r="R267">
        <f ca="1">ROUND(SQRT((VLOOKUP($A267,városok!$A$2:$C$346,2,0)-VLOOKUP(R$1,városok!$A$2:$C$346,2,0))^2+(VLOOKUP($A267,városok!$A$2:$C$346,3,0)-VLOOKUP(R$1,városok!$A$2:$C$346,3,0))^2)/1000,0)</f>
        <v>200</v>
      </c>
      <c r="S267">
        <f ca="1">ROUND(SQRT((VLOOKUP($A267,városok!$A$2:$C$346,2,0)-VLOOKUP(S$1,városok!$A$2:$C$346,2,0))^2+(VLOOKUP($A267,városok!$A$2:$C$346,3,0)-VLOOKUP(S$1,városok!$A$2:$C$346,3,0))^2)/1000,0)</f>
        <v>177</v>
      </c>
      <c r="T267">
        <f ca="1">ROUND(SQRT((VLOOKUP($A267,városok!$A$2:$C$346,2,0)-VLOOKUP(T$1,városok!$A$2:$C$346,2,0))^2+(VLOOKUP($A267,városok!$A$2:$C$346,3,0)-VLOOKUP(T$1,városok!$A$2:$C$346,3,0))^2)/1000,0)</f>
        <v>78</v>
      </c>
      <c r="U267">
        <f ca="1">ROUND(SQRT((VLOOKUP($A267,városok!$A$2:$C$346,2,0)-VLOOKUP(U$1,városok!$A$2:$C$346,2,0))^2+(VLOOKUP($A267,városok!$A$2:$C$346,3,0)-VLOOKUP(U$1,városok!$A$2:$C$346,3,0))^2)/1000,0)</f>
        <v>66</v>
      </c>
      <c r="V267">
        <f ca="1">ROUND(SQRT((VLOOKUP($A267,városok!$A$2:$C$346,2,0)-VLOOKUP(V$1,városok!$A$2:$C$346,2,0))^2+(VLOOKUP($A267,városok!$A$2:$C$346,3,0)-VLOOKUP(V$1,városok!$A$2:$C$346,3,0))^2)/1000,0)</f>
        <v>25</v>
      </c>
      <c r="W267">
        <f ca="1">ROUND(SQRT((VLOOKUP($A267,városok!$A$2:$C$346,2,0)-VLOOKUP(W$1,városok!$A$2:$C$346,2,0))^2+(VLOOKUP($A267,városok!$A$2:$C$346,3,0)-VLOOKUP(W$1,városok!$A$2:$C$346,3,0))^2)/1000,0)</f>
        <v>42</v>
      </c>
      <c r="X267">
        <f ca="1">ROUND(SQRT((VLOOKUP($A267,városok!$A$2:$C$346,2,0)-VLOOKUP(X$1,városok!$A$2:$C$346,2,0))^2+(VLOOKUP($A267,városok!$A$2:$C$346,3,0)-VLOOKUP(X$1,városok!$A$2:$C$346,3,0))^2)/1000,0)</f>
        <v>47</v>
      </c>
      <c r="Y267">
        <f ca="1">ROUND(SQRT((VLOOKUP($A267,városok!$A$2:$C$346,2,0)-VLOOKUP(Y$1,városok!$A$2:$C$346,2,0))^2+(VLOOKUP($A267,városok!$A$2:$C$346,3,0)-VLOOKUP(Y$1,városok!$A$2:$C$346,3,0))^2)/1000,0)</f>
        <v>93</v>
      </c>
      <c r="Z267">
        <f ca="1">ROUND(SQRT((VLOOKUP($A267,városok!$A$2:$C$346,2,0)-VLOOKUP(Z$1,városok!$A$2:$C$346,2,0))^2+(VLOOKUP($A267,városok!$A$2:$C$346,3,0)-VLOOKUP(Z$1,városok!$A$2:$C$346,3,0))^2)/1000,0)</f>
        <v>105</v>
      </c>
      <c r="AA267">
        <f ca="1">ROUND(SQRT((VLOOKUP($A267,városok!$A$2:$C$346,2,0)-VLOOKUP(AA$1,városok!$A$2:$C$346,2,0))^2+(VLOOKUP($A267,városok!$A$2:$C$346,3,0)-VLOOKUP(AA$1,városok!$A$2:$C$346,3,0))^2)/1000,0)</f>
        <v>141</v>
      </c>
      <c r="AB267">
        <f ca="1">ROUND(SQRT((VLOOKUP($A267,városok!$A$2:$C$346,2,0)-VLOOKUP(AB$1,városok!$A$2:$C$346,2,0))^2+(VLOOKUP($A267,városok!$A$2:$C$346,3,0)-VLOOKUP(AB$1,városok!$A$2:$C$346,3,0))^2)/1000,0)</f>
        <v>279</v>
      </c>
      <c r="AC267">
        <f ca="1">ROUND(SQRT((VLOOKUP($A267,városok!$A$2:$C$346,2,0)-VLOOKUP(AC$1,városok!$A$2:$C$346,2,0))^2+(VLOOKUP($A267,városok!$A$2:$C$346,3,0)-VLOOKUP(AC$1,városok!$A$2:$C$346,3,0))^2)/1000,0)</f>
        <v>259</v>
      </c>
      <c r="AD267">
        <f ca="1">ROUND(SQRT((VLOOKUP($A267,városok!$A$2:$C$346,2,0)-VLOOKUP(AD$1,városok!$A$2:$C$346,2,0))^2+(VLOOKUP($A267,városok!$A$2:$C$346,3,0)-VLOOKUP(AD$1,városok!$A$2:$C$346,3,0))^2)/1000,0)</f>
        <v>242</v>
      </c>
      <c r="AE267">
        <f ca="1">ROUND(SQRT((VLOOKUP($A267,városok!$A$2:$C$346,2,0)-VLOOKUP(AE$1,városok!$A$2:$C$346,2,0))^2+(VLOOKUP($A267,városok!$A$2:$C$346,3,0)-VLOOKUP(AE$1,városok!$A$2:$C$346,3,0))^2)/1000,0)</f>
        <v>239</v>
      </c>
      <c r="AF267">
        <f ca="1">ROUND(SQRT((VLOOKUP($A267,városok!$A$2:$C$346,2,0)-VLOOKUP(AF$1,városok!$A$2:$C$346,2,0))^2+(VLOOKUP($A267,városok!$A$2:$C$346,3,0)-VLOOKUP(AF$1,városok!$A$2:$C$346,3,0))^2)/1000,0)</f>
        <v>206</v>
      </c>
      <c r="AG267">
        <f ca="1">ROUND(SQRT((VLOOKUP($A267,városok!$A$2:$C$346,2,0)-VLOOKUP(AG$1,városok!$A$2:$C$346,2,0))^2+(VLOOKUP($A267,városok!$A$2:$C$346,3,0)-VLOOKUP(AG$1,városok!$A$2:$C$346,3,0))^2)/1000,0)</f>
        <v>171</v>
      </c>
      <c r="AH267">
        <f ca="1">ROUND(SQRT((VLOOKUP($A267,városok!$A$2:$C$346,2,0)-VLOOKUP(AH$1,városok!$A$2:$C$346,2,0))^2+(VLOOKUP($A267,városok!$A$2:$C$346,3,0)-VLOOKUP(AH$1,városok!$A$2:$C$346,3,0))^2)/1000,0)</f>
        <v>148</v>
      </c>
      <c r="AI267">
        <f ca="1">ROUND(SQRT((VLOOKUP($A267,városok!$A$2:$C$346,2,0)-VLOOKUP(AI$1,városok!$A$2:$C$346,2,0))^2+(VLOOKUP($A267,városok!$A$2:$C$346,3,0)-VLOOKUP(AI$1,városok!$A$2:$C$346,3,0))^2)/1000,0)</f>
        <v>197</v>
      </c>
      <c r="AJ267">
        <f ca="1">ROUND(SQRT((VLOOKUP($A267,városok!$A$2:$C$346,2,0)-VLOOKUP(AJ$1,városok!$A$2:$C$346,2,0))^2+(VLOOKUP($A267,városok!$A$2:$C$346,3,0)-VLOOKUP(AJ$1,városok!$A$2:$C$346,3,0))^2)/1000,0)</f>
        <v>166</v>
      </c>
      <c r="AK267">
        <f ca="1">ROUND(SQRT((VLOOKUP($A267,városok!$A$2:$C$346,2,0)-VLOOKUP(AK$1,városok!$A$2:$C$346,2,0))^2+(VLOOKUP($A267,városok!$A$2:$C$346,3,0)-VLOOKUP(AK$1,városok!$A$2:$C$346,3,0))^2)/1000,0)</f>
        <v>225</v>
      </c>
      <c r="AL267">
        <f ca="1">ROUND(SQRT((VLOOKUP($A267,városok!$A$2:$C$346,2,0)-VLOOKUP(AL$1,városok!$A$2:$C$346,2,0))^2+(VLOOKUP($A267,városok!$A$2:$C$346,3,0)-VLOOKUP(AL$1,városok!$A$2:$C$346,3,0))^2)/1000,0)</f>
        <v>201</v>
      </c>
      <c r="AM267">
        <f ca="1">ROUND(SQRT((VLOOKUP($A267,városok!$A$2:$C$346,2,0)-VLOOKUP(AM$1,városok!$A$2:$C$346,2,0))^2+(VLOOKUP($A267,városok!$A$2:$C$346,3,0)-VLOOKUP(AM$1,városok!$A$2:$C$346,3,0))^2)/1000,0)</f>
        <v>164</v>
      </c>
      <c r="AN267">
        <f ca="1">ROUND(SQRT((VLOOKUP($A267,városok!$A$2:$C$346,2,0)-VLOOKUP(AN$1,városok!$A$2:$C$346,2,0))^2+(VLOOKUP($A267,városok!$A$2:$C$346,3,0)-VLOOKUP(AN$1,városok!$A$2:$C$346,3,0))^2)/1000,0)</f>
        <v>111</v>
      </c>
      <c r="AO267">
        <f ca="1">ROUND(SQRT((VLOOKUP($A267,városok!$A$2:$C$346,2,0)-VLOOKUP(AO$1,városok!$A$2:$C$346,2,0))^2+(VLOOKUP($A267,városok!$A$2:$C$346,3,0)-VLOOKUP(AO$1,városok!$A$2:$C$346,3,0))^2)/1000,0)</f>
        <v>93</v>
      </c>
      <c r="AP267">
        <f ca="1">ROUND(SQRT((VLOOKUP($A267,városok!$A$2:$C$346,2,0)-VLOOKUP(AP$1,városok!$A$2:$C$346,2,0))^2+(VLOOKUP($A267,városok!$A$2:$C$346,3,0)-VLOOKUP(AP$1,városok!$A$2:$C$346,3,0))^2)/1000,0)</f>
        <v>84</v>
      </c>
      <c r="AQ267">
        <f ca="1">ROUND(SQRT((VLOOKUP($A267,városok!$A$2:$C$346,2,0)-VLOOKUP(AQ$1,városok!$A$2:$C$346,2,0))^2+(VLOOKUP($A267,városok!$A$2:$C$346,3,0)-VLOOKUP(AQ$1,városok!$A$2:$C$346,3,0))^2)/1000,0)</f>
        <v>78</v>
      </c>
      <c r="AR267">
        <f ca="1">ROUND(SQRT((VLOOKUP($A267,városok!$A$2:$C$346,2,0)-VLOOKUP(AR$1,városok!$A$2:$C$346,2,0))^2+(VLOOKUP($A267,városok!$A$2:$C$346,3,0)-VLOOKUP(AR$1,városok!$A$2:$C$346,3,0))^2)/1000,0)</f>
        <v>167</v>
      </c>
      <c r="AS267">
        <f ca="1">ROUND(SQRT((VLOOKUP($A267,városok!$A$2:$C$346,2,0)-VLOOKUP(AS$1,városok!$A$2:$C$346,2,0))^2+(VLOOKUP($A267,városok!$A$2:$C$346,3,0)-VLOOKUP(AS$1,városok!$A$2:$C$346,3,0))^2)/1000,0)</f>
        <v>188</v>
      </c>
      <c r="AT267">
        <f ca="1">ROUND(SQRT((VLOOKUP($A267,városok!$A$2:$C$346,2,0)-VLOOKUP(AT$1,városok!$A$2:$C$346,2,0))^2+(VLOOKUP($A267,városok!$A$2:$C$346,3,0)-VLOOKUP(AT$1,városok!$A$2:$C$346,3,0))^2)/1000,0)</f>
        <v>85</v>
      </c>
      <c r="AU267">
        <f ca="1">ROUND(SQRT((VLOOKUP($A267,városok!$A$2:$C$346,2,0)-VLOOKUP(AU$1,városok!$A$2:$C$346,2,0))^2+(VLOOKUP($A267,városok!$A$2:$C$346,3,0)-VLOOKUP(AU$1,városok!$A$2:$C$346,3,0))^2)/1000,0)</f>
        <v>91</v>
      </c>
      <c r="AV267">
        <f ca="1">ROUND(SQRT((VLOOKUP($A267,városok!$A$2:$C$346,2,0)-VLOOKUP(AV$1,városok!$A$2:$C$346,2,0))^2+(VLOOKUP($A267,városok!$A$2:$C$346,3,0)-VLOOKUP(AV$1,városok!$A$2:$C$346,3,0))^2)/1000,0)</f>
        <v>87</v>
      </c>
      <c r="AW267">
        <f ca="1">ROUND(SQRT((VLOOKUP($A267,városok!$A$2:$C$346,2,0)-VLOOKUP(AW$1,városok!$A$2:$C$346,2,0))^2+(VLOOKUP($A267,városok!$A$2:$C$346,3,0)-VLOOKUP(AW$1,városok!$A$2:$C$346,3,0))^2)/1000,0)</f>
        <v>84</v>
      </c>
      <c r="AX267">
        <f ca="1">ROUND(SQRT((VLOOKUP($A267,városok!$A$2:$C$346,2,0)-VLOOKUP(AX$1,városok!$A$2:$C$346,2,0))^2+(VLOOKUP($A267,városok!$A$2:$C$346,3,0)-VLOOKUP(AX$1,városok!$A$2:$C$346,3,0))^2)/1000,0)</f>
        <v>131</v>
      </c>
      <c r="AY267">
        <f ca="1">ROUND(SQRT((VLOOKUP($A267,városok!$A$2:$C$346,2,0)-VLOOKUP(AY$1,városok!$A$2:$C$346,2,0))^2+(VLOOKUP($A267,városok!$A$2:$C$346,3,0)-VLOOKUP(AY$1,városok!$A$2:$C$346,3,0))^2)/1000,0)</f>
        <v>114</v>
      </c>
      <c r="AZ267">
        <f ca="1">ROUND(SQRT((VLOOKUP($A267,városok!$A$2:$C$346,2,0)-VLOOKUP(AZ$1,városok!$A$2:$C$346,2,0))^2+(VLOOKUP($A267,városok!$A$2:$C$346,3,0)-VLOOKUP(AZ$1,városok!$A$2:$C$346,3,0))^2)/1000,0)</f>
        <v>119</v>
      </c>
      <c r="BA267">
        <f ca="1">ROUND(SQRT((VLOOKUP($A267,városok!$A$2:$C$346,2,0)-VLOOKUP(BA$1,városok!$A$2:$C$346,2,0))^2+(VLOOKUP($A267,városok!$A$2:$C$346,3,0)-VLOOKUP(BA$1,városok!$A$2:$C$346,3,0))^2)/1000,0)</f>
        <v>31</v>
      </c>
      <c r="BB267">
        <f ca="1">ROUND(SQRT((VLOOKUP($A267,városok!$A$2:$C$346,2,0)-VLOOKUP(BB$1,városok!$A$2:$C$346,2,0))^2+(VLOOKUP($A267,városok!$A$2:$C$346,3,0)-VLOOKUP(BB$1,városok!$A$2:$C$346,3,0))^2)/1000,0)</f>
        <v>42</v>
      </c>
      <c r="BC267">
        <f ca="1">ROUND(SQRT((VLOOKUP($A267,városok!$A$2:$C$346,2,0)-VLOOKUP(BC$1,városok!$A$2:$C$346,2,0))^2+(VLOOKUP($A267,városok!$A$2:$C$346,3,0)-VLOOKUP(BC$1,városok!$A$2:$C$346,3,0))^2)/1000,0)</f>
        <v>65</v>
      </c>
      <c r="BD267">
        <f ca="1">ROUND(SQRT((VLOOKUP($A267,városok!$A$2:$C$346,2,0)-VLOOKUP(BD$1,városok!$A$2:$C$346,2,0))^2+(VLOOKUP($A267,városok!$A$2:$C$346,3,0)-VLOOKUP(BD$1,városok!$A$2:$C$346,3,0))^2)/1000,0)</f>
        <v>0</v>
      </c>
      <c r="BE267">
        <f ca="1">ROUND(SQRT((VLOOKUP($A267,városok!$A$2:$C$346,2,0)-VLOOKUP(BE$1,városok!$A$2:$C$346,2,0))^2+(VLOOKUP($A267,városok!$A$2:$C$346,3,0)-VLOOKUP(BE$1,városok!$A$2:$C$346,3,0))^2)/1000,0)</f>
        <v>363</v>
      </c>
      <c r="BF267">
        <f ca="1">ROUND(SQRT((VLOOKUP($A267,városok!$A$2:$C$346,2,0)-VLOOKUP(BF$1,városok!$A$2:$C$346,2,0))^2+(VLOOKUP($A267,városok!$A$2:$C$346,3,0)-VLOOKUP(BF$1,városok!$A$2:$C$346,3,0))^2)/1000,0)</f>
        <v>335</v>
      </c>
      <c r="BG267">
        <f ca="1">ROUND(SQRT((VLOOKUP($A267,városok!$A$2:$C$346,2,0)-VLOOKUP(BG$1,városok!$A$2:$C$346,2,0))^2+(VLOOKUP($A267,városok!$A$2:$C$346,3,0)-VLOOKUP(BG$1,városok!$A$2:$C$346,3,0))^2)/1000,0)</f>
        <v>290</v>
      </c>
      <c r="BH267">
        <f ca="1">ROUND(SQRT((VLOOKUP($A267,városok!$A$2:$C$346,2,0)-VLOOKUP(BH$1,városok!$A$2:$C$346,2,0))^2+(VLOOKUP($A267,városok!$A$2:$C$346,3,0)-VLOOKUP(BH$1,városok!$A$2:$C$346,3,0))^2)/1000,0)</f>
        <v>289</v>
      </c>
      <c r="BI267">
        <f ca="1">ROUND(SQRT((VLOOKUP($A267,városok!$A$2:$C$346,2,0)-VLOOKUP(BI$1,városok!$A$2:$C$346,2,0))^2+(VLOOKUP($A267,városok!$A$2:$C$346,3,0)-VLOOKUP(BI$1,városok!$A$2:$C$346,3,0))^2)/1000,0)</f>
        <v>71</v>
      </c>
      <c r="BJ267">
        <f ca="1">ROUND(SQRT((VLOOKUP($A267,városok!$A$2:$C$346,2,0)-VLOOKUP(BJ$1,városok!$A$2:$C$346,2,0))^2+(VLOOKUP($A267,városok!$A$2:$C$346,3,0)-VLOOKUP(BJ$1,városok!$A$2:$C$346,3,0))^2)/1000,0)</f>
        <v>76</v>
      </c>
      <c r="BK267">
        <f ca="1">ROUND(SQRT((VLOOKUP($A267,városok!$A$2:$C$346,2,0)-VLOOKUP(BK$1,városok!$A$2:$C$346,2,0))^2+(VLOOKUP($A267,városok!$A$2:$C$346,3,0)-VLOOKUP(BK$1,városok!$A$2:$C$346,3,0))^2)/1000,0)</f>
        <v>79</v>
      </c>
      <c r="BL267">
        <f ca="1">ROUND(SQRT((VLOOKUP($A267,városok!$A$2:$C$346,2,0)-VLOOKUP(BL$1,városok!$A$2:$C$346,2,0))^2+(VLOOKUP($A267,városok!$A$2:$C$346,3,0)-VLOOKUP(BL$1,városok!$A$2:$C$346,3,0))^2)/1000,0)</f>
        <v>112</v>
      </c>
      <c r="BM267">
        <f ca="1">ROUND(SQRT((VLOOKUP($A267,városok!$A$2:$C$346,2,0)-VLOOKUP(BM$1,városok!$A$2:$C$346,2,0))^2+(VLOOKUP($A267,városok!$A$2:$C$346,3,0)-VLOOKUP(BM$1,városok!$A$2:$C$346,3,0))^2)/1000,0)</f>
        <v>94</v>
      </c>
      <c r="BN267">
        <f ca="1">ROUND(SQRT((VLOOKUP($A267,városok!$A$2:$C$346,2,0)-VLOOKUP(BN$1,városok!$A$2:$C$346,2,0))^2+(VLOOKUP($A267,városok!$A$2:$C$346,3,0)-VLOOKUP(BN$1,városok!$A$2:$C$346,3,0))^2)/1000,0)</f>
        <v>115</v>
      </c>
      <c r="BO267">
        <f ca="1">ROUND(SQRT((VLOOKUP($A267,városok!$A$2:$C$346,2,0)-VLOOKUP(BO$1,városok!$A$2:$C$346,2,0))^2+(VLOOKUP($A267,városok!$A$2:$C$346,3,0)-VLOOKUP(BO$1,városok!$A$2:$C$346,3,0))^2)/1000,0)</f>
        <v>14</v>
      </c>
      <c r="BP267">
        <f ca="1">ROUND(SQRT((VLOOKUP($A267,városok!$A$2:$C$346,2,0)-VLOOKUP(BP$1,városok!$A$2:$C$346,2,0))^2+(VLOOKUP($A267,városok!$A$2:$C$346,3,0)-VLOOKUP(BP$1,városok!$A$2:$C$346,3,0))^2)/1000,0)</f>
        <v>15</v>
      </c>
      <c r="BQ267">
        <f ca="1">ROUND(SQRT((VLOOKUP($A267,városok!$A$2:$C$346,2,0)-VLOOKUP(BQ$1,városok!$A$2:$C$346,2,0))^2+(VLOOKUP($A267,városok!$A$2:$C$346,3,0)-VLOOKUP(BQ$1,városok!$A$2:$C$346,3,0))^2)/1000,0)</f>
        <v>23</v>
      </c>
      <c r="BR267">
        <f ca="1">ROUND(SQRT((VLOOKUP($A267,városok!$A$2:$C$346,2,0)-VLOOKUP(BR$1,városok!$A$2:$C$346,2,0))^2+(VLOOKUP($A267,városok!$A$2:$C$346,3,0)-VLOOKUP(BR$1,városok!$A$2:$C$346,3,0))^2)/1000,0)</f>
        <v>64</v>
      </c>
      <c r="BS267">
        <f ca="1">ROUND(SQRT((VLOOKUP($A267,városok!$A$2:$C$346,2,0)-VLOOKUP(BS$1,városok!$A$2:$C$346,2,0))^2+(VLOOKUP($A267,városok!$A$2:$C$346,3,0)-VLOOKUP(BS$1,városok!$A$2:$C$346,3,0))^2)/1000,0)</f>
        <v>97</v>
      </c>
      <c r="BT267">
        <f ca="1">ROUND(SQRT((VLOOKUP($A267,városok!$A$2:$C$346,2,0)-VLOOKUP(BT$1,városok!$A$2:$C$346,2,0))^2+(VLOOKUP($A267,városok!$A$2:$C$346,3,0)-VLOOKUP(BT$1,városok!$A$2:$C$346,3,0))^2)/1000,0)</f>
        <v>94</v>
      </c>
    </row>
    <row r="268" spans="1:72" x14ac:dyDescent="0.2">
      <c r="A268" t="str">
        <f>városok!A268</f>
        <v>Tab</v>
      </c>
      <c r="B268">
        <f ca="1">ROUND(SQRT((VLOOKUP($A268,városok!$A$2:$C$346,2,0)-VLOOKUP(B$1,városok!$A$2:$C$346,2,0))^2+(VLOOKUP($A268,városok!$A$2:$C$346,3,0)-VLOOKUP(B$1,városok!$A$2:$C$346,3,0))^2)/1000,0)</f>
        <v>93</v>
      </c>
      <c r="C268">
        <f ca="1">ROUND(SQRT((VLOOKUP($A268,városok!$A$2:$C$346,2,0)-VLOOKUP(C$1,városok!$A$2:$C$346,2,0))^2+(VLOOKUP($A268,városok!$A$2:$C$346,3,0)-VLOOKUP(C$1,városok!$A$2:$C$346,3,0))^2)/1000,0)</f>
        <v>76</v>
      </c>
      <c r="D268">
        <f ca="1">ROUND(SQRT((VLOOKUP($A268,városok!$A$2:$C$346,2,0)-VLOOKUP(D$1,városok!$A$2:$C$346,2,0))^2+(VLOOKUP($A268,városok!$A$2:$C$346,3,0)-VLOOKUP(D$1,városok!$A$2:$C$346,3,0))^2)/1000,0)</f>
        <v>128</v>
      </c>
      <c r="E268">
        <f ca="1">ROUND(SQRT((VLOOKUP($A268,városok!$A$2:$C$346,2,0)-VLOOKUP(E$1,városok!$A$2:$C$346,2,0))^2+(VLOOKUP($A268,városok!$A$2:$C$346,3,0)-VLOOKUP(E$1,városok!$A$2:$C$346,3,0))^2)/1000,0)</f>
        <v>63</v>
      </c>
      <c r="F268">
        <f ca="1">ROUND(SQRT((VLOOKUP($A268,városok!$A$2:$C$346,2,0)-VLOOKUP(F$1,városok!$A$2:$C$346,2,0))^2+(VLOOKUP($A268,városok!$A$2:$C$346,3,0)-VLOOKUP(F$1,városok!$A$2:$C$346,3,0))^2)/1000,0)</f>
        <v>96</v>
      </c>
      <c r="G268">
        <f ca="1">ROUND(SQRT((VLOOKUP($A268,városok!$A$2:$C$346,2,0)-VLOOKUP(G$1,városok!$A$2:$C$346,2,0))^2+(VLOOKUP($A268,városok!$A$2:$C$346,3,0)-VLOOKUP(G$1,városok!$A$2:$C$346,3,0))^2)/1000,0)</f>
        <v>74</v>
      </c>
      <c r="H268">
        <f ca="1">ROUND(SQRT((VLOOKUP($A268,városok!$A$2:$C$346,2,0)-VLOOKUP(H$1,városok!$A$2:$C$346,2,0))^2+(VLOOKUP($A268,városok!$A$2:$C$346,3,0)-VLOOKUP(H$1,városok!$A$2:$C$346,3,0))^2)/1000,0)</f>
        <v>78</v>
      </c>
      <c r="I268">
        <f ca="1">ROUND(SQRT((VLOOKUP($A268,városok!$A$2:$C$346,2,0)-VLOOKUP(I$1,városok!$A$2:$C$346,2,0))^2+(VLOOKUP($A268,városok!$A$2:$C$346,3,0)-VLOOKUP(I$1,városok!$A$2:$C$346,3,0))^2)/1000,0)</f>
        <v>233</v>
      </c>
      <c r="J268">
        <f ca="1">ROUND(SQRT((VLOOKUP($A268,városok!$A$2:$C$346,2,0)-VLOOKUP(J$1,városok!$A$2:$C$346,2,0))^2+(VLOOKUP($A268,városok!$A$2:$C$346,3,0)-VLOOKUP(J$1,városok!$A$2:$C$346,3,0))^2)/1000,0)</f>
        <v>248</v>
      </c>
      <c r="K268">
        <f ca="1">ROUND(SQRT((VLOOKUP($A268,városok!$A$2:$C$346,2,0)-VLOOKUP(K$1,városok!$A$2:$C$346,2,0))^2+(VLOOKUP($A268,városok!$A$2:$C$346,3,0)-VLOOKUP(K$1,városok!$A$2:$C$346,3,0))^2)/1000,0)</f>
        <v>202</v>
      </c>
      <c r="L268">
        <f ca="1">ROUND(SQRT((VLOOKUP($A268,városok!$A$2:$C$346,2,0)-VLOOKUP(L$1,városok!$A$2:$C$346,2,0))^2+(VLOOKUP($A268,városok!$A$2:$C$346,3,0)-VLOOKUP(L$1,városok!$A$2:$C$346,3,0))^2)/1000,0)</f>
        <v>259</v>
      </c>
      <c r="M268">
        <f ca="1">ROUND(SQRT((VLOOKUP($A268,városok!$A$2:$C$346,2,0)-VLOOKUP(M$1,városok!$A$2:$C$346,2,0))^2+(VLOOKUP($A268,városok!$A$2:$C$346,3,0)-VLOOKUP(M$1,városok!$A$2:$C$346,3,0))^2)/1000,0)</f>
        <v>258</v>
      </c>
      <c r="N268">
        <f ca="1">ROUND(SQRT((VLOOKUP($A268,városok!$A$2:$C$346,2,0)-VLOOKUP(N$1,városok!$A$2:$C$346,2,0))^2+(VLOOKUP($A268,városok!$A$2:$C$346,3,0)-VLOOKUP(N$1,városok!$A$2:$C$346,3,0))^2)/1000,0)</f>
        <v>238</v>
      </c>
      <c r="O268">
        <f ca="1">ROUND(SQRT((VLOOKUP($A268,városok!$A$2:$C$346,2,0)-VLOOKUP(O$1,városok!$A$2:$C$346,2,0))^2+(VLOOKUP($A268,városok!$A$2:$C$346,3,0)-VLOOKUP(O$1,városok!$A$2:$C$346,3,0))^2)/1000,0)</f>
        <v>329</v>
      </c>
      <c r="P268">
        <f ca="1">ROUND(SQRT((VLOOKUP($A268,városok!$A$2:$C$346,2,0)-VLOOKUP(P$1,városok!$A$2:$C$346,2,0))^2+(VLOOKUP($A268,városok!$A$2:$C$346,3,0)-VLOOKUP(P$1,városok!$A$2:$C$346,3,0))^2)/1000,0)</f>
        <v>329</v>
      </c>
      <c r="Q268">
        <f ca="1">ROUND(SQRT((VLOOKUP($A268,városok!$A$2:$C$346,2,0)-VLOOKUP(Q$1,városok!$A$2:$C$346,2,0))^2+(VLOOKUP($A268,városok!$A$2:$C$346,3,0)-VLOOKUP(Q$1,városok!$A$2:$C$346,3,0))^2)/1000,0)</f>
        <v>179</v>
      </c>
      <c r="R268">
        <f ca="1">ROUND(SQRT((VLOOKUP($A268,városok!$A$2:$C$346,2,0)-VLOOKUP(R$1,városok!$A$2:$C$346,2,0))^2+(VLOOKUP($A268,városok!$A$2:$C$346,3,0)-VLOOKUP(R$1,városok!$A$2:$C$346,3,0))^2)/1000,0)</f>
        <v>196</v>
      </c>
      <c r="S268">
        <f ca="1">ROUND(SQRT((VLOOKUP($A268,városok!$A$2:$C$346,2,0)-VLOOKUP(S$1,városok!$A$2:$C$346,2,0))^2+(VLOOKUP($A268,városok!$A$2:$C$346,3,0)-VLOOKUP(S$1,városok!$A$2:$C$346,3,0))^2)/1000,0)</f>
        <v>172</v>
      </c>
      <c r="T268">
        <f ca="1">ROUND(SQRT((VLOOKUP($A268,városok!$A$2:$C$346,2,0)-VLOOKUP(T$1,városok!$A$2:$C$346,2,0))^2+(VLOOKUP($A268,városok!$A$2:$C$346,3,0)-VLOOKUP(T$1,városok!$A$2:$C$346,3,0))^2)/1000,0)</f>
        <v>96</v>
      </c>
      <c r="U268">
        <f ca="1">ROUND(SQRT((VLOOKUP($A268,városok!$A$2:$C$346,2,0)-VLOOKUP(U$1,városok!$A$2:$C$346,2,0))^2+(VLOOKUP($A268,városok!$A$2:$C$346,3,0)-VLOOKUP(U$1,városok!$A$2:$C$346,3,0))^2)/1000,0)</f>
        <v>73</v>
      </c>
      <c r="V268">
        <f ca="1">ROUND(SQRT((VLOOKUP($A268,városok!$A$2:$C$346,2,0)-VLOOKUP(V$1,városok!$A$2:$C$346,2,0))^2+(VLOOKUP($A268,városok!$A$2:$C$346,3,0)-VLOOKUP(V$1,városok!$A$2:$C$346,3,0))^2)/1000,0)</f>
        <v>42</v>
      </c>
      <c r="W268">
        <f ca="1">ROUND(SQRT((VLOOKUP($A268,városok!$A$2:$C$346,2,0)-VLOOKUP(W$1,városok!$A$2:$C$346,2,0))^2+(VLOOKUP($A268,városok!$A$2:$C$346,3,0)-VLOOKUP(W$1,városok!$A$2:$C$346,3,0))^2)/1000,0)</f>
        <v>48</v>
      </c>
      <c r="X268">
        <f ca="1">ROUND(SQRT((VLOOKUP($A268,városok!$A$2:$C$346,2,0)-VLOOKUP(X$1,városok!$A$2:$C$346,2,0))^2+(VLOOKUP($A268,városok!$A$2:$C$346,3,0)-VLOOKUP(X$1,városok!$A$2:$C$346,3,0))^2)/1000,0)</f>
        <v>66</v>
      </c>
      <c r="Y268">
        <f ca="1">ROUND(SQRT((VLOOKUP($A268,városok!$A$2:$C$346,2,0)-VLOOKUP(Y$1,városok!$A$2:$C$346,2,0))^2+(VLOOKUP($A268,városok!$A$2:$C$346,3,0)-VLOOKUP(Y$1,városok!$A$2:$C$346,3,0))^2)/1000,0)</f>
        <v>111</v>
      </c>
      <c r="Z268">
        <f ca="1">ROUND(SQRT((VLOOKUP($A268,városok!$A$2:$C$346,2,0)-VLOOKUP(Z$1,városok!$A$2:$C$346,2,0))^2+(VLOOKUP($A268,városok!$A$2:$C$346,3,0)-VLOOKUP(Z$1,városok!$A$2:$C$346,3,0))^2)/1000,0)</f>
        <v>122</v>
      </c>
      <c r="AA268">
        <f ca="1">ROUND(SQRT((VLOOKUP($A268,városok!$A$2:$C$346,2,0)-VLOOKUP(AA$1,városok!$A$2:$C$346,2,0))^2+(VLOOKUP($A268,városok!$A$2:$C$346,3,0)-VLOOKUP(AA$1,városok!$A$2:$C$346,3,0))^2)/1000,0)</f>
        <v>153</v>
      </c>
      <c r="AB268">
        <f ca="1">ROUND(SQRT((VLOOKUP($A268,városok!$A$2:$C$346,2,0)-VLOOKUP(AB$1,városok!$A$2:$C$346,2,0))^2+(VLOOKUP($A268,városok!$A$2:$C$346,3,0)-VLOOKUP(AB$1,városok!$A$2:$C$346,3,0))^2)/1000,0)</f>
        <v>287</v>
      </c>
      <c r="AC268">
        <f ca="1">ROUND(SQRT((VLOOKUP($A268,városok!$A$2:$C$346,2,0)-VLOOKUP(AC$1,városok!$A$2:$C$346,2,0))^2+(VLOOKUP($A268,városok!$A$2:$C$346,3,0)-VLOOKUP(AC$1,városok!$A$2:$C$346,3,0))^2)/1000,0)</f>
        <v>267</v>
      </c>
      <c r="AD268">
        <f ca="1">ROUND(SQRT((VLOOKUP($A268,városok!$A$2:$C$346,2,0)-VLOOKUP(AD$1,városok!$A$2:$C$346,2,0))^2+(VLOOKUP($A268,városok!$A$2:$C$346,3,0)-VLOOKUP(AD$1,városok!$A$2:$C$346,3,0))^2)/1000,0)</f>
        <v>250</v>
      </c>
      <c r="AE268">
        <f ca="1">ROUND(SQRT((VLOOKUP($A268,városok!$A$2:$C$346,2,0)-VLOOKUP(AE$1,városok!$A$2:$C$346,2,0))^2+(VLOOKUP($A268,városok!$A$2:$C$346,3,0)-VLOOKUP(AE$1,városok!$A$2:$C$346,3,0))^2)/1000,0)</f>
        <v>246</v>
      </c>
      <c r="AF268">
        <f ca="1">ROUND(SQRT((VLOOKUP($A268,városok!$A$2:$C$346,2,0)-VLOOKUP(AF$1,városok!$A$2:$C$346,2,0))^2+(VLOOKUP($A268,városok!$A$2:$C$346,3,0)-VLOOKUP(AF$1,városok!$A$2:$C$346,3,0))^2)/1000,0)</f>
        <v>220</v>
      </c>
      <c r="AG268">
        <f ca="1">ROUND(SQRT((VLOOKUP($A268,városok!$A$2:$C$346,2,0)-VLOOKUP(AG$1,városok!$A$2:$C$346,2,0))^2+(VLOOKUP($A268,városok!$A$2:$C$346,3,0)-VLOOKUP(AG$1,városok!$A$2:$C$346,3,0))^2)/1000,0)</f>
        <v>185</v>
      </c>
      <c r="AH268">
        <f ca="1">ROUND(SQRT((VLOOKUP($A268,városok!$A$2:$C$346,2,0)-VLOOKUP(AH$1,városok!$A$2:$C$346,2,0))^2+(VLOOKUP($A268,városok!$A$2:$C$346,3,0)-VLOOKUP(AH$1,városok!$A$2:$C$346,3,0))^2)/1000,0)</f>
        <v>162</v>
      </c>
      <c r="AI268">
        <f ca="1">ROUND(SQRT((VLOOKUP($A268,városok!$A$2:$C$346,2,0)-VLOOKUP(AI$1,városok!$A$2:$C$346,2,0))^2+(VLOOKUP($A268,városok!$A$2:$C$346,3,0)-VLOOKUP(AI$1,városok!$A$2:$C$346,3,0))^2)/1000,0)</f>
        <v>212</v>
      </c>
      <c r="AJ268">
        <f ca="1">ROUND(SQRT((VLOOKUP($A268,városok!$A$2:$C$346,2,0)-VLOOKUP(AJ$1,városok!$A$2:$C$346,2,0))^2+(VLOOKUP($A268,városok!$A$2:$C$346,3,0)-VLOOKUP(AJ$1,városok!$A$2:$C$346,3,0))^2)/1000,0)</f>
        <v>179</v>
      </c>
      <c r="AK268">
        <f ca="1">ROUND(SQRT((VLOOKUP($A268,városok!$A$2:$C$346,2,0)-VLOOKUP(AK$1,városok!$A$2:$C$346,2,0))^2+(VLOOKUP($A268,városok!$A$2:$C$346,3,0)-VLOOKUP(AK$1,városok!$A$2:$C$346,3,0))^2)/1000,0)</f>
        <v>232</v>
      </c>
      <c r="AL268">
        <f ca="1">ROUND(SQRT((VLOOKUP($A268,városok!$A$2:$C$346,2,0)-VLOOKUP(AL$1,városok!$A$2:$C$346,2,0))^2+(VLOOKUP($A268,városok!$A$2:$C$346,3,0)-VLOOKUP(AL$1,városok!$A$2:$C$346,3,0))^2)/1000,0)</f>
        <v>209</v>
      </c>
      <c r="AM268">
        <f ca="1">ROUND(SQRT((VLOOKUP($A268,városok!$A$2:$C$346,2,0)-VLOOKUP(AM$1,városok!$A$2:$C$346,2,0))^2+(VLOOKUP($A268,városok!$A$2:$C$346,3,0)-VLOOKUP(AM$1,városok!$A$2:$C$346,3,0))^2)/1000,0)</f>
        <v>171</v>
      </c>
      <c r="AN268">
        <f ca="1">ROUND(SQRT((VLOOKUP($A268,városok!$A$2:$C$346,2,0)-VLOOKUP(AN$1,városok!$A$2:$C$346,2,0))^2+(VLOOKUP($A268,városok!$A$2:$C$346,3,0)-VLOOKUP(AN$1,városok!$A$2:$C$346,3,0))^2)/1000,0)</f>
        <v>129</v>
      </c>
      <c r="AO268">
        <f ca="1">ROUND(SQRT((VLOOKUP($A268,városok!$A$2:$C$346,2,0)-VLOOKUP(AO$1,városok!$A$2:$C$346,2,0))^2+(VLOOKUP($A268,városok!$A$2:$C$346,3,0)-VLOOKUP(AO$1,városok!$A$2:$C$346,3,0))^2)/1000,0)</f>
        <v>112</v>
      </c>
      <c r="AP268">
        <f ca="1">ROUND(SQRT((VLOOKUP($A268,városok!$A$2:$C$346,2,0)-VLOOKUP(AP$1,városok!$A$2:$C$346,2,0))^2+(VLOOKUP($A268,városok!$A$2:$C$346,3,0)-VLOOKUP(AP$1,városok!$A$2:$C$346,3,0))^2)/1000,0)</f>
        <v>104</v>
      </c>
      <c r="AQ268">
        <f ca="1">ROUND(SQRT((VLOOKUP($A268,városok!$A$2:$C$346,2,0)-VLOOKUP(AQ$1,városok!$A$2:$C$346,2,0))^2+(VLOOKUP($A268,városok!$A$2:$C$346,3,0)-VLOOKUP(AQ$1,városok!$A$2:$C$346,3,0))^2)/1000,0)</f>
        <v>97</v>
      </c>
      <c r="AR268">
        <f ca="1">ROUND(SQRT((VLOOKUP($A268,városok!$A$2:$C$346,2,0)-VLOOKUP(AR$1,városok!$A$2:$C$346,2,0))^2+(VLOOKUP($A268,városok!$A$2:$C$346,3,0)-VLOOKUP(AR$1,városok!$A$2:$C$346,3,0))^2)/1000,0)</f>
        <v>182</v>
      </c>
      <c r="AS268">
        <f ca="1">ROUND(SQRT((VLOOKUP($A268,városok!$A$2:$C$346,2,0)-VLOOKUP(AS$1,városok!$A$2:$C$346,2,0))^2+(VLOOKUP($A268,városok!$A$2:$C$346,3,0)-VLOOKUP(AS$1,városok!$A$2:$C$346,3,0))^2)/1000,0)</f>
        <v>204</v>
      </c>
      <c r="AT268">
        <f ca="1">ROUND(SQRT((VLOOKUP($A268,városok!$A$2:$C$346,2,0)-VLOOKUP(AT$1,városok!$A$2:$C$346,2,0))^2+(VLOOKUP($A268,városok!$A$2:$C$346,3,0)-VLOOKUP(AT$1,városok!$A$2:$C$346,3,0))^2)/1000,0)</f>
        <v>102</v>
      </c>
      <c r="AU268">
        <f ca="1">ROUND(SQRT((VLOOKUP($A268,városok!$A$2:$C$346,2,0)-VLOOKUP(AU$1,városok!$A$2:$C$346,2,0))^2+(VLOOKUP($A268,városok!$A$2:$C$346,3,0)-VLOOKUP(AU$1,városok!$A$2:$C$346,3,0))^2)/1000,0)</f>
        <v>107</v>
      </c>
      <c r="AV268">
        <f ca="1">ROUND(SQRT((VLOOKUP($A268,városok!$A$2:$C$346,2,0)-VLOOKUP(AV$1,városok!$A$2:$C$346,2,0))^2+(VLOOKUP($A268,városok!$A$2:$C$346,3,0)-VLOOKUP(AV$1,városok!$A$2:$C$346,3,0))^2)/1000,0)</f>
        <v>103</v>
      </c>
      <c r="AW268">
        <f ca="1">ROUND(SQRT((VLOOKUP($A268,városok!$A$2:$C$346,2,0)-VLOOKUP(AW$1,városok!$A$2:$C$346,2,0))^2+(VLOOKUP($A268,városok!$A$2:$C$346,3,0)-VLOOKUP(AW$1,városok!$A$2:$C$346,3,0))^2)/1000,0)</f>
        <v>99</v>
      </c>
      <c r="AX268">
        <f ca="1">ROUND(SQRT((VLOOKUP($A268,városok!$A$2:$C$346,2,0)-VLOOKUP(AX$1,városok!$A$2:$C$346,2,0))^2+(VLOOKUP($A268,városok!$A$2:$C$346,3,0)-VLOOKUP(AX$1,városok!$A$2:$C$346,3,0))^2)/1000,0)</f>
        <v>137</v>
      </c>
      <c r="AY268">
        <f ca="1">ROUND(SQRT((VLOOKUP($A268,városok!$A$2:$C$346,2,0)-VLOOKUP(AY$1,városok!$A$2:$C$346,2,0))^2+(VLOOKUP($A268,városok!$A$2:$C$346,3,0)-VLOOKUP(AY$1,városok!$A$2:$C$346,3,0))^2)/1000,0)</f>
        <v>131</v>
      </c>
      <c r="AZ268">
        <f ca="1">ROUND(SQRT((VLOOKUP($A268,városok!$A$2:$C$346,2,0)-VLOOKUP(AZ$1,városok!$A$2:$C$346,2,0))^2+(VLOOKUP($A268,városok!$A$2:$C$346,3,0)-VLOOKUP(AZ$1,városok!$A$2:$C$346,3,0))^2)/1000,0)</f>
        <v>137</v>
      </c>
      <c r="BA268">
        <f ca="1">ROUND(SQRT((VLOOKUP($A268,városok!$A$2:$C$346,2,0)-VLOOKUP(BA$1,városok!$A$2:$C$346,2,0))^2+(VLOOKUP($A268,városok!$A$2:$C$346,3,0)-VLOOKUP(BA$1,városok!$A$2:$C$346,3,0))^2)/1000,0)</f>
        <v>26</v>
      </c>
      <c r="BB268">
        <f ca="1">ROUND(SQRT((VLOOKUP($A268,városok!$A$2:$C$346,2,0)-VLOOKUP(BB$1,városok!$A$2:$C$346,2,0))^2+(VLOOKUP($A268,városok!$A$2:$C$346,3,0)-VLOOKUP(BB$1,városok!$A$2:$C$346,3,0))^2)/1000,0)</f>
        <v>23</v>
      </c>
      <c r="BC268">
        <f ca="1">ROUND(SQRT((VLOOKUP($A268,városok!$A$2:$C$346,2,0)-VLOOKUP(BC$1,városok!$A$2:$C$346,2,0))^2+(VLOOKUP($A268,városok!$A$2:$C$346,3,0)-VLOOKUP(BC$1,városok!$A$2:$C$346,3,0))^2)/1000,0)</f>
        <v>46</v>
      </c>
      <c r="BD268">
        <f ca="1">ROUND(SQRT((VLOOKUP($A268,városok!$A$2:$C$346,2,0)-VLOOKUP(BD$1,városok!$A$2:$C$346,2,0))^2+(VLOOKUP($A268,városok!$A$2:$C$346,3,0)-VLOOKUP(BD$1,városok!$A$2:$C$346,3,0))^2)/1000,0)</f>
        <v>20</v>
      </c>
      <c r="BE268">
        <f ca="1">ROUND(SQRT((VLOOKUP($A268,városok!$A$2:$C$346,2,0)-VLOOKUP(BE$1,városok!$A$2:$C$346,2,0))^2+(VLOOKUP($A268,városok!$A$2:$C$346,3,0)-VLOOKUP(BE$1,városok!$A$2:$C$346,3,0))^2)/1000,0)</f>
        <v>371</v>
      </c>
      <c r="BF268">
        <f ca="1">ROUND(SQRT((VLOOKUP($A268,városok!$A$2:$C$346,2,0)-VLOOKUP(BF$1,városok!$A$2:$C$346,2,0))^2+(VLOOKUP($A268,városok!$A$2:$C$346,3,0)-VLOOKUP(BF$1,városok!$A$2:$C$346,3,0))^2)/1000,0)</f>
        <v>347</v>
      </c>
      <c r="BG268">
        <f ca="1">ROUND(SQRT((VLOOKUP($A268,városok!$A$2:$C$346,2,0)-VLOOKUP(BG$1,városok!$A$2:$C$346,2,0))^2+(VLOOKUP($A268,városok!$A$2:$C$346,3,0)-VLOOKUP(BG$1,városok!$A$2:$C$346,3,0))^2)/1000,0)</f>
        <v>302</v>
      </c>
      <c r="BH268">
        <f ca="1">ROUND(SQRT((VLOOKUP($A268,városok!$A$2:$C$346,2,0)-VLOOKUP(BH$1,városok!$A$2:$C$346,2,0))^2+(VLOOKUP($A268,városok!$A$2:$C$346,3,0)-VLOOKUP(BH$1,városok!$A$2:$C$346,3,0))^2)/1000,0)</f>
        <v>301</v>
      </c>
      <c r="BI268">
        <f ca="1">ROUND(SQRT((VLOOKUP($A268,városok!$A$2:$C$346,2,0)-VLOOKUP(BI$1,városok!$A$2:$C$346,2,0))^2+(VLOOKUP($A268,városok!$A$2:$C$346,3,0)-VLOOKUP(BI$1,városok!$A$2:$C$346,3,0))^2)/1000,0)</f>
        <v>58</v>
      </c>
      <c r="BJ268">
        <f ca="1">ROUND(SQRT((VLOOKUP($A268,városok!$A$2:$C$346,2,0)-VLOOKUP(BJ$1,városok!$A$2:$C$346,2,0))^2+(VLOOKUP($A268,városok!$A$2:$C$346,3,0)-VLOOKUP(BJ$1,városok!$A$2:$C$346,3,0))^2)/1000,0)</f>
        <v>59</v>
      </c>
      <c r="BK268">
        <f ca="1">ROUND(SQRT((VLOOKUP($A268,városok!$A$2:$C$346,2,0)-VLOOKUP(BK$1,városok!$A$2:$C$346,2,0))^2+(VLOOKUP($A268,városok!$A$2:$C$346,3,0)-VLOOKUP(BK$1,városok!$A$2:$C$346,3,0))^2)/1000,0)</f>
        <v>66</v>
      </c>
      <c r="BL268">
        <f ca="1">ROUND(SQRT((VLOOKUP($A268,városok!$A$2:$C$346,2,0)-VLOOKUP(BL$1,városok!$A$2:$C$346,2,0))^2+(VLOOKUP($A268,városok!$A$2:$C$346,3,0)-VLOOKUP(BL$1,városok!$A$2:$C$346,3,0))^2)/1000,0)</f>
        <v>114</v>
      </c>
      <c r="BM268">
        <f ca="1">ROUND(SQRT((VLOOKUP($A268,városok!$A$2:$C$346,2,0)-VLOOKUP(BM$1,városok!$A$2:$C$346,2,0))^2+(VLOOKUP($A268,városok!$A$2:$C$346,3,0)-VLOOKUP(BM$1,városok!$A$2:$C$346,3,0))^2)/1000,0)</f>
        <v>102</v>
      </c>
      <c r="BN268">
        <f ca="1">ROUND(SQRT((VLOOKUP($A268,városok!$A$2:$C$346,2,0)-VLOOKUP(BN$1,városok!$A$2:$C$346,2,0))^2+(VLOOKUP($A268,városok!$A$2:$C$346,3,0)-VLOOKUP(BN$1,városok!$A$2:$C$346,3,0))^2)/1000,0)</f>
        <v>121</v>
      </c>
      <c r="BO268">
        <f ca="1">ROUND(SQRT((VLOOKUP($A268,városok!$A$2:$C$346,2,0)-VLOOKUP(BO$1,városok!$A$2:$C$346,2,0))^2+(VLOOKUP($A268,városok!$A$2:$C$346,3,0)-VLOOKUP(BO$1,városok!$A$2:$C$346,3,0))^2)/1000,0)</f>
        <v>33</v>
      </c>
      <c r="BP268">
        <f ca="1">ROUND(SQRT((VLOOKUP($A268,városok!$A$2:$C$346,2,0)-VLOOKUP(BP$1,városok!$A$2:$C$346,2,0))^2+(VLOOKUP($A268,városok!$A$2:$C$346,3,0)-VLOOKUP(BP$1,városok!$A$2:$C$346,3,0))^2)/1000,0)</f>
        <v>34</v>
      </c>
      <c r="BQ268">
        <f ca="1">ROUND(SQRT((VLOOKUP($A268,városok!$A$2:$C$346,2,0)-VLOOKUP(BQ$1,városok!$A$2:$C$346,2,0))^2+(VLOOKUP($A268,városok!$A$2:$C$346,3,0)-VLOOKUP(BQ$1,városok!$A$2:$C$346,3,0))^2)/1000,0)</f>
        <v>41</v>
      </c>
      <c r="BR268">
        <f ca="1">ROUND(SQRT((VLOOKUP($A268,városok!$A$2:$C$346,2,0)-VLOOKUP(BR$1,városok!$A$2:$C$346,2,0))^2+(VLOOKUP($A268,városok!$A$2:$C$346,3,0)-VLOOKUP(BR$1,városok!$A$2:$C$346,3,0))^2)/1000,0)</f>
        <v>60</v>
      </c>
      <c r="BS268">
        <f ca="1">ROUND(SQRT((VLOOKUP($A268,városok!$A$2:$C$346,2,0)-VLOOKUP(BS$1,városok!$A$2:$C$346,2,0))^2+(VLOOKUP($A268,városok!$A$2:$C$346,3,0)-VLOOKUP(BS$1,városok!$A$2:$C$346,3,0))^2)/1000,0)</f>
        <v>86</v>
      </c>
      <c r="BT268">
        <f ca="1">ROUND(SQRT((VLOOKUP($A268,városok!$A$2:$C$346,2,0)-VLOOKUP(BT$1,városok!$A$2:$C$346,2,0))^2+(VLOOKUP($A268,városok!$A$2:$C$346,3,0)-VLOOKUP(BT$1,városok!$A$2:$C$346,3,0))^2)/1000,0)</f>
        <v>92</v>
      </c>
    </row>
    <row r="269" spans="1:72" x14ac:dyDescent="0.2">
      <c r="A269" t="str">
        <f>városok!A269</f>
        <v>Zamárdi</v>
      </c>
      <c r="B269">
        <f ca="1">ROUND(SQRT((VLOOKUP($A269,városok!$A$2:$C$346,2,0)-VLOOKUP(B$1,városok!$A$2:$C$346,2,0))^2+(VLOOKUP($A269,városok!$A$2:$C$346,3,0)-VLOOKUP(B$1,városok!$A$2:$C$346,3,0))^2)/1000,0)</f>
        <v>109</v>
      </c>
      <c r="C269">
        <f ca="1">ROUND(SQRT((VLOOKUP($A269,városok!$A$2:$C$346,2,0)-VLOOKUP(C$1,városok!$A$2:$C$346,2,0))^2+(VLOOKUP($A269,városok!$A$2:$C$346,3,0)-VLOOKUP(C$1,városok!$A$2:$C$346,3,0))^2)/1000,0)</f>
        <v>88</v>
      </c>
      <c r="D269">
        <f ca="1">ROUND(SQRT((VLOOKUP($A269,városok!$A$2:$C$346,2,0)-VLOOKUP(D$1,városok!$A$2:$C$346,2,0))^2+(VLOOKUP($A269,városok!$A$2:$C$346,3,0)-VLOOKUP(D$1,városok!$A$2:$C$346,3,0))^2)/1000,0)</f>
        <v>133</v>
      </c>
      <c r="E269">
        <f ca="1">ROUND(SQRT((VLOOKUP($A269,városok!$A$2:$C$346,2,0)-VLOOKUP(E$1,városok!$A$2:$C$346,2,0))^2+(VLOOKUP($A269,városok!$A$2:$C$346,3,0)-VLOOKUP(E$1,városok!$A$2:$C$346,3,0))^2)/1000,0)</f>
        <v>80</v>
      </c>
      <c r="F269">
        <f ca="1">ROUND(SQRT((VLOOKUP($A269,városok!$A$2:$C$346,2,0)-VLOOKUP(F$1,városok!$A$2:$C$346,2,0))^2+(VLOOKUP($A269,városok!$A$2:$C$346,3,0)-VLOOKUP(F$1,városok!$A$2:$C$346,3,0))^2)/1000,0)</f>
        <v>114</v>
      </c>
      <c r="G269">
        <f ca="1">ROUND(SQRT((VLOOKUP($A269,városok!$A$2:$C$346,2,0)-VLOOKUP(G$1,városok!$A$2:$C$346,2,0))^2+(VLOOKUP($A269,városok!$A$2:$C$346,3,0)-VLOOKUP(G$1,városok!$A$2:$C$346,3,0))^2)/1000,0)</f>
        <v>92</v>
      </c>
      <c r="H269">
        <f ca="1">ROUND(SQRT((VLOOKUP($A269,városok!$A$2:$C$346,2,0)-VLOOKUP(H$1,városok!$A$2:$C$346,2,0))^2+(VLOOKUP($A269,városok!$A$2:$C$346,3,0)-VLOOKUP(H$1,városok!$A$2:$C$346,3,0))^2)/1000,0)</f>
        <v>93</v>
      </c>
      <c r="I269">
        <f ca="1">ROUND(SQRT((VLOOKUP($A269,városok!$A$2:$C$346,2,0)-VLOOKUP(I$1,városok!$A$2:$C$346,2,0))^2+(VLOOKUP($A269,városok!$A$2:$C$346,3,0)-VLOOKUP(I$1,városok!$A$2:$C$346,3,0))^2)/1000,0)</f>
        <v>240</v>
      </c>
      <c r="J269">
        <f ca="1">ROUND(SQRT((VLOOKUP($A269,városok!$A$2:$C$346,2,0)-VLOOKUP(J$1,városok!$A$2:$C$346,2,0))^2+(VLOOKUP($A269,városok!$A$2:$C$346,3,0)-VLOOKUP(J$1,városok!$A$2:$C$346,3,0))^2)/1000,0)</f>
        <v>255</v>
      </c>
      <c r="K269">
        <f ca="1">ROUND(SQRT((VLOOKUP($A269,városok!$A$2:$C$346,2,0)-VLOOKUP(K$1,városok!$A$2:$C$346,2,0))^2+(VLOOKUP($A269,városok!$A$2:$C$346,3,0)-VLOOKUP(K$1,városok!$A$2:$C$346,3,0))^2)/1000,0)</f>
        <v>211</v>
      </c>
      <c r="L269">
        <f ca="1">ROUND(SQRT((VLOOKUP($A269,városok!$A$2:$C$346,2,0)-VLOOKUP(L$1,városok!$A$2:$C$346,2,0))^2+(VLOOKUP($A269,városok!$A$2:$C$346,3,0)-VLOOKUP(L$1,városok!$A$2:$C$346,3,0))^2)/1000,0)</f>
        <v>253</v>
      </c>
      <c r="M269">
        <f ca="1">ROUND(SQRT((VLOOKUP($A269,városok!$A$2:$C$346,2,0)-VLOOKUP(M$1,városok!$A$2:$C$346,2,0))^2+(VLOOKUP($A269,városok!$A$2:$C$346,3,0)-VLOOKUP(M$1,városok!$A$2:$C$346,3,0))^2)/1000,0)</f>
        <v>254</v>
      </c>
      <c r="N269">
        <f ca="1">ROUND(SQRT((VLOOKUP($A269,városok!$A$2:$C$346,2,0)-VLOOKUP(N$1,városok!$A$2:$C$346,2,0))^2+(VLOOKUP($A269,városok!$A$2:$C$346,3,0)-VLOOKUP(N$1,városok!$A$2:$C$346,3,0))^2)/1000,0)</f>
        <v>231</v>
      </c>
      <c r="O269">
        <f ca="1">ROUND(SQRT((VLOOKUP($A269,városok!$A$2:$C$346,2,0)-VLOOKUP(O$1,városok!$A$2:$C$346,2,0))^2+(VLOOKUP($A269,városok!$A$2:$C$346,3,0)-VLOOKUP(O$1,városok!$A$2:$C$346,3,0))^2)/1000,0)</f>
        <v>325</v>
      </c>
      <c r="P269">
        <f ca="1">ROUND(SQRT((VLOOKUP($A269,városok!$A$2:$C$346,2,0)-VLOOKUP(P$1,városok!$A$2:$C$346,2,0))^2+(VLOOKUP($A269,városok!$A$2:$C$346,3,0)-VLOOKUP(P$1,városok!$A$2:$C$346,3,0))^2)/1000,0)</f>
        <v>325</v>
      </c>
      <c r="Q269">
        <f ca="1">ROUND(SQRT((VLOOKUP($A269,városok!$A$2:$C$346,2,0)-VLOOKUP(Q$1,városok!$A$2:$C$346,2,0))^2+(VLOOKUP($A269,városok!$A$2:$C$346,3,0)-VLOOKUP(Q$1,városok!$A$2:$C$346,3,0))^2)/1000,0)</f>
        <v>189</v>
      </c>
      <c r="R269">
        <f ca="1">ROUND(SQRT((VLOOKUP($A269,városok!$A$2:$C$346,2,0)-VLOOKUP(R$1,városok!$A$2:$C$346,2,0))^2+(VLOOKUP($A269,városok!$A$2:$C$346,3,0)-VLOOKUP(R$1,városok!$A$2:$C$346,3,0))^2)/1000,0)</f>
        <v>207</v>
      </c>
      <c r="S269">
        <f ca="1">ROUND(SQRT((VLOOKUP($A269,városok!$A$2:$C$346,2,0)-VLOOKUP(S$1,városok!$A$2:$C$346,2,0))^2+(VLOOKUP($A269,városok!$A$2:$C$346,3,0)-VLOOKUP(S$1,városok!$A$2:$C$346,3,0))^2)/1000,0)</f>
        <v>183</v>
      </c>
      <c r="T269">
        <f ca="1">ROUND(SQRT((VLOOKUP($A269,városok!$A$2:$C$346,2,0)-VLOOKUP(T$1,városok!$A$2:$C$346,2,0))^2+(VLOOKUP($A269,városok!$A$2:$C$346,3,0)-VLOOKUP(T$1,városok!$A$2:$C$346,3,0))^2)/1000,0)</f>
        <v>85</v>
      </c>
      <c r="U269">
        <f ca="1">ROUND(SQRT((VLOOKUP($A269,városok!$A$2:$C$346,2,0)-VLOOKUP(U$1,városok!$A$2:$C$346,2,0))^2+(VLOOKUP($A269,városok!$A$2:$C$346,3,0)-VLOOKUP(U$1,városok!$A$2:$C$346,3,0))^2)/1000,0)</f>
        <v>76</v>
      </c>
      <c r="V269">
        <f ca="1">ROUND(SQRT((VLOOKUP($A269,városok!$A$2:$C$346,2,0)-VLOOKUP(V$1,városok!$A$2:$C$346,2,0))^2+(VLOOKUP($A269,városok!$A$2:$C$346,3,0)-VLOOKUP(V$1,városok!$A$2:$C$346,3,0))^2)/1000,0)</f>
        <v>34</v>
      </c>
      <c r="W269">
        <f ca="1">ROUND(SQRT((VLOOKUP($A269,városok!$A$2:$C$346,2,0)-VLOOKUP(W$1,városok!$A$2:$C$346,2,0))^2+(VLOOKUP($A269,városok!$A$2:$C$346,3,0)-VLOOKUP(W$1,városok!$A$2:$C$346,3,0))^2)/1000,0)</f>
        <v>51</v>
      </c>
      <c r="X269">
        <f ca="1">ROUND(SQRT((VLOOKUP($A269,városok!$A$2:$C$346,2,0)-VLOOKUP(X$1,városok!$A$2:$C$346,2,0))^2+(VLOOKUP($A269,városok!$A$2:$C$346,3,0)-VLOOKUP(X$1,városok!$A$2:$C$346,3,0))^2)/1000,0)</f>
        <v>54</v>
      </c>
      <c r="Y269">
        <f ca="1">ROUND(SQRT((VLOOKUP($A269,városok!$A$2:$C$346,2,0)-VLOOKUP(Y$1,városok!$A$2:$C$346,2,0))^2+(VLOOKUP($A269,városok!$A$2:$C$346,3,0)-VLOOKUP(Y$1,városok!$A$2:$C$346,3,0))^2)/1000,0)</f>
        <v>93</v>
      </c>
      <c r="Z269">
        <f ca="1">ROUND(SQRT((VLOOKUP($A269,városok!$A$2:$C$346,2,0)-VLOOKUP(Z$1,városok!$A$2:$C$346,2,0))^2+(VLOOKUP($A269,városok!$A$2:$C$346,3,0)-VLOOKUP(Z$1,városok!$A$2:$C$346,3,0))^2)/1000,0)</f>
        <v>104</v>
      </c>
      <c r="AA269">
        <f ca="1">ROUND(SQRT((VLOOKUP($A269,városok!$A$2:$C$346,2,0)-VLOOKUP(AA$1,városok!$A$2:$C$346,2,0))^2+(VLOOKUP($A269,városok!$A$2:$C$346,3,0)-VLOOKUP(AA$1,városok!$A$2:$C$346,3,0))^2)/1000,0)</f>
        <v>137</v>
      </c>
      <c r="AB269">
        <f ca="1">ROUND(SQRT((VLOOKUP($A269,városok!$A$2:$C$346,2,0)-VLOOKUP(AB$1,városok!$A$2:$C$346,2,0))^2+(VLOOKUP($A269,városok!$A$2:$C$346,3,0)-VLOOKUP(AB$1,városok!$A$2:$C$346,3,0))^2)/1000,0)</f>
        <v>288</v>
      </c>
      <c r="AC269">
        <f ca="1">ROUND(SQRT((VLOOKUP($A269,városok!$A$2:$C$346,2,0)-VLOOKUP(AC$1,városok!$A$2:$C$346,2,0))^2+(VLOOKUP($A269,városok!$A$2:$C$346,3,0)-VLOOKUP(AC$1,városok!$A$2:$C$346,3,0))^2)/1000,0)</f>
        <v>269</v>
      </c>
      <c r="AD269">
        <f ca="1">ROUND(SQRT((VLOOKUP($A269,városok!$A$2:$C$346,2,0)-VLOOKUP(AD$1,városok!$A$2:$C$346,2,0))^2+(VLOOKUP($A269,városok!$A$2:$C$346,3,0)-VLOOKUP(AD$1,városok!$A$2:$C$346,3,0))^2)/1000,0)</f>
        <v>251</v>
      </c>
      <c r="AE269">
        <f ca="1">ROUND(SQRT((VLOOKUP($A269,városok!$A$2:$C$346,2,0)-VLOOKUP(AE$1,városok!$A$2:$C$346,2,0))^2+(VLOOKUP($A269,városok!$A$2:$C$346,3,0)-VLOOKUP(AE$1,városok!$A$2:$C$346,3,0))^2)/1000,0)</f>
        <v>249</v>
      </c>
      <c r="AF269">
        <f ca="1">ROUND(SQRT((VLOOKUP($A269,városok!$A$2:$C$346,2,0)-VLOOKUP(AF$1,városok!$A$2:$C$346,2,0))^2+(VLOOKUP($A269,városok!$A$2:$C$346,3,0)-VLOOKUP(AF$1,városok!$A$2:$C$346,3,0))^2)/1000,0)</f>
        <v>216</v>
      </c>
      <c r="AG269">
        <f ca="1">ROUND(SQRT((VLOOKUP($A269,városok!$A$2:$C$346,2,0)-VLOOKUP(AG$1,városok!$A$2:$C$346,2,0))^2+(VLOOKUP($A269,városok!$A$2:$C$346,3,0)-VLOOKUP(AG$1,városok!$A$2:$C$346,3,0))^2)/1000,0)</f>
        <v>180</v>
      </c>
      <c r="AH269">
        <f ca="1">ROUND(SQRT((VLOOKUP($A269,városok!$A$2:$C$346,2,0)-VLOOKUP(AH$1,városok!$A$2:$C$346,2,0))^2+(VLOOKUP($A269,városok!$A$2:$C$346,3,0)-VLOOKUP(AH$1,városok!$A$2:$C$346,3,0))^2)/1000,0)</f>
        <v>157</v>
      </c>
      <c r="AI269">
        <f ca="1">ROUND(SQRT((VLOOKUP($A269,városok!$A$2:$C$346,2,0)-VLOOKUP(AI$1,városok!$A$2:$C$346,2,0))^2+(VLOOKUP($A269,városok!$A$2:$C$346,3,0)-VLOOKUP(AI$1,városok!$A$2:$C$346,3,0))^2)/1000,0)</f>
        <v>206</v>
      </c>
      <c r="AJ269">
        <f ca="1">ROUND(SQRT((VLOOKUP($A269,városok!$A$2:$C$346,2,0)-VLOOKUP(AJ$1,városok!$A$2:$C$346,2,0))^2+(VLOOKUP($A269,városok!$A$2:$C$346,3,0)-VLOOKUP(AJ$1,városok!$A$2:$C$346,3,0))^2)/1000,0)</f>
        <v>175</v>
      </c>
      <c r="AK269">
        <f ca="1">ROUND(SQRT((VLOOKUP($A269,városok!$A$2:$C$346,2,0)-VLOOKUP(AK$1,városok!$A$2:$C$346,2,0))^2+(VLOOKUP($A269,városok!$A$2:$C$346,3,0)-VLOOKUP(AK$1,városok!$A$2:$C$346,3,0))^2)/1000,0)</f>
        <v>234</v>
      </c>
      <c r="AL269">
        <f ca="1">ROUND(SQRT((VLOOKUP($A269,városok!$A$2:$C$346,2,0)-VLOOKUP(AL$1,városok!$A$2:$C$346,2,0))^2+(VLOOKUP($A269,városok!$A$2:$C$346,3,0)-VLOOKUP(AL$1,városok!$A$2:$C$346,3,0))^2)/1000,0)</f>
        <v>210</v>
      </c>
      <c r="AM269">
        <f ca="1">ROUND(SQRT((VLOOKUP($A269,városok!$A$2:$C$346,2,0)-VLOOKUP(AM$1,városok!$A$2:$C$346,2,0))^2+(VLOOKUP($A269,városok!$A$2:$C$346,3,0)-VLOOKUP(AM$1,városok!$A$2:$C$346,3,0))^2)/1000,0)</f>
        <v>173</v>
      </c>
      <c r="AN269">
        <f ca="1">ROUND(SQRT((VLOOKUP($A269,városok!$A$2:$C$346,2,0)-VLOOKUP(AN$1,városok!$A$2:$C$346,2,0))^2+(VLOOKUP($A269,városok!$A$2:$C$346,3,0)-VLOOKUP(AN$1,városok!$A$2:$C$346,3,0))^2)/1000,0)</f>
        <v>118</v>
      </c>
      <c r="AO269">
        <f ca="1">ROUND(SQRT((VLOOKUP($A269,városok!$A$2:$C$346,2,0)-VLOOKUP(AO$1,városok!$A$2:$C$346,2,0))^2+(VLOOKUP($A269,városok!$A$2:$C$346,3,0)-VLOOKUP(AO$1,városok!$A$2:$C$346,3,0))^2)/1000,0)</f>
        <v>97</v>
      </c>
      <c r="AP269">
        <f ca="1">ROUND(SQRT((VLOOKUP($A269,városok!$A$2:$C$346,2,0)-VLOOKUP(AP$1,városok!$A$2:$C$346,2,0))^2+(VLOOKUP($A269,városok!$A$2:$C$346,3,0)-VLOOKUP(AP$1,városok!$A$2:$C$346,3,0))^2)/1000,0)</f>
        <v>90</v>
      </c>
      <c r="AQ269">
        <f ca="1">ROUND(SQRT((VLOOKUP($A269,városok!$A$2:$C$346,2,0)-VLOOKUP(AQ$1,városok!$A$2:$C$346,2,0))^2+(VLOOKUP($A269,városok!$A$2:$C$346,3,0)-VLOOKUP(AQ$1,városok!$A$2:$C$346,3,0))^2)/1000,0)</f>
        <v>84</v>
      </c>
      <c r="AR269">
        <f ca="1">ROUND(SQRT((VLOOKUP($A269,városok!$A$2:$C$346,2,0)-VLOOKUP(AR$1,városok!$A$2:$C$346,2,0))^2+(VLOOKUP($A269,városok!$A$2:$C$346,3,0)-VLOOKUP(AR$1,városok!$A$2:$C$346,3,0))^2)/1000,0)</f>
        <v>176</v>
      </c>
      <c r="AS269">
        <f ca="1">ROUND(SQRT((VLOOKUP($A269,városok!$A$2:$C$346,2,0)-VLOOKUP(AS$1,városok!$A$2:$C$346,2,0))^2+(VLOOKUP($A269,városok!$A$2:$C$346,3,0)-VLOOKUP(AS$1,városok!$A$2:$C$346,3,0))^2)/1000,0)</f>
        <v>196</v>
      </c>
      <c r="AT269">
        <f ca="1">ROUND(SQRT((VLOOKUP($A269,városok!$A$2:$C$346,2,0)-VLOOKUP(AT$1,városok!$A$2:$C$346,2,0))^2+(VLOOKUP($A269,városok!$A$2:$C$346,3,0)-VLOOKUP(AT$1,városok!$A$2:$C$346,3,0))^2)/1000,0)</f>
        <v>93</v>
      </c>
      <c r="AU269">
        <f ca="1">ROUND(SQRT((VLOOKUP($A269,városok!$A$2:$C$346,2,0)-VLOOKUP(AU$1,városok!$A$2:$C$346,2,0))^2+(VLOOKUP($A269,városok!$A$2:$C$346,3,0)-VLOOKUP(AU$1,városok!$A$2:$C$346,3,0))^2)/1000,0)</f>
        <v>100</v>
      </c>
      <c r="AV269">
        <f ca="1">ROUND(SQRT((VLOOKUP($A269,városok!$A$2:$C$346,2,0)-VLOOKUP(AV$1,városok!$A$2:$C$346,2,0))^2+(VLOOKUP($A269,városok!$A$2:$C$346,3,0)-VLOOKUP(AV$1,városok!$A$2:$C$346,3,0))^2)/1000,0)</f>
        <v>96</v>
      </c>
      <c r="AW269">
        <f ca="1">ROUND(SQRT((VLOOKUP($A269,városok!$A$2:$C$346,2,0)-VLOOKUP(AW$1,városok!$A$2:$C$346,2,0))^2+(VLOOKUP($A269,városok!$A$2:$C$346,3,0)-VLOOKUP(AW$1,városok!$A$2:$C$346,3,0))^2)/1000,0)</f>
        <v>93</v>
      </c>
      <c r="AX269">
        <f ca="1">ROUND(SQRT((VLOOKUP($A269,városok!$A$2:$C$346,2,0)-VLOOKUP(AX$1,városok!$A$2:$C$346,2,0))^2+(VLOOKUP($A269,városok!$A$2:$C$346,3,0)-VLOOKUP(AX$1,városok!$A$2:$C$346,3,0))^2)/1000,0)</f>
        <v>140</v>
      </c>
      <c r="AY269">
        <f ca="1">ROUND(SQRT((VLOOKUP($A269,városok!$A$2:$C$346,2,0)-VLOOKUP(AY$1,városok!$A$2:$C$346,2,0))^2+(VLOOKUP($A269,városok!$A$2:$C$346,3,0)-VLOOKUP(AY$1,városok!$A$2:$C$346,3,0))^2)/1000,0)</f>
        <v>123</v>
      </c>
      <c r="AZ269">
        <f ca="1">ROUND(SQRT((VLOOKUP($A269,városok!$A$2:$C$346,2,0)-VLOOKUP(AZ$1,városok!$A$2:$C$346,2,0))^2+(VLOOKUP($A269,városok!$A$2:$C$346,3,0)-VLOOKUP(AZ$1,városok!$A$2:$C$346,3,0))^2)/1000,0)</f>
        <v>127</v>
      </c>
      <c r="BA269">
        <f ca="1">ROUND(SQRT((VLOOKUP($A269,városok!$A$2:$C$346,2,0)-VLOOKUP(BA$1,városok!$A$2:$C$346,2,0))^2+(VLOOKUP($A269,városok!$A$2:$C$346,3,0)-VLOOKUP(BA$1,városok!$A$2:$C$346,3,0))^2)/1000,0)</f>
        <v>22</v>
      </c>
      <c r="BB269">
        <f ca="1">ROUND(SQRT((VLOOKUP($A269,városok!$A$2:$C$346,2,0)-VLOOKUP(BB$1,városok!$A$2:$C$346,2,0))^2+(VLOOKUP($A269,városok!$A$2:$C$346,3,0)-VLOOKUP(BB$1,városok!$A$2:$C$346,3,0))^2)/1000,0)</f>
        <v>38</v>
      </c>
      <c r="BC269">
        <f ca="1">ROUND(SQRT((VLOOKUP($A269,városok!$A$2:$C$346,2,0)-VLOOKUP(BC$1,városok!$A$2:$C$346,2,0))^2+(VLOOKUP($A269,városok!$A$2:$C$346,3,0)-VLOOKUP(BC$1,városok!$A$2:$C$346,3,0))^2)/1000,0)</f>
        <v>59</v>
      </c>
      <c r="BD269">
        <f ca="1">ROUND(SQRT((VLOOKUP($A269,városok!$A$2:$C$346,2,0)-VLOOKUP(BD$1,városok!$A$2:$C$346,2,0))^2+(VLOOKUP($A269,városok!$A$2:$C$346,3,0)-VLOOKUP(BD$1,városok!$A$2:$C$346,3,0))^2)/1000,0)</f>
        <v>10</v>
      </c>
      <c r="BE269">
        <f ca="1">ROUND(SQRT((VLOOKUP($A269,városok!$A$2:$C$346,2,0)-VLOOKUP(BE$1,városok!$A$2:$C$346,2,0))^2+(VLOOKUP($A269,városok!$A$2:$C$346,3,0)-VLOOKUP(BE$1,városok!$A$2:$C$346,3,0))^2)/1000,0)</f>
        <v>372</v>
      </c>
      <c r="BF269">
        <f ca="1">ROUND(SQRT((VLOOKUP($A269,városok!$A$2:$C$346,2,0)-VLOOKUP(BF$1,városok!$A$2:$C$346,2,0))^2+(VLOOKUP($A269,városok!$A$2:$C$346,3,0)-VLOOKUP(BF$1,városok!$A$2:$C$346,3,0))^2)/1000,0)</f>
        <v>345</v>
      </c>
      <c r="BG269">
        <f ca="1">ROUND(SQRT((VLOOKUP($A269,városok!$A$2:$C$346,2,0)-VLOOKUP(BG$1,városok!$A$2:$C$346,2,0))^2+(VLOOKUP($A269,városok!$A$2:$C$346,3,0)-VLOOKUP(BG$1,városok!$A$2:$C$346,3,0))^2)/1000,0)</f>
        <v>299</v>
      </c>
      <c r="BH269">
        <f ca="1">ROUND(SQRT((VLOOKUP($A269,városok!$A$2:$C$346,2,0)-VLOOKUP(BH$1,városok!$A$2:$C$346,2,0))^2+(VLOOKUP($A269,városok!$A$2:$C$346,3,0)-VLOOKUP(BH$1,városok!$A$2:$C$346,3,0))^2)/1000,0)</f>
        <v>299</v>
      </c>
      <c r="BI269">
        <f ca="1">ROUND(SQRT((VLOOKUP($A269,városok!$A$2:$C$346,2,0)-VLOOKUP(BI$1,városok!$A$2:$C$346,2,0))^2+(VLOOKUP($A269,városok!$A$2:$C$346,3,0)-VLOOKUP(BI$1,városok!$A$2:$C$346,3,0))^2)/1000,0)</f>
        <v>74</v>
      </c>
      <c r="BJ269">
        <f ca="1">ROUND(SQRT((VLOOKUP($A269,városok!$A$2:$C$346,2,0)-VLOOKUP(BJ$1,városok!$A$2:$C$346,2,0))^2+(VLOOKUP($A269,városok!$A$2:$C$346,3,0)-VLOOKUP(BJ$1,városok!$A$2:$C$346,3,0))^2)/1000,0)</f>
        <v>77</v>
      </c>
      <c r="BK269">
        <f ca="1">ROUND(SQRT((VLOOKUP($A269,városok!$A$2:$C$346,2,0)-VLOOKUP(BK$1,városok!$A$2:$C$346,2,0))^2+(VLOOKUP($A269,városok!$A$2:$C$346,3,0)-VLOOKUP(BK$1,városok!$A$2:$C$346,3,0))^2)/1000,0)</f>
        <v>82</v>
      </c>
      <c r="BL269">
        <f ca="1">ROUND(SQRT((VLOOKUP($A269,városok!$A$2:$C$346,2,0)-VLOOKUP(BL$1,városok!$A$2:$C$346,2,0))^2+(VLOOKUP($A269,városok!$A$2:$C$346,3,0)-VLOOKUP(BL$1,városok!$A$2:$C$346,3,0))^2)/1000,0)</f>
        <v>103</v>
      </c>
      <c r="BM269">
        <f ca="1">ROUND(SQRT((VLOOKUP($A269,városok!$A$2:$C$346,2,0)-VLOOKUP(BM$1,városok!$A$2:$C$346,2,0))^2+(VLOOKUP($A269,városok!$A$2:$C$346,3,0)-VLOOKUP(BM$1,városok!$A$2:$C$346,3,0))^2)/1000,0)</f>
        <v>88</v>
      </c>
      <c r="BN269">
        <f ca="1">ROUND(SQRT((VLOOKUP($A269,városok!$A$2:$C$346,2,0)-VLOOKUP(BN$1,városok!$A$2:$C$346,2,0))^2+(VLOOKUP($A269,városok!$A$2:$C$346,3,0)-VLOOKUP(BN$1,városok!$A$2:$C$346,3,0))^2)/1000,0)</f>
        <v>108</v>
      </c>
      <c r="BO269">
        <f ca="1">ROUND(SQRT((VLOOKUP($A269,városok!$A$2:$C$346,2,0)-VLOOKUP(BO$1,városok!$A$2:$C$346,2,0))^2+(VLOOKUP($A269,városok!$A$2:$C$346,3,0)-VLOOKUP(BO$1,városok!$A$2:$C$346,3,0))^2)/1000,0)</f>
        <v>18</v>
      </c>
      <c r="BP269">
        <f ca="1">ROUND(SQRT((VLOOKUP($A269,városok!$A$2:$C$346,2,0)-VLOOKUP(BP$1,városok!$A$2:$C$346,2,0))^2+(VLOOKUP($A269,városok!$A$2:$C$346,3,0)-VLOOKUP(BP$1,városok!$A$2:$C$346,3,0))^2)/1000,0)</f>
        <v>21</v>
      </c>
      <c r="BQ269">
        <f ca="1">ROUND(SQRT((VLOOKUP($A269,városok!$A$2:$C$346,2,0)-VLOOKUP(BQ$1,városok!$A$2:$C$346,2,0))^2+(VLOOKUP($A269,városok!$A$2:$C$346,3,0)-VLOOKUP(BQ$1,városok!$A$2:$C$346,3,0))^2)/1000,0)</f>
        <v>24</v>
      </c>
      <c r="BR269">
        <f ca="1">ROUND(SQRT((VLOOKUP($A269,városok!$A$2:$C$346,2,0)-VLOOKUP(BR$1,városok!$A$2:$C$346,2,0))^2+(VLOOKUP($A269,városok!$A$2:$C$346,3,0)-VLOOKUP(BR$1,városok!$A$2:$C$346,3,0))^2)/1000,0)</f>
        <v>54</v>
      </c>
      <c r="BS269">
        <f ca="1">ROUND(SQRT((VLOOKUP($A269,városok!$A$2:$C$346,2,0)-VLOOKUP(BS$1,városok!$A$2:$C$346,2,0))^2+(VLOOKUP($A269,városok!$A$2:$C$346,3,0)-VLOOKUP(BS$1,városok!$A$2:$C$346,3,0))^2)/1000,0)</f>
        <v>87</v>
      </c>
      <c r="BT269">
        <f ca="1">ROUND(SQRT((VLOOKUP($A269,városok!$A$2:$C$346,2,0)-VLOOKUP(BT$1,városok!$A$2:$C$346,2,0))^2+(VLOOKUP($A269,városok!$A$2:$C$346,3,0)-VLOOKUP(BT$1,városok!$A$2:$C$346,3,0))^2)/1000,0)</f>
        <v>85</v>
      </c>
    </row>
    <row r="270" spans="1:72" x14ac:dyDescent="0.2">
      <c r="A270" t="str">
        <f>városok!A270</f>
        <v>Ajak</v>
      </c>
      <c r="B270">
        <f ca="1">ROUND(SQRT((VLOOKUP($A270,városok!$A$2:$C$346,2,0)-VLOOKUP(B$1,városok!$A$2:$C$346,2,0))^2+(VLOOKUP($A270,városok!$A$2:$C$346,3,0)-VLOOKUP(B$1,városok!$A$2:$C$346,3,0))^2)/1000,0)</f>
        <v>322</v>
      </c>
      <c r="C270">
        <f ca="1">ROUND(SQRT((VLOOKUP($A270,városok!$A$2:$C$346,2,0)-VLOOKUP(C$1,városok!$A$2:$C$346,2,0))^2+(VLOOKUP($A270,városok!$A$2:$C$346,3,0)-VLOOKUP(C$1,városok!$A$2:$C$346,3,0))^2)/1000,0)</f>
        <v>296</v>
      </c>
      <c r="D270">
        <f ca="1">ROUND(SQRT((VLOOKUP($A270,városok!$A$2:$C$346,2,0)-VLOOKUP(D$1,városok!$A$2:$C$346,2,0))^2+(VLOOKUP($A270,városok!$A$2:$C$346,3,0)-VLOOKUP(D$1,városok!$A$2:$C$346,3,0))^2)/1000,0)</f>
        <v>227</v>
      </c>
      <c r="E270">
        <f ca="1">ROUND(SQRT((VLOOKUP($A270,városok!$A$2:$C$346,2,0)-VLOOKUP(E$1,városok!$A$2:$C$346,2,0))^2+(VLOOKUP($A270,városok!$A$2:$C$346,3,0)-VLOOKUP(E$1,városok!$A$2:$C$346,3,0))^2)/1000,0)</f>
        <v>362</v>
      </c>
      <c r="F270">
        <f ca="1">ROUND(SQRT((VLOOKUP($A270,városok!$A$2:$C$346,2,0)-VLOOKUP(F$1,városok!$A$2:$C$346,2,0))^2+(VLOOKUP($A270,városok!$A$2:$C$346,3,0)-VLOOKUP(F$1,városok!$A$2:$C$346,3,0))^2)/1000,0)</f>
        <v>353</v>
      </c>
      <c r="G270">
        <f ca="1">ROUND(SQRT((VLOOKUP($A270,városok!$A$2:$C$346,2,0)-VLOOKUP(G$1,városok!$A$2:$C$346,2,0))^2+(VLOOKUP($A270,városok!$A$2:$C$346,3,0)-VLOOKUP(G$1,városok!$A$2:$C$346,3,0))^2)/1000,0)</f>
        <v>371</v>
      </c>
      <c r="H270">
        <f ca="1">ROUND(SQRT((VLOOKUP($A270,városok!$A$2:$C$346,2,0)-VLOOKUP(H$1,városok!$A$2:$C$346,2,0))^2+(VLOOKUP($A270,városok!$A$2:$C$346,3,0)-VLOOKUP(H$1,városok!$A$2:$C$346,3,0))^2)/1000,0)</f>
        <v>400</v>
      </c>
      <c r="I270">
        <f ca="1">ROUND(SQRT((VLOOKUP($A270,városok!$A$2:$C$346,2,0)-VLOOKUP(I$1,városok!$A$2:$C$346,2,0))^2+(VLOOKUP($A270,városok!$A$2:$C$346,3,0)-VLOOKUP(I$1,városok!$A$2:$C$346,3,0))^2)/1000,0)</f>
        <v>183</v>
      </c>
      <c r="J270">
        <f ca="1">ROUND(SQRT((VLOOKUP($A270,városok!$A$2:$C$346,2,0)-VLOOKUP(J$1,városok!$A$2:$C$346,2,0))^2+(VLOOKUP($A270,városok!$A$2:$C$346,3,0)-VLOOKUP(J$1,városok!$A$2:$C$346,3,0))^2)/1000,0)</f>
        <v>180</v>
      </c>
      <c r="K270">
        <f ca="1">ROUND(SQRT((VLOOKUP($A270,városok!$A$2:$C$346,2,0)-VLOOKUP(K$1,városok!$A$2:$C$346,2,0))^2+(VLOOKUP($A270,városok!$A$2:$C$346,3,0)-VLOOKUP(K$1,városok!$A$2:$C$346,3,0))^2)/1000,0)</f>
        <v>208</v>
      </c>
      <c r="L270">
        <f ca="1">ROUND(SQRT((VLOOKUP($A270,városok!$A$2:$C$346,2,0)-VLOOKUP(L$1,városok!$A$2:$C$346,2,0))^2+(VLOOKUP($A270,városok!$A$2:$C$346,3,0)-VLOOKUP(L$1,városok!$A$2:$C$346,3,0))^2)/1000,0)</f>
        <v>105</v>
      </c>
      <c r="M270">
        <f ca="1">ROUND(SQRT((VLOOKUP($A270,városok!$A$2:$C$346,2,0)-VLOOKUP(M$1,városok!$A$2:$C$346,2,0))^2+(VLOOKUP($A270,városok!$A$2:$C$346,3,0)-VLOOKUP(M$1,városok!$A$2:$C$346,3,0))^2)/1000,0)</f>
        <v>94</v>
      </c>
      <c r="N270">
        <f ca="1">ROUND(SQRT((VLOOKUP($A270,városok!$A$2:$C$346,2,0)-VLOOKUP(N$1,városok!$A$2:$C$346,2,0))^2+(VLOOKUP($A270,városok!$A$2:$C$346,3,0)-VLOOKUP(N$1,városok!$A$2:$C$346,3,0))^2)/1000,0)</f>
        <v>131</v>
      </c>
      <c r="O270">
        <f ca="1">ROUND(SQRT((VLOOKUP($A270,városok!$A$2:$C$346,2,0)-VLOOKUP(O$1,városok!$A$2:$C$346,2,0))^2+(VLOOKUP($A270,városok!$A$2:$C$346,3,0)-VLOOKUP(O$1,városok!$A$2:$C$346,3,0))^2)/1000,0)</f>
        <v>38</v>
      </c>
      <c r="P270">
        <f ca="1">ROUND(SQRT((VLOOKUP($A270,városok!$A$2:$C$346,2,0)-VLOOKUP(P$1,városok!$A$2:$C$346,2,0))^2+(VLOOKUP($A270,városok!$A$2:$C$346,3,0)-VLOOKUP(P$1,városok!$A$2:$C$346,3,0))^2)/1000,0)</f>
        <v>38</v>
      </c>
      <c r="Q270">
        <f ca="1">ROUND(SQRT((VLOOKUP($A270,városok!$A$2:$C$346,2,0)-VLOOKUP(Q$1,városok!$A$2:$C$346,2,0))^2+(VLOOKUP($A270,városok!$A$2:$C$346,3,0)-VLOOKUP(Q$1,városok!$A$2:$C$346,3,0))^2)/1000,0)</f>
        <v>235</v>
      </c>
      <c r="R270">
        <f ca="1">ROUND(SQRT((VLOOKUP($A270,városok!$A$2:$C$346,2,0)-VLOOKUP(R$1,városok!$A$2:$C$346,2,0))^2+(VLOOKUP($A270,városok!$A$2:$C$346,3,0)-VLOOKUP(R$1,városok!$A$2:$C$346,3,0))^2)/1000,0)</f>
        <v>248</v>
      </c>
      <c r="S270">
        <f ca="1">ROUND(SQRT((VLOOKUP($A270,városok!$A$2:$C$346,2,0)-VLOOKUP(S$1,városok!$A$2:$C$346,2,0))^2+(VLOOKUP($A270,városok!$A$2:$C$346,3,0)-VLOOKUP(S$1,városok!$A$2:$C$346,3,0))^2)/1000,0)</f>
        <v>258</v>
      </c>
      <c r="T270">
        <f ca="1">ROUND(SQRT((VLOOKUP($A270,városok!$A$2:$C$346,2,0)-VLOOKUP(T$1,városok!$A$2:$C$346,2,0))^2+(VLOOKUP($A270,városok!$A$2:$C$346,3,0)-VLOOKUP(T$1,városok!$A$2:$C$346,3,0))^2)/1000,0)</f>
        <v>267</v>
      </c>
      <c r="U270">
        <f ca="1">ROUND(SQRT((VLOOKUP($A270,városok!$A$2:$C$346,2,0)-VLOOKUP(U$1,városok!$A$2:$C$346,2,0))^2+(VLOOKUP($A270,városok!$A$2:$C$346,3,0)-VLOOKUP(U$1,városok!$A$2:$C$346,3,0))^2)/1000,0)</f>
        <v>270</v>
      </c>
      <c r="V270">
        <f ca="1">ROUND(SQRT((VLOOKUP($A270,városok!$A$2:$C$346,2,0)-VLOOKUP(V$1,városok!$A$2:$C$346,2,0))^2+(VLOOKUP($A270,városok!$A$2:$C$346,3,0)-VLOOKUP(V$1,városok!$A$2:$C$346,3,0))^2)/1000,0)</f>
        <v>308</v>
      </c>
      <c r="W270">
        <f ca="1">ROUND(SQRT((VLOOKUP($A270,városok!$A$2:$C$346,2,0)-VLOOKUP(W$1,városok!$A$2:$C$346,2,0))^2+(VLOOKUP($A270,városok!$A$2:$C$346,3,0)-VLOOKUP(W$1,városok!$A$2:$C$346,3,0))^2)/1000,0)</f>
        <v>295</v>
      </c>
      <c r="X270">
        <f ca="1">ROUND(SQRT((VLOOKUP($A270,városok!$A$2:$C$346,2,0)-VLOOKUP(X$1,városok!$A$2:$C$346,2,0))^2+(VLOOKUP($A270,városok!$A$2:$C$346,3,0)-VLOOKUP(X$1,városok!$A$2:$C$346,3,0))^2)/1000,0)</f>
        <v>296</v>
      </c>
      <c r="Y270">
        <f ca="1">ROUND(SQRT((VLOOKUP($A270,városok!$A$2:$C$346,2,0)-VLOOKUP(Y$1,városok!$A$2:$C$346,2,0))^2+(VLOOKUP($A270,városok!$A$2:$C$346,3,0)-VLOOKUP(Y$1,városok!$A$2:$C$346,3,0))^2)/1000,0)</f>
        <v>334</v>
      </c>
      <c r="Z270">
        <f ca="1">ROUND(SQRT((VLOOKUP($A270,városok!$A$2:$C$346,2,0)-VLOOKUP(Z$1,városok!$A$2:$C$346,2,0))^2+(VLOOKUP($A270,városok!$A$2:$C$346,3,0)-VLOOKUP(Z$1,városok!$A$2:$C$346,3,0))^2)/1000,0)</f>
        <v>351</v>
      </c>
      <c r="AA270">
        <f ca="1">ROUND(SQRT((VLOOKUP($A270,városok!$A$2:$C$346,2,0)-VLOOKUP(AA$1,városok!$A$2:$C$346,2,0))^2+(VLOOKUP($A270,városok!$A$2:$C$346,3,0)-VLOOKUP(AA$1,városok!$A$2:$C$346,3,0))^2)/1000,0)</f>
        <v>412</v>
      </c>
      <c r="AB270">
        <f ca="1">ROUND(SQRT((VLOOKUP($A270,városok!$A$2:$C$346,2,0)-VLOOKUP(AB$1,városok!$A$2:$C$346,2,0))^2+(VLOOKUP($A270,városok!$A$2:$C$346,3,0)-VLOOKUP(AB$1,városok!$A$2:$C$346,3,0))^2)/1000,0)</f>
        <v>79</v>
      </c>
      <c r="AC270">
        <f ca="1">ROUND(SQRT((VLOOKUP($A270,városok!$A$2:$C$346,2,0)-VLOOKUP(AC$1,városok!$A$2:$C$346,2,0))^2+(VLOOKUP($A270,városok!$A$2:$C$346,3,0)-VLOOKUP(AC$1,városok!$A$2:$C$346,3,0))^2)/1000,0)</f>
        <v>95</v>
      </c>
      <c r="AD270">
        <f ca="1">ROUND(SQRT((VLOOKUP($A270,városok!$A$2:$C$346,2,0)-VLOOKUP(AD$1,városok!$A$2:$C$346,2,0))^2+(VLOOKUP($A270,városok!$A$2:$C$346,3,0)-VLOOKUP(AD$1,városok!$A$2:$C$346,3,0))^2)/1000,0)</f>
        <v>107</v>
      </c>
      <c r="AE270">
        <f ca="1">ROUND(SQRT((VLOOKUP($A270,városok!$A$2:$C$346,2,0)-VLOOKUP(AE$1,városok!$A$2:$C$346,2,0))^2+(VLOOKUP($A270,városok!$A$2:$C$346,3,0)-VLOOKUP(AE$1,városok!$A$2:$C$346,3,0))^2)/1000,0)</f>
        <v>120</v>
      </c>
      <c r="AF270">
        <f ca="1">ROUND(SQRT((VLOOKUP($A270,városok!$A$2:$C$346,2,0)-VLOOKUP(AF$1,városok!$A$2:$C$346,2,0))^2+(VLOOKUP($A270,városok!$A$2:$C$346,3,0)-VLOOKUP(AF$1,városok!$A$2:$C$346,3,0))^2)/1000,0)</f>
        <v>129</v>
      </c>
      <c r="AG270">
        <f ca="1">ROUND(SQRT((VLOOKUP($A270,városok!$A$2:$C$346,2,0)-VLOOKUP(AG$1,városok!$A$2:$C$346,2,0))^2+(VLOOKUP($A270,városok!$A$2:$C$346,3,0)-VLOOKUP(AG$1,városok!$A$2:$C$346,3,0))^2)/1000,0)</f>
        <v>165</v>
      </c>
      <c r="AH270">
        <f ca="1">ROUND(SQRT((VLOOKUP($A270,városok!$A$2:$C$346,2,0)-VLOOKUP(AH$1,városok!$A$2:$C$346,2,0))^2+(VLOOKUP($A270,városok!$A$2:$C$346,3,0)-VLOOKUP(AH$1,városok!$A$2:$C$346,3,0))^2)/1000,0)</f>
        <v>186</v>
      </c>
      <c r="AI270">
        <f ca="1">ROUND(SQRT((VLOOKUP($A270,városok!$A$2:$C$346,2,0)-VLOOKUP(AI$1,városok!$A$2:$C$346,2,0))^2+(VLOOKUP($A270,városok!$A$2:$C$346,3,0)-VLOOKUP(AI$1,városok!$A$2:$C$346,3,0))^2)/1000,0)</f>
        <v>146</v>
      </c>
      <c r="AJ270">
        <f ca="1">ROUND(SQRT((VLOOKUP($A270,városok!$A$2:$C$346,2,0)-VLOOKUP(AJ$1,városok!$A$2:$C$346,2,0))^2+(VLOOKUP($A270,városok!$A$2:$C$346,3,0)-VLOOKUP(AJ$1,városok!$A$2:$C$346,3,0))^2)/1000,0)</f>
        <v>166</v>
      </c>
      <c r="AK270">
        <f ca="1">ROUND(SQRT((VLOOKUP($A270,városok!$A$2:$C$346,2,0)-VLOOKUP(AK$1,városok!$A$2:$C$346,2,0))^2+(VLOOKUP($A270,városok!$A$2:$C$346,3,0)-VLOOKUP(AK$1,városok!$A$2:$C$346,3,0))^2)/1000,0)</f>
        <v>128</v>
      </c>
      <c r="AL270">
        <f ca="1">ROUND(SQRT((VLOOKUP($A270,városok!$A$2:$C$346,2,0)-VLOOKUP(AL$1,városok!$A$2:$C$346,2,0))^2+(VLOOKUP($A270,városok!$A$2:$C$346,3,0)-VLOOKUP(AL$1,városok!$A$2:$C$346,3,0))^2)/1000,0)</f>
        <v>140</v>
      </c>
      <c r="AM270">
        <f ca="1">ROUND(SQRT((VLOOKUP($A270,városok!$A$2:$C$346,2,0)-VLOOKUP(AM$1,városok!$A$2:$C$346,2,0))^2+(VLOOKUP($A270,városok!$A$2:$C$346,3,0)-VLOOKUP(AM$1,városok!$A$2:$C$346,3,0))^2)/1000,0)</f>
        <v>179</v>
      </c>
      <c r="AN270">
        <f ca="1">ROUND(SQRT((VLOOKUP($A270,városok!$A$2:$C$346,2,0)-VLOOKUP(AN$1,városok!$A$2:$C$346,2,0))^2+(VLOOKUP($A270,városok!$A$2:$C$346,3,0)-VLOOKUP(AN$1,városok!$A$2:$C$346,3,0))^2)/1000,0)</f>
        <v>250</v>
      </c>
      <c r="AO270">
        <f ca="1">ROUND(SQRT((VLOOKUP($A270,városok!$A$2:$C$346,2,0)-VLOOKUP(AO$1,városok!$A$2:$C$346,2,0))^2+(VLOOKUP($A270,városok!$A$2:$C$346,3,0)-VLOOKUP(AO$1,városok!$A$2:$C$346,3,0))^2)/1000,0)</f>
        <v>297</v>
      </c>
      <c r="AP270">
        <f ca="1">ROUND(SQRT((VLOOKUP($A270,városok!$A$2:$C$346,2,0)-VLOOKUP(AP$1,városok!$A$2:$C$346,2,0))^2+(VLOOKUP($A270,városok!$A$2:$C$346,3,0)-VLOOKUP(AP$1,városok!$A$2:$C$346,3,0))^2)/1000,0)</f>
        <v>284</v>
      </c>
      <c r="AQ270">
        <f ca="1">ROUND(SQRT((VLOOKUP($A270,városok!$A$2:$C$346,2,0)-VLOOKUP(AQ$1,városok!$A$2:$C$346,2,0))^2+(VLOOKUP($A270,városok!$A$2:$C$346,3,0)-VLOOKUP(AQ$1,városok!$A$2:$C$346,3,0))^2)/1000,0)</f>
        <v>281</v>
      </c>
      <c r="AR270">
        <f ca="1">ROUND(SQRT((VLOOKUP($A270,városok!$A$2:$C$346,2,0)-VLOOKUP(AR$1,városok!$A$2:$C$346,2,0))^2+(VLOOKUP($A270,városok!$A$2:$C$346,3,0)-VLOOKUP(AR$1,városok!$A$2:$C$346,3,0))^2)/1000,0)</f>
        <v>178</v>
      </c>
      <c r="AS270">
        <f ca="1">ROUND(SQRT((VLOOKUP($A270,városok!$A$2:$C$346,2,0)-VLOOKUP(AS$1,városok!$A$2:$C$346,2,0))^2+(VLOOKUP($A270,városok!$A$2:$C$346,3,0)-VLOOKUP(AS$1,városok!$A$2:$C$346,3,0))^2)/1000,0)</f>
        <v>167</v>
      </c>
      <c r="AT270">
        <f ca="1">ROUND(SQRT((VLOOKUP($A270,városok!$A$2:$C$346,2,0)-VLOOKUP(AT$1,városok!$A$2:$C$346,2,0))^2+(VLOOKUP($A270,városok!$A$2:$C$346,3,0)-VLOOKUP(AT$1,városok!$A$2:$C$346,3,0))^2)/1000,0)</f>
        <v>254</v>
      </c>
      <c r="AU270">
        <f ca="1">ROUND(SQRT((VLOOKUP($A270,városok!$A$2:$C$346,2,0)-VLOOKUP(AU$1,városok!$A$2:$C$346,2,0))^2+(VLOOKUP($A270,városok!$A$2:$C$346,3,0)-VLOOKUP(AU$1,városok!$A$2:$C$346,3,0))^2)/1000,0)</f>
        <v>245</v>
      </c>
      <c r="AV270">
        <f ca="1">ROUND(SQRT((VLOOKUP($A270,városok!$A$2:$C$346,2,0)-VLOOKUP(AV$1,városok!$A$2:$C$346,2,0))^2+(VLOOKUP($A270,városok!$A$2:$C$346,3,0)-VLOOKUP(AV$1,városok!$A$2:$C$346,3,0))^2)/1000,0)</f>
        <v>247</v>
      </c>
      <c r="AW270">
        <f ca="1">ROUND(SQRT((VLOOKUP($A270,városok!$A$2:$C$346,2,0)-VLOOKUP(AW$1,városok!$A$2:$C$346,2,0))^2+(VLOOKUP($A270,városok!$A$2:$C$346,3,0)-VLOOKUP(AW$1,városok!$A$2:$C$346,3,0))^2)/1000,0)</f>
        <v>251</v>
      </c>
      <c r="AX270">
        <f ca="1">ROUND(SQRT((VLOOKUP($A270,városok!$A$2:$C$346,2,0)-VLOOKUP(AX$1,városok!$A$2:$C$346,2,0))^2+(VLOOKUP($A270,városok!$A$2:$C$346,3,0)-VLOOKUP(AX$1,városok!$A$2:$C$346,3,0))^2)/1000,0)</f>
        <v>213</v>
      </c>
      <c r="AY270">
        <f ca="1">ROUND(SQRT((VLOOKUP($A270,városok!$A$2:$C$346,2,0)-VLOOKUP(AY$1,városok!$A$2:$C$346,2,0))^2+(VLOOKUP($A270,városok!$A$2:$C$346,3,0)-VLOOKUP(AY$1,városok!$A$2:$C$346,3,0))^2)/1000,0)</f>
        <v>230</v>
      </c>
      <c r="AZ270">
        <f ca="1">ROUND(SQRT((VLOOKUP($A270,városok!$A$2:$C$346,2,0)-VLOOKUP(AZ$1,városok!$A$2:$C$346,2,0))^2+(VLOOKUP($A270,városok!$A$2:$C$346,3,0)-VLOOKUP(AZ$1,városok!$A$2:$C$346,3,0))^2)/1000,0)</f>
        <v>234</v>
      </c>
      <c r="BA270">
        <f ca="1">ROUND(SQRT((VLOOKUP($A270,városok!$A$2:$C$346,2,0)-VLOOKUP(BA$1,városok!$A$2:$C$346,2,0))^2+(VLOOKUP($A270,városok!$A$2:$C$346,3,0)-VLOOKUP(BA$1,városok!$A$2:$C$346,3,0))^2)/1000,0)</f>
        <v>363</v>
      </c>
      <c r="BB270">
        <f ca="1">ROUND(SQRT((VLOOKUP($A270,városok!$A$2:$C$346,2,0)-VLOOKUP(BB$1,városok!$A$2:$C$346,2,0))^2+(VLOOKUP($A270,városok!$A$2:$C$346,3,0)-VLOOKUP(BB$1,városok!$A$2:$C$346,3,0))^2)/1000,0)</f>
        <v>360</v>
      </c>
      <c r="BC270">
        <f ca="1">ROUND(SQRT((VLOOKUP($A270,városok!$A$2:$C$346,2,0)-VLOOKUP(BC$1,városok!$A$2:$C$346,2,0))^2+(VLOOKUP($A270,városok!$A$2:$C$346,3,0)-VLOOKUP(BC$1,városok!$A$2:$C$346,3,0))^2)/1000,0)</f>
        <v>380</v>
      </c>
      <c r="BD270">
        <f ca="1">ROUND(SQRT((VLOOKUP($A270,városok!$A$2:$C$346,2,0)-VLOOKUP(BD$1,városok!$A$2:$C$346,2,0))^2+(VLOOKUP($A270,városok!$A$2:$C$346,3,0)-VLOOKUP(BD$1,városok!$A$2:$C$346,3,0))^2)/1000,0)</f>
        <v>331</v>
      </c>
      <c r="BE270">
        <f ca="1">ROUND(SQRT((VLOOKUP($A270,városok!$A$2:$C$346,2,0)-VLOOKUP(BE$1,városok!$A$2:$C$346,2,0))^2+(VLOOKUP($A270,városok!$A$2:$C$346,3,0)-VLOOKUP(BE$1,városok!$A$2:$C$346,3,0))^2)/1000,0)</f>
        <v>60</v>
      </c>
      <c r="BF270">
        <f ca="1">ROUND(SQRT((VLOOKUP($A270,városok!$A$2:$C$346,2,0)-VLOOKUP(BF$1,városok!$A$2:$C$346,2,0))^2+(VLOOKUP($A270,városok!$A$2:$C$346,3,0)-VLOOKUP(BF$1,városok!$A$2:$C$346,3,0))^2)/1000,0)</f>
        <v>5</v>
      </c>
      <c r="BG270">
        <f ca="1">ROUND(SQRT((VLOOKUP($A270,városok!$A$2:$C$346,2,0)-VLOOKUP(BG$1,városok!$A$2:$C$346,2,0))^2+(VLOOKUP($A270,városok!$A$2:$C$346,3,0)-VLOOKUP(BG$1,városok!$A$2:$C$346,3,0))^2)/1000,0)</f>
        <v>44</v>
      </c>
      <c r="BH270">
        <f ca="1">ROUND(SQRT((VLOOKUP($A270,városok!$A$2:$C$346,2,0)-VLOOKUP(BH$1,városok!$A$2:$C$346,2,0))^2+(VLOOKUP($A270,városok!$A$2:$C$346,3,0)-VLOOKUP(BH$1,városok!$A$2:$C$346,3,0))^2)/1000,0)</f>
        <v>44</v>
      </c>
      <c r="BI270">
        <f ca="1">ROUND(SQRT((VLOOKUP($A270,városok!$A$2:$C$346,2,0)-VLOOKUP(BI$1,városok!$A$2:$C$346,2,0))^2+(VLOOKUP($A270,városok!$A$2:$C$346,3,0)-VLOOKUP(BI$1,városok!$A$2:$C$346,3,0))^2)/1000,0)</f>
        <v>326</v>
      </c>
      <c r="BJ270">
        <f ca="1">ROUND(SQRT((VLOOKUP($A270,városok!$A$2:$C$346,2,0)-VLOOKUP(BJ$1,városok!$A$2:$C$346,2,0))^2+(VLOOKUP($A270,városok!$A$2:$C$346,3,0)-VLOOKUP(BJ$1,városok!$A$2:$C$346,3,0))^2)/1000,0)</f>
        <v>344</v>
      </c>
      <c r="BK270">
        <f ca="1">ROUND(SQRT((VLOOKUP($A270,városok!$A$2:$C$346,2,0)-VLOOKUP(BK$1,városok!$A$2:$C$346,2,0))^2+(VLOOKUP($A270,városok!$A$2:$C$346,3,0)-VLOOKUP(BK$1,városok!$A$2:$C$346,3,0))^2)/1000,0)</f>
        <v>325</v>
      </c>
      <c r="BL270">
        <f ca="1">ROUND(SQRT((VLOOKUP($A270,városok!$A$2:$C$346,2,0)-VLOOKUP(BL$1,városok!$A$2:$C$346,2,0))^2+(VLOOKUP($A270,városok!$A$2:$C$346,3,0)-VLOOKUP(BL$1,városok!$A$2:$C$346,3,0))^2)/1000,0)</f>
        <v>429</v>
      </c>
      <c r="BM270">
        <f ca="1">ROUND(SQRT((VLOOKUP($A270,városok!$A$2:$C$346,2,0)-VLOOKUP(BM$1,városok!$A$2:$C$346,2,0))^2+(VLOOKUP($A270,városok!$A$2:$C$346,3,0)-VLOOKUP(BM$1,városok!$A$2:$C$346,3,0))^2)/1000,0)</f>
        <v>397</v>
      </c>
      <c r="BN270">
        <f ca="1">ROUND(SQRT((VLOOKUP($A270,városok!$A$2:$C$346,2,0)-VLOOKUP(BN$1,városok!$A$2:$C$346,2,0))^2+(VLOOKUP($A270,városok!$A$2:$C$346,3,0)-VLOOKUP(BN$1,városok!$A$2:$C$346,3,0))^2)/1000,0)</f>
        <v>420</v>
      </c>
      <c r="BO270">
        <f ca="1">ROUND(SQRT((VLOOKUP($A270,városok!$A$2:$C$346,2,0)-VLOOKUP(BO$1,városok!$A$2:$C$346,2,0))^2+(VLOOKUP($A270,városok!$A$2:$C$346,3,0)-VLOOKUP(BO$1,városok!$A$2:$C$346,3,0))^2)/1000,0)</f>
        <v>329</v>
      </c>
      <c r="BP270">
        <f ca="1">ROUND(SQRT((VLOOKUP($A270,városok!$A$2:$C$346,2,0)-VLOOKUP(BP$1,városok!$A$2:$C$346,2,0))^2+(VLOOKUP($A270,városok!$A$2:$C$346,3,0)-VLOOKUP(BP$1,városok!$A$2:$C$346,3,0))^2)/1000,0)</f>
        <v>322</v>
      </c>
      <c r="BQ270">
        <f ca="1">ROUND(SQRT((VLOOKUP($A270,városok!$A$2:$C$346,2,0)-VLOOKUP(BQ$1,városok!$A$2:$C$346,2,0))^2+(VLOOKUP($A270,városok!$A$2:$C$346,3,0)-VLOOKUP(BQ$1,városok!$A$2:$C$346,3,0))^2)/1000,0)</f>
        <v>334</v>
      </c>
      <c r="BR270">
        <f ca="1">ROUND(SQRT((VLOOKUP($A270,városok!$A$2:$C$346,2,0)-VLOOKUP(BR$1,városok!$A$2:$C$346,2,0))^2+(VLOOKUP($A270,városok!$A$2:$C$346,3,0)-VLOOKUP(BR$1,városok!$A$2:$C$346,3,0))^2)/1000,0)</f>
        <v>394</v>
      </c>
      <c r="BS270">
        <f ca="1">ROUND(SQRT((VLOOKUP($A270,városok!$A$2:$C$346,2,0)-VLOOKUP(BS$1,városok!$A$2:$C$346,2,0))^2+(VLOOKUP($A270,városok!$A$2:$C$346,3,0)-VLOOKUP(BS$1,városok!$A$2:$C$346,3,0))^2)/1000,0)</f>
        <v>428</v>
      </c>
      <c r="BT270">
        <f ca="1">ROUND(SQRT((VLOOKUP($A270,városok!$A$2:$C$346,2,0)-VLOOKUP(BT$1,városok!$A$2:$C$346,2,0))^2+(VLOOKUP($A270,városok!$A$2:$C$346,3,0)-VLOOKUP(BT$1,városok!$A$2:$C$346,3,0))^2)/1000,0)</f>
        <v>420</v>
      </c>
    </row>
    <row r="271" spans="1:72" x14ac:dyDescent="0.2">
      <c r="A271" t="str">
        <f>városok!A271</f>
        <v>Baktalórántháza</v>
      </c>
      <c r="B271">
        <f ca="1">ROUND(SQRT((VLOOKUP($A271,városok!$A$2:$C$346,2,0)-VLOOKUP(B$1,városok!$A$2:$C$346,2,0))^2+(VLOOKUP($A271,városok!$A$2:$C$346,3,0)-VLOOKUP(B$1,városok!$A$2:$C$346,3,0))^2)/1000,0)</f>
        <v>311</v>
      </c>
      <c r="C271">
        <f ca="1">ROUND(SQRT((VLOOKUP($A271,városok!$A$2:$C$346,2,0)-VLOOKUP(C$1,városok!$A$2:$C$346,2,0))^2+(VLOOKUP($A271,városok!$A$2:$C$346,3,0)-VLOOKUP(C$1,városok!$A$2:$C$346,3,0))^2)/1000,0)</f>
        <v>286</v>
      </c>
      <c r="D271">
        <f ca="1">ROUND(SQRT((VLOOKUP($A271,városok!$A$2:$C$346,2,0)-VLOOKUP(D$1,városok!$A$2:$C$346,2,0))^2+(VLOOKUP($A271,városok!$A$2:$C$346,3,0)-VLOOKUP(D$1,városok!$A$2:$C$346,3,0))^2)/1000,0)</f>
        <v>217</v>
      </c>
      <c r="E271">
        <f ca="1">ROUND(SQRT((VLOOKUP($A271,városok!$A$2:$C$346,2,0)-VLOOKUP(E$1,városok!$A$2:$C$346,2,0))^2+(VLOOKUP($A271,városok!$A$2:$C$346,3,0)-VLOOKUP(E$1,városok!$A$2:$C$346,3,0))^2)/1000,0)</f>
        <v>353</v>
      </c>
      <c r="F271">
        <f ca="1">ROUND(SQRT((VLOOKUP($A271,városok!$A$2:$C$346,2,0)-VLOOKUP(F$1,városok!$A$2:$C$346,2,0))^2+(VLOOKUP($A271,városok!$A$2:$C$346,3,0)-VLOOKUP(F$1,városok!$A$2:$C$346,3,0))^2)/1000,0)</f>
        <v>341</v>
      </c>
      <c r="G271">
        <f ca="1">ROUND(SQRT((VLOOKUP($A271,városok!$A$2:$C$346,2,0)-VLOOKUP(G$1,városok!$A$2:$C$346,2,0))^2+(VLOOKUP($A271,városok!$A$2:$C$346,3,0)-VLOOKUP(G$1,városok!$A$2:$C$346,3,0))^2)/1000,0)</f>
        <v>361</v>
      </c>
      <c r="H271">
        <f ca="1">ROUND(SQRT((VLOOKUP($A271,városok!$A$2:$C$346,2,0)-VLOOKUP(H$1,városok!$A$2:$C$346,2,0))^2+(VLOOKUP($A271,városok!$A$2:$C$346,3,0)-VLOOKUP(H$1,városok!$A$2:$C$346,3,0))^2)/1000,0)</f>
        <v>391</v>
      </c>
      <c r="I271">
        <f ca="1">ROUND(SQRT((VLOOKUP($A271,városok!$A$2:$C$346,2,0)-VLOOKUP(I$1,városok!$A$2:$C$346,2,0))^2+(VLOOKUP($A271,városok!$A$2:$C$346,3,0)-VLOOKUP(I$1,városok!$A$2:$C$346,3,0))^2)/1000,0)</f>
        <v>165</v>
      </c>
      <c r="J271">
        <f ca="1">ROUND(SQRT((VLOOKUP($A271,városok!$A$2:$C$346,2,0)-VLOOKUP(J$1,városok!$A$2:$C$346,2,0))^2+(VLOOKUP($A271,városok!$A$2:$C$346,3,0)-VLOOKUP(J$1,városok!$A$2:$C$346,3,0))^2)/1000,0)</f>
        <v>162</v>
      </c>
      <c r="K271">
        <f ca="1">ROUND(SQRT((VLOOKUP($A271,városok!$A$2:$C$346,2,0)-VLOOKUP(K$1,városok!$A$2:$C$346,2,0))^2+(VLOOKUP($A271,városok!$A$2:$C$346,3,0)-VLOOKUP(K$1,városok!$A$2:$C$346,3,0))^2)/1000,0)</f>
        <v>192</v>
      </c>
      <c r="L271">
        <f ca="1">ROUND(SQRT((VLOOKUP($A271,városok!$A$2:$C$346,2,0)-VLOOKUP(L$1,városok!$A$2:$C$346,2,0))^2+(VLOOKUP($A271,városok!$A$2:$C$346,3,0)-VLOOKUP(L$1,városok!$A$2:$C$346,3,0))^2)/1000,0)</f>
        <v>111</v>
      </c>
      <c r="M271">
        <f ca="1">ROUND(SQRT((VLOOKUP($A271,városok!$A$2:$C$346,2,0)-VLOOKUP(M$1,városok!$A$2:$C$346,2,0))^2+(VLOOKUP($A271,városok!$A$2:$C$346,3,0)-VLOOKUP(M$1,városok!$A$2:$C$346,3,0))^2)/1000,0)</f>
        <v>96</v>
      </c>
      <c r="N271">
        <f ca="1">ROUND(SQRT((VLOOKUP($A271,városok!$A$2:$C$346,2,0)-VLOOKUP(N$1,városok!$A$2:$C$346,2,0))^2+(VLOOKUP($A271,városok!$A$2:$C$346,3,0)-VLOOKUP(N$1,városok!$A$2:$C$346,3,0))^2)/1000,0)</f>
        <v>135</v>
      </c>
      <c r="O271">
        <f ca="1">ROUND(SQRT((VLOOKUP($A271,városok!$A$2:$C$346,2,0)-VLOOKUP(O$1,városok!$A$2:$C$346,2,0))^2+(VLOOKUP($A271,városok!$A$2:$C$346,3,0)-VLOOKUP(O$1,városok!$A$2:$C$346,3,0))^2)/1000,0)</f>
        <v>54</v>
      </c>
      <c r="P271">
        <f ca="1">ROUND(SQRT((VLOOKUP($A271,városok!$A$2:$C$346,2,0)-VLOOKUP(P$1,városok!$A$2:$C$346,2,0))^2+(VLOOKUP($A271,városok!$A$2:$C$346,3,0)-VLOOKUP(P$1,városok!$A$2:$C$346,3,0))^2)/1000,0)</f>
        <v>54</v>
      </c>
      <c r="Q271">
        <f ca="1">ROUND(SQRT((VLOOKUP($A271,városok!$A$2:$C$346,2,0)-VLOOKUP(Q$1,városok!$A$2:$C$346,2,0))^2+(VLOOKUP($A271,városok!$A$2:$C$346,3,0)-VLOOKUP(Q$1,városok!$A$2:$C$346,3,0))^2)/1000,0)</f>
        <v>220</v>
      </c>
      <c r="R271">
        <f ca="1">ROUND(SQRT((VLOOKUP($A271,városok!$A$2:$C$346,2,0)-VLOOKUP(R$1,városok!$A$2:$C$346,2,0))^2+(VLOOKUP($A271,városok!$A$2:$C$346,3,0)-VLOOKUP(R$1,városok!$A$2:$C$346,3,0))^2)/1000,0)</f>
        <v>232</v>
      </c>
      <c r="S271">
        <f ca="1">ROUND(SQRT((VLOOKUP($A271,városok!$A$2:$C$346,2,0)-VLOOKUP(S$1,városok!$A$2:$C$346,2,0))^2+(VLOOKUP($A271,városok!$A$2:$C$346,3,0)-VLOOKUP(S$1,városok!$A$2:$C$346,3,0))^2)/1000,0)</f>
        <v>243</v>
      </c>
      <c r="T271">
        <f ca="1">ROUND(SQRT((VLOOKUP($A271,városok!$A$2:$C$346,2,0)-VLOOKUP(T$1,városok!$A$2:$C$346,2,0))^2+(VLOOKUP($A271,városok!$A$2:$C$346,3,0)-VLOOKUP(T$1,városok!$A$2:$C$346,3,0))^2)/1000,0)</f>
        <v>264</v>
      </c>
      <c r="U271">
        <f ca="1">ROUND(SQRT((VLOOKUP($A271,városok!$A$2:$C$346,2,0)-VLOOKUP(U$1,városok!$A$2:$C$346,2,0))^2+(VLOOKUP($A271,városok!$A$2:$C$346,3,0)-VLOOKUP(U$1,városok!$A$2:$C$346,3,0))^2)/1000,0)</f>
        <v>263</v>
      </c>
      <c r="V271">
        <f ca="1">ROUND(SQRT((VLOOKUP($A271,városok!$A$2:$C$346,2,0)-VLOOKUP(V$1,városok!$A$2:$C$346,2,0))^2+(VLOOKUP($A271,városok!$A$2:$C$346,3,0)-VLOOKUP(V$1,városok!$A$2:$C$346,3,0))^2)/1000,0)</f>
        <v>303</v>
      </c>
      <c r="W271">
        <f ca="1">ROUND(SQRT((VLOOKUP($A271,városok!$A$2:$C$346,2,0)-VLOOKUP(W$1,városok!$A$2:$C$346,2,0))^2+(VLOOKUP($A271,városok!$A$2:$C$346,3,0)-VLOOKUP(W$1,városok!$A$2:$C$346,3,0))^2)/1000,0)</f>
        <v>289</v>
      </c>
      <c r="X271">
        <f ca="1">ROUND(SQRT((VLOOKUP($A271,városok!$A$2:$C$346,2,0)-VLOOKUP(X$1,városok!$A$2:$C$346,2,0))^2+(VLOOKUP($A271,városok!$A$2:$C$346,3,0)-VLOOKUP(X$1,városok!$A$2:$C$346,3,0))^2)/1000,0)</f>
        <v>293</v>
      </c>
      <c r="Y271">
        <f ca="1">ROUND(SQRT((VLOOKUP($A271,városok!$A$2:$C$346,2,0)-VLOOKUP(Y$1,városok!$A$2:$C$346,2,0))^2+(VLOOKUP($A271,városok!$A$2:$C$346,3,0)-VLOOKUP(Y$1,városok!$A$2:$C$346,3,0))^2)/1000,0)</f>
        <v>334</v>
      </c>
      <c r="Z271">
        <f ca="1">ROUND(SQRT((VLOOKUP($A271,városok!$A$2:$C$346,2,0)-VLOOKUP(Z$1,városok!$A$2:$C$346,2,0))^2+(VLOOKUP($A271,városok!$A$2:$C$346,3,0)-VLOOKUP(Z$1,városok!$A$2:$C$346,3,0))^2)/1000,0)</f>
        <v>352</v>
      </c>
      <c r="AA271">
        <f ca="1">ROUND(SQRT((VLOOKUP($A271,városok!$A$2:$C$346,2,0)-VLOOKUP(AA$1,városok!$A$2:$C$346,2,0))^2+(VLOOKUP($A271,városok!$A$2:$C$346,3,0)-VLOOKUP(AA$1,városok!$A$2:$C$346,3,0))^2)/1000,0)</f>
        <v>413</v>
      </c>
      <c r="AB271">
        <f ca="1">ROUND(SQRT((VLOOKUP($A271,városok!$A$2:$C$346,2,0)-VLOOKUP(AB$1,városok!$A$2:$C$346,2,0))^2+(VLOOKUP($A271,városok!$A$2:$C$346,3,0)-VLOOKUP(AB$1,városok!$A$2:$C$346,3,0))^2)/1000,0)</f>
        <v>62</v>
      </c>
      <c r="AC271">
        <f ca="1">ROUND(SQRT((VLOOKUP($A271,városok!$A$2:$C$346,2,0)-VLOOKUP(AC$1,városok!$A$2:$C$346,2,0))^2+(VLOOKUP($A271,városok!$A$2:$C$346,3,0)-VLOOKUP(AC$1,városok!$A$2:$C$346,3,0))^2)/1000,0)</f>
        <v>80</v>
      </c>
      <c r="AD271">
        <f ca="1">ROUND(SQRT((VLOOKUP($A271,városok!$A$2:$C$346,2,0)-VLOOKUP(AD$1,városok!$A$2:$C$346,2,0))^2+(VLOOKUP($A271,városok!$A$2:$C$346,3,0)-VLOOKUP(AD$1,városok!$A$2:$C$346,3,0))^2)/1000,0)</f>
        <v>94</v>
      </c>
      <c r="AE271">
        <f ca="1">ROUND(SQRT((VLOOKUP($A271,városok!$A$2:$C$346,2,0)-VLOOKUP(AE$1,városok!$A$2:$C$346,2,0))^2+(VLOOKUP($A271,városok!$A$2:$C$346,3,0)-VLOOKUP(AE$1,városok!$A$2:$C$346,3,0))^2)/1000,0)</f>
        <v>105</v>
      </c>
      <c r="AF271">
        <f ca="1">ROUND(SQRT((VLOOKUP($A271,városok!$A$2:$C$346,2,0)-VLOOKUP(AF$1,városok!$A$2:$C$346,2,0))^2+(VLOOKUP($A271,városok!$A$2:$C$346,3,0)-VLOOKUP(AF$1,városok!$A$2:$C$346,3,0))^2)/1000,0)</f>
        <v>128</v>
      </c>
      <c r="AG271">
        <f ca="1">ROUND(SQRT((VLOOKUP($A271,városok!$A$2:$C$346,2,0)-VLOOKUP(AG$1,városok!$A$2:$C$346,2,0))^2+(VLOOKUP($A271,városok!$A$2:$C$346,3,0)-VLOOKUP(AG$1,városok!$A$2:$C$346,3,0))^2)/1000,0)</f>
        <v>163</v>
      </c>
      <c r="AH271">
        <f ca="1">ROUND(SQRT((VLOOKUP($A271,városok!$A$2:$C$346,2,0)-VLOOKUP(AH$1,városok!$A$2:$C$346,2,0))^2+(VLOOKUP($A271,városok!$A$2:$C$346,3,0)-VLOOKUP(AH$1,városok!$A$2:$C$346,3,0))^2)/1000,0)</f>
        <v>184</v>
      </c>
      <c r="AI271">
        <f ca="1">ROUND(SQRT((VLOOKUP($A271,városok!$A$2:$C$346,2,0)-VLOOKUP(AI$1,városok!$A$2:$C$346,2,0))^2+(VLOOKUP($A271,városok!$A$2:$C$346,3,0)-VLOOKUP(AI$1,városok!$A$2:$C$346,3,0))^2)/1000,0)</f>
        <v>148</v>
      </c>
      <c r="AJ271">
        <f ca="1">ROUND(SQRT((VLOOKUP($A271,városok!$A$2:$C$346,2,0)-VLOOKUP(AJ$1,városok!$A$2:$C$346,2,0))^2+(VLOOKUP($A271,városok!$A$2:$C$346,3,0)-VLOOKUP(AJ$1,városok!$A$2:$C$346,3,0))^2)/1000,0)</f>
        <v>162</v>
      </c>
      <c r="AK271">
        <f ca="1">ROUND(SQRT((VLOOKUP($A271,városok!$A$2:$C$346,2,0)-VLOOKUP(AK$1,városok!$A$2:$C$346,2,0))^2+(VLOOKUP($A271,városok!$A$2:$C$346,3,0)-VLOOKUP(AK$1,városok!$A$2:$C$346,3,0))^2)/1000,0)</f>
        <v>115</v>
      </c>
      <c r="AL271">
        <f ca="1">ROUND(SQRT((VLOOKUP($A271,városok!$A$2:$C$346,2,0)-VLOOKUP(AL$1,városok!$A$2:$C$346,2,0))^2+(VLOOKUP($A271,városok!$A$2:$C$346,3,0)-VLOOKUP(AL$1,városok!$A$2:$C$346,3,0))^2)/1000,0)</f>
        <v>130</v>
      </c>
      <c r="AM271">
        <f ca="1">ROUND(SQRT((VLOOKUP($A271,városok!$A$2:$C$346,2,0)-VLOOKUP(AM$1,városok!$A$2:$C$346,2,0))^2+(VLOOKUP($A271,városok!$A$2:$C$346,3,0)-VLOOKUP(AM$1,városok!$A$2:$C$346,3,0))^2)/1000,0)</f>
        <v>169</v>
      </c>
      <c r="AN271">
        <f ca="1">ROUND(SQRT((VLOOKUP($A271,városok!$A$2:$C$346,2,0)-VLOOKUP(AN$1,városok!$A$2:$C$346,2,0))^2+(VLOOKUP($A271,városok!$A$2:$C$346,3,0)-VLOOKUP(AN$1,városok!$A$2:$C$346,3,0))^2)/1000,0)</f>
        <v>250</v>
      </c>
      <c r="AO271">
        <f ca="1">ROUND(SQRT((VLOOKUP($A271,városok!$A$2:$C$346,2,0)-VLOOKUP(AO$1,városok!$A$2:$C$346,2,0))^2+(VLOOKUP($A271,városok!$A$2:$C$346,3,0)-VLOOKUP(AO$1,városok!$A$2:$C$346,3,0))^2)/1000,0)</f>
        <v>297</v>
      </c>
      <c r="AP271">
        <f ca="1">ROUND(SQRT((VLOOKUP($A271,városok!$A$2:$C$346,2,0)-VLOOKUP(AP$1,városok!$A$2:$C$346,2,0))^2+(VLOOKUP($A271,városok!$A$2:$C$346,3,0)-VLOOKUP(AP$1,városok!$A$2:$C$346,3,0))^2)/1000,0)</f>
        <v>283</v>
      </c>
      <c r="AQ271">
        <f ca="1">ROUND(SQRT((VLOOKUP($A271,városok!$A$2:$C$346,2,0)-VLOOKUP(AQ$1,városok!$A$2:$C$346,2,0))^2+(VLOOKUP($A271,városok!$A$2:$C$346,3,0)-VLOOKUP(AQ$1,városok!$A$2:$C$346,3,0))^2)/1000,0)</f>
        <v>279</v>
      </c>
      <c r="AR271">
        <f ca="1">ROUND(SQRT((VLOOKUP($A271,városok!$A$2:$C$346,2,0)-VLOOKUP(AR$1,városok!$A$2:$C$346,2,0))^2+(VLOOKUP($A271,városok!$A$2:$C$346,3,0)-VLOOKUP(AR$1,városok!$A$2:$C$346,3,0))^2)/1000,0)</f>
        <v>178</v>
      </c>
      <c r="AS271">
        <f ca="1">ROUND(SQRT((VLOOKUP($A271,városok!$A$2:$C$346,2,0)-VLOOKUP(AS$1,városok!$A$2:$C$346,2,0))^2+(VLOOKUP($A271,városok!$A$2:$C$346,3,0)-VLOOKUP(AS$1,városok!$A$2:$C$346,3,0))^2)/1000,0)</f>
        <v>169</v>
      </c>
      <c r="AT271">
        <f ca="1">ROUND(SQRT((VLOOKUP($A271,városok!$A$2:$C$346,2,0)-VLOOKUP(AT$1,városok!$A$2:$C$346,2,0))^2+(VLOOKUP($A271,városok!$A$2:$C$346,3,0)-VLOOKUP(AT$1,városok!$A$2:$C$346,3,0))^2)/1000,0)</f>
        <v>251</v>
      </c>
      <c r="AU271">
        <f ca="1">ROUND(SQRT((VLOOKUP($A271,városok!$A$2:$C$346,2,0)-VLOOKUP(AU$1,városok!$A$2:$C$346,2,0))^2+(VLOOKUP($A271,városok!$A$2:$C$346,3,0)-VLOOKUP(AU$1,városok!$A$2:$C$346,3,0))^2)/1000,0)</f>
        <v>241</v>
      </c>
      <c r="AV271">
        <f ca="1">ROUND(SQRT((VLOOKUP($A271,városok!$A$2:$C$346,2,0)-VLOOKUP(AV$1,városok!$A$2:$C$346,2,0))^2+(VLOOKUP($A271,városok!$A$2:$C$346,3,0)-VLOOKUP(AV$1,városok!$A$2:$C$346,3,0))^2)/1000,0)</f>
        <v>244</v>
      </c>
      <c r="AW271">
        <f ca="1">ROUND(SQRT((VLOOKUP($A271,városok!$A$2:$C$346,2,0)-VLOOKUP(AW$1,városok!$A$2:$C$346,2,0))^2+(VLOOKUP($A271,városok!$A$2:$C$346,3,0)-VLOOKUP(AW$1,városok!$A$2:$C$346,3,0))^2)/1000,0)</f>
        <v>247</v>
      </c>
      <c r="AX271">
        <f ca="1">ROUND(SQRT((VLOOKUP($A271,városok!$A$2:$C$346,2,0)-VLOOKUP(AX$1,városok!$A$2:$C$346,2,0))^2+(VLOOKUP($A271,városok!$A$2:$C$346,3,0)-VLOOKUP(AX$1,városok!$A$2:$C$346,3,0))^2)/1000,0)</f>
        <v>204</v>
      </c>
      <c r="AY271">
        <f ca="1">ROUND(SQRT((VLOOKUP($A271,városok!$A$2:$C$346,2,0)-VLOOKUP(AY$1,városok!$A$2:$C$346,2,0))^2+(VLOOKUP($A271,városok!$A$2:$C$346,3,0)-VLOOKUP(AY$1,városok!$A$2:$C$346,3,0))^2)/1000,0)</f>
        <v>228</v>
      </c>
      <c r="AZ271">
        <f ca="1">ROUND(SQRT((VLOOKUP($A271,városok!$A$2:$C$346,2,0)-VLOOKUP(AZ$1,városok!$A$2:$C$346,2,0))^2+(VLOOKUP($A271,városok!$A$2:$C$346,3,0)-VLOOKUP(AZ$1,városok!$A$2:$C$346,3,0))^2)/1000,0)</f>
        <v>234</v>
      </c>
      <c r="BA271">
        <f ca="1">ROUND(SQRT((VLOOKUP($A271,városok!$A$2:$C$346,2,0)-VLOOKUP(BA$1,városok!$A$2:$C$346,2,0))^2+(VLOOKUP($A271,városok!$A$2:$C$346,3,0)-VLOOKUP(BA$1,városok!$A$2:$C$346,3,0))^2)/1000,0)</f>
        <v>357</v>
      </c>
      <c r="BB271">
        <f ca="1">ROUND(SQRT((VLOOKUP($A271,városok!$A$2:$C$346,2,0)-VLOOKUP(BB$1,városok!$A$2:$C$346,2,0))^2+(VLOOKUP($A271,városok!$A$2:$C$346,3,0)-VLOOKUP(BB$1,városok!$A$2:$C$346,3,0))^2)/1000,0)</f>
        <v>353</v>
      </c>
      <c r="BC271">
        <f ca="1">ROUND(SQRT((VLOOKUP($A271,városok!$A$2:$C$346,2,0)-VLOOKUP(BC$1,városok!$A$2:$C$346,2,0))^2+(VLOOKUP($A271,városok!$A$2:$C$346,3,0)-VLOOKUP(BC$1,városok!$A$2:$C$346,3,0))^2)/1000,0)</f>
        <v>372</v>
      </c>
      <c r="BD271">
        <f ca="1">ROUND(SQRT((VLOOKUP($A271,városok!$A$2:$C$346,2,0)-VLOOKUP(BD$1,városok!$A$2:$C$346,2,0))^2+(VLOOKUP($A271,városok!$A$2:$C$346,3,0)-VLOOKUP(BD$1,városok!$A$2:$C$346,3,0))^2)/1000,0)</f>
        <v>326</v>
      </c>
      <c r="BE271">
        <f ca="1">ROUND(SQRT((VLOOKUP($A271,városok!$A$2:$C$346,2,0)-VLOOKUP(BE$1,városok!$A$2:$C$346,2,0))^2+(VLOOKUP($A271,városok!$A$2:$C$346,3,0)-VLOOKUP(BE$1,városok!$A$2:$C$346,3,0))^2)/1000,0)</f>
        <v>48</v>
      </c>
      <c r="BF271">
        <f ca="1">ROUND(SQRT((VLOOKUP($A271,városok!$A$2:$C$346,2,0)-VLOOKUP(BF$1,városok!$A$2:$C$346,2,0))^2+(VLOOKUP($A271,városok!$A$2:$C$346,3,0)-VLOOKUP(BF$1,városok!$A$2:$C$346,3,0))^2)/1000,0)</f>
        <v>25</v>
      </c>
      <c r="BG271">
        <f ca="1">ROUND(SQRT((VLOOKUP($A271,városok!$A$2:$C$346,2,0)-VLOOKUP(BG$1,városok!$A$2:$C$346,2,0))^2+(VLOOKUP($A271,városok!$A$2:$C$346,3,0)-VLOOKUP(BG$1,városok!$A$2:$C$346,3,0))^2)/1000,0)</f>
        <v>48</v>
      </c>
      <c r="BH271">
        <f ca="1">ROUND(SQRT((VLOOKUP($A271,városok!$A$2:$C$346,2,0)-VLOOKUP(BH$1,városok!$A$2:$C$346,2,0))^2+(VLOOKUP($A271,városok!$A$2:$C$346,3,0)-VLOOKUP(BH$1,városok!$A$2:$C$346,3,0))^2)/1000,0)</f>
        <v>48</v>
      </c>
      <c r="BI271">
        <f ca="1">ROUND(SQRT((VLOOKUP($A271,városok!$A$2:$C$346,2,0)-VLOOKUP(BI$1,városok!$A$2:$C$346,2,0))^2+(VLOOKUP($A271,városok!$A$2:$C$346,3,0)-VLOOKUP(BI$1,városok!$A$2:$C$346,3,0))^2)/1000,0)</f>
        <v>317</v>
      </c>
      <c r="BJ271">
        <f ca="1">ROUND(SQRT((VLOOKUP($A271,városok!$A$2:$C$346,2,0)-VLOOKUP(BJ$1,városok!$A$2:$C$346,2,0))^2+(VLOOKUP($A271,városok!$A$2:$C$346,3,0)-VLOOKUP(BJ$1,városok!$A$2:$C$346,3,0))^2)/1000,0)</f>
        <v>334</v>
      </c>
      <c r="BK271">
        <f ca="1">ROUND(SQRT((VLOOKUP($A271,városok!$A$2:$C$346,2,0)-VLOOKUP(BK$1,városok!$A$2:$C$346,2,0))^2+(VLOOKUP($A271,városok!$A$2:$C$346,3,0)-VLOOKUP(BK$1,városok!$A$2:$C$346,3,0))^2)/1000,0)</f>
        <v>315</v>
      </c>
      <c r="BL271">
        <f ca="1">ROUND(SQRT((VLOOKUP($A271,városok!$A$2:$C$346,2,0)-VLOOKUP(BL$1,városok!$A$2:$C$346,2,0))^2+(VLOOKUP($A271,városok!$A$2:$C$346,3,0)-VLOOKUP(BL$1,városok!$A$2:$C$346,3,0))^2)/1000,0)</f>
        <v>427</v>
      </c>
      <c r="BM271">
        <f ca="1">ROUND(SQRT((VLOOKUP($A271,városok!$A$2:$C$346,2,0)-VLOOKUP(BM$1,városok!$A$2:$C$346,2,0))^2+(VLOOKUP($A271,városok!$A$2:$C$346,3,0)-VLOOKUP(BM$1,városok!$A$2:$C$346,3,0))^2)/1000,0)</f>
        <v>395</v>
      </c>
      <c r="BN271">
        <f ca="1">ROUND(SQRT((VLOOKUP($A271,városok!$A$2:$C$346,2,0)-VLOOKUP(BN$1,városok!$A$2:$C$346,2,0))^2+(VLOOKUP($A271,városok!$A$2:$C$346,3,0)-VLOOKUP(BN$1,városok!$A$2:$C$346,3,0))^2)/1000,0)</f>
        <v>419</v>
      </c>
      <c r="BO271">
        <f ca="1">ROUND(SQRT((VLOOKUP($A271,városok!$A$2:$C$346,2,0)-VLOOKUP(BO$1,városok!$A$2:$C$346,2,0))^2+(VLOOKUP($A271,városok!$A$2:$C$346,3,0)-VLOOKUP(BO$1,városok!$A$2:$C$346,3,0))^2)/1000,0)</f>
        <v>325</v>
      </c>
      <c r="BP271">
        <f ca="1">ROUND(SQRT((VLOOKUP($A271,városok!$A$2:$C$346,2,0)-VLOOKUP(BP$1,városok!$A$2:$C$346,2,0))^2+(VLOOKUP($A271,városok!$A$2:$C$346,3,0)-VLOOKUP(BP$1,városok!$A$2:$C$346,3,0))^2)/1000,0)</f>
        <v>317</v>
      </c>
      <c r="BQ271">
        <f ca="1">ROUND(SQRT((VLOOKUP($A271,városok!$A$2:$C$346,2,0)-VLOOKUP(BQ$1,városok!$A$2:$C$346,2,0))^2+(VLOOKUP($A271,városok!$A$2:$C$346,3,0)-VLOOKUP(BQ$1,városok!$A$2:$C$346,3,0))^2)/1000,0)</f>
        <v>329</v>
      </c>
      <c r="BR271">
        <f ca="1">ROUND(SQRT((VLOOKUP($A271,városok!$A$2:$C$346,2,0)-VLOOKUP(BR$1,városok!$A$2:$C$346,2,0))^2+(VLOOKUP($A271,városok!$A$2:$C$346,3,0)-VLOOKUP(BR$1,városok!$A$2:$C$346,3,0))^2)/1000,0)</f>
        <v>389</v>
      </c>
      <c r="BS271">
        <f ca="1">ROUND(SQRT((VLOOKUP($A271,városok!$A$2:$C$346,2,0)-VLOOKUP(BS$1,városok!$A$2:$C$346,2,0))^2+(VLOOKUP($A271,városok!$A$2:$C$346,3,0)-VLOOKUP(BS$1,városok!$A$2:$C$346,3,0))^2)/1000,0)</f>
        <v>422</v>
      </c>
      <c r="BT271">
        <f ca="1">ROUND(SQRT((VLOOKUP($A271,városok!$A$2:$C$346,2,0)-VLOOKUP(BT$1,városok!$A$2:$C$346,2,0))^2+(VLOOKUP($A271,városok!$A$2:$C$346,3,0)-VLOOKUP(BT$1,városok!$A$2:$C$346,3,0))^2)/1000,0)</f>
        <v>416</v>
      </c>
    </row>
    <row r="272" spans="1:72" x14ac:dyDescent="0.2">
      <c r="A272" t="str">
        <f>városok!A272</f>
        <v>Balkány</v>
      </c>
      <c r="B272">
        <f ca="1">ROUND(SQRT((VLOOKUP($A272,városok!$A$2:$C$346,2,0)-VLOOKUP(B$1,városok!$A$2:$C$346,2,0))^2+(VLOOKUP($A272,városok!$A$2:$C$346,3,0)-VLOOKUP(B$1,városok!$A$2:$C$346,3,0))^2)/1000,0)</f>
        <v>282</v>
      </c>
      <c r="C272">
        <f ca="1">ROUND(SQRT((VLOOKUP($A272,városok!$A$2:$C$346,2,0)-VLOOKUP(C$1,városok!$A$2:$C$346,2,0))^2+(VLOOKUP($A272,városok!$A$2:$C$346,3,0)-VLOOKUP(C$1,városok!$A$2:$C$346,3,0))^2)/1000,0)</f>
        <v>258</v>
      </c>
      <c r="D272">
        <f ca="1">ROUND(SQRT((VLOOKUP($A272,városok!$A$2:$C$346,2,0)-VLOOKUP(D$1,városok!$A$2:$C$346,2,0))^2+(VLOOKUP($A272,városok!$A$2:$C$346,3,0)-VLOOKUP(D$1,városok!$A$2:$C$346,3,0))^2)/1000,0)</f>
        <v>189</v>
      </c>
      <c r="E272">
        <f ca="1">ROUND(SQRT((VLOOKUP($A272,városok!$A$2:$C$346,2,0)-VLOOKUP(E$1,városok!$A$2:$C$346,2,0))^2+(VLOOKUP($A272,városok!$A$2:$C$346,3,0)-VLOOKUP(E$1,városok!$A$2:$C$346,3,0))^2)/1000,0)</f>
        <v>325</v>
      </c>
      <c r="F272">
        <f ca="1">ROUND(SQRT((VLOOKUP($A272,városok!$A$2:$C$346,2,0)-VLOOKUP(F$1,városok!$A$2:$C$346,2,0))^2+(VLOOKUP($A272,városok!$A$2:$C$346,3,0)-VLOOKUP(F$1,városok!$A$2:$C$346,3,0))^2)/1000,0)</f>
        <v>312</v>
      </c>
      <c r="G272">
        <f ca="1">ROUND(SQRT((VLOOKUP($A272,városok!$A$2:$C$346,2,0)-VLOOKUP(G$1,városok!$A$2:$C$346,2,0))^2+(VLOOKUP($A272,városok!$A$2:$C$346,3,0)-VLOOKUP(G$1,városok!$A$2:$C$346,3,0))^2)/1000,0)</f>
        <v>333</v>
      </c>
      <c r="H272">
        <f ca="1">ROUND(SQRT((VLOOKUP($A272,városok!$A$2:$C$346,2,0)-VLOOKUP(H$1,városok!$A$2:$C$346,2,0))^2+(VLOOKUP($A272,városok!$A$2:$C$346,3,0)-VLOOKUP(H$1,városok!$A$2:$C$346,3,0))^2)/1000,0)</f>
        <v>363</v>
      </c>
      <c r="I272">
        <f ca="1">ROUND(SQRT((VLOOKUP($A272,városok!$A$2:$C$346,2,0)-VLOOKUP(I$1,városok!$A$2:$C$346,2,0))^2+(VLOOKUP($A272,városok!$A$2:$C$346,3,0)-VLOOKUP(I$1,városok!$A$2:$C$346,3,0))^2)/1000,0)</f>
        <v>135</v>
      </c>
      <c r="J272">
        <f ca="1">ROUND(SQRT((VLOOKUP($A272,városok!$A$2:$C$346,2,0)-VLOOKUP(J$1,városok!$A$2:$C$346,2,0))^2+(VLOOKUP($A272,városok!$A$2:$C$346,3,0)-VLOOKUP(J$1,városok!$A$2:$C$346,3,0))^2)/1000,0)</f>
        <v>133</v>
      </c>
      <c r="K272">
        <f ca="1">ROUND(SQRT((VLOOKUP($A272,városok!$A$2:$C$346,2,0)-VLOOKUP(K$1,városok!$A$2:$C$346,2,0))^2+(VLOOKUP($A272,városok!$A$2:$C$346,3,0)-VLOOKUP(K$1,városok!$A$2:$C$346,3,0))^2)/1000,0)</f>
        <v>161</v>
      </c>
      <c r="L272">
        <f ca="1">ROUND(SQRT((VLOOKUP($A272,városok!$A$2:$C$346,2,0)-VLOOKUP(L$1,városok!$A$2:$C$346,2,0))^2+(VLOOKUP($A272,városok!$A$2:$C$346,3,0)-VLOOKUP(L$1,városok!$A$2:$C$346,3,0))^2)/1000,0)</f>
        <v>106</v>
      </c>
      <c r="M272">
        <f ca="1">ROUND(SQRT((VLOOKUP($A272,városok!$A$2:$C$346,2,0)-VLOOKUP(M$1,városok!$A$2:$C$346,2,0))^2+(VLOOKUP($A272,városok!$A$2:$C$346,3,0)-VLOOKUP(M$1,városok!$A$2:$C$346,3,0))^2)/1000,0)</f>
        <v>87</v>
      </c>
      <c r="N272">
        <f ca="1">ROUND(SQRT((VLOOKUP($A272,városok!$A$2:$C$346,2,0)-VLOOKUP(N$1,városok!$A$2:$C$346,2,0))^2+(VLOOKUP($A272,városok!$A$2:$C$346,3,0)-VLOOKUP(N$1,városok!$A$2:$C$346,3,0))^2)/1000,0)</f>
        <v>127</v>
      </c>
      <c r="O272">
        <f ca="1">ROUND(SQRT((VLOOKUP($A272,városok!$A$2:$C$346,2,0)-VLOOKUP(O$1,városok!$A$2:$C$346,2,0))^2+(VLOOKUP($A272,városok!$A$2:$C$346,3,0)-VLOOKUP(O$1,városok!$A$2:$C$346,3,0))^2)/1000,0)</f>
        <v>71</v>
      </c>
      <c r="P272">
        <f ca="1">ROUND(SQRT((VLOOKUP($A272,városok!$A$2:$C$346,2,0)-VLOOKUP(P$1,városok!$A$2:$C$346,2,0))^2+(VLOOKUP($A272,városok!$A$2:$C$346,3,0)-VLOOKUP(P$1,városok!$A$2:$C$346,3,0))^2)/1000,0)</f>
        <v>71</v>
      </c>
      <c r="Q272">
        <f ca="1">ROUND(SQRT((VLOOKUP($A272,városok!$A$2:$C$346,2,0)-VLOOKUP(Q$1,városok!$A$2:$C$346,2,0))^2+(VLOOKUP($A272,városok!$A$2:$C$346,3,0)-VLOOKUP(Q$1,városok!$A$2:$C$346,3,0))^2)/1000,0)</f>
        <v>190</v>
      </c>
      <c r="R272">
        <f ca="1">ROUND(SQRT((VLOOKUP($A272,városok!$A$2:$C$346,2,0)-VLOOKUP(R$1,városok!$A$2:$C$346,2,0))^2+(VLOOKUP($A272,városok!$A$2:$C$346,3,0)-VLOOKUP(R$1,városok!$A$2:$C$346,3,0))^2)/1000,0)</f>
        <v>202</v>
      </c>
      <c r="S272">
        <f ca="1">ROUND(SQRT((VLOOKUP($A272,városok!$A$2:$C$346,2,0)-VLOOKUP(S$1,városok!$A$2:$C$346,2,0))^2+(VLOOKUP($A272,városok!$A$2:$C$346,3,0)-VLOOKUP(S$1,városok!$A$2:$C$346,3,0))^2)/1000,0)</f>
        <v>213</v>
      </c>
      <c r="T272">
        <f ca="1">ROUND(SQRT((VLOOKUP($A272,városok!$A$2:$C$346,2,0)-VLOOKUP(T$1,városok!$A$2:$C$346,2,0))^2+(VLOOKUP($A272,városok!$A$2:$C$346,3,0)-VLOOKUP(T$1,városok!$A$2:$C$346,3,0))^2)/1000,0)</f>
        <v>244</v>
      </c>
      <c r="U272">
        <f ca="1">ROUND(SQRT((VLOOKUP($A272,városok!$A$2:$C$346,2,0)-VLOOKUP(U$1,városok!$A$2:$C$346,2,0))^2+(VLOOKUP($A272,városok!$A$2:$C$346,3,0)-VLOOKUP(U$1,városok!$A$2:$C$346,3,0))^2)/1000,0)</f>
        <v>238</v>
      </c>
      <c r="V272">
        <f ca="1">ROUND(SQRT((VLOOKUP($A272,városok!$A$2:$C$346,2,0)-VLOOKUP(V$1,városok!$A$2:$C$346,2,0))^2+(VLOOKUP($A272,városok!$A$2:$C$346,3,0)-VLOOKUP(V$1,városok!$A$2:$C$346,3,0))^2)/1000,0)</f>
        <v>279</v>
      </c>
      <c r="W272">
        <f ca="1">ROUND(SQRT((VLOOKUP($A272,városok!$A$2:$C$346,2,0)-VLOOKUP(W$1,városok!$A$2:$C$346,2,0))^2+(VLOOKUP($A272,városok!$A$2:$C$346,3,0)-VLOOKUP(W$1,városok!$A$2:$C$346,3,0))^2)/1000,0)</f>
        <v>263</v>
      </c>
      <c r="X272">
        <f ca="1">ROUND(SQRT((VLOOKUP($A272,városok!$A$2:$C$346,2,0)-VLOOKUP(X$1,városok!$A$2:$C$346,2,0))^2+(VLOOKUP($A272,városok!$A$2:$C$346,3,0)-VLOOKUP(X$1,városok!$A$2:$C$346,3,0))^2)/1000,0)</f>
        <v>271</v>
      </c>
      <c r="Y272">
        <f ca="1">ROUND(SQRT((VLOOKUP($A272,városok!$A$2:$C$346,2,0)-VLOOKUP(Y$1,városok!$A$2:$C$346,2,0))^2+(VLOOKUP($A272,városok!$A$2:$C$346,3,0)-VLOOKUP(Y$1,városok!$A$2:$C$346,3,0))^2)/1000,0)</f>
        <v>317</v>
      </c>
      <c r="Z272">
        <f ca="1">ROUND(SQRT((VLOOKUP($A272,városok!$A$2:$C$346,2,0)-VLOOKUP(Z$1,városok!$A$2:$C$346,2,0))^2+(VLOOKUP($A272,városok!$A$2:$C$346,3,0)-VLOOKUP(Z$1,városok!$A$2:$C$346,3,0))^2)/1000,0)</f>
        <v>335</v>
      </c>
      <c r="AA272">
        <f ca="1">ROUND(SQRT((VLOOKUP($A272,városok!$A$2:$C$346,2,0)-VLOOKUP(AA$1,városok!$A$2:$C$346,2,0))^2+(VLOOKUP($A272,városok!$A$2:$C$346,3,0)-VLOOKUP(AA$1,városok!$A$2:$C$346,3,0))^2)/1000,0)</f>
        <v>395</v>
      </c>
      <c r="AB272">
        <f ca="1">ROUND(SQRT((VLOOKUP($A272,városok!$A$2:$C$346,2,0)-VLOOKUP(AB$1,városok!$A$2:$C$346,2,0))^2+(VLOOKUP($A272,városok!$A$2:$C$346,3,0)-VLOOKUP(AB$1,városok!$A$2:$C$346,3,0))^2)/1000,0)</f>
        <v>32</v>
      </c>
      <c r="AC272">
        <f ca="1">ROUND(SQRT((VLOOKUP($A272,városok!$A$2:$C$346,2,0)-VLOOKUP(AC$1,városok!$A$2:$C$346,2,0))^2+(VLOOKUP($A272,városok!$A$2:$C$346,3,0)-VLOOKUP(AC$1,városok!$A$2:$C$346,3,0))^2)/1000,0)</f>
        <v>50</v>
      </c>
      <c r="AD272">
        <f ca="1">ROUND(SQRT((VLOOKUP($A272,városok!$A$2:$C$346,2,0)-VLOOKUP(AD$1,városok!$A$2:$C$346,2,0))^2+(VLOOKUP($A272,városok!$A$2:$C$346,3,0)-VLOOKUP(AD$1,városok!$A$2:$C$346,3,0))^2)/1000,0)</f>
        <v>65</v>
      </c>
      <c r="AE272">
        <f ca="1">ROUND(SQRT((VLOOKUP($A272,városok!$A$2:$C$346,2,0)-VLOOKUP(AE$1,városok!$A$2:$C$346,2,0))^2+(VLOOKUP($A272,városok!$A$2:$C$346,3,0)-VLOOKUP(AE$1,városok!$A$2:$C$346,3,0))^2)/1000,0)</f>
        <v>75</v>
      </c>
      <c r="AF272">
        <f ca="1">ROUND(SQRT((VLOOKUP($A272,városok!$A$2:$C$346,2,0)-VLOOKUP(AF$1,városok!$A$2:$C$346,2,0))^2+(VLOOKUP($A272,városok!$A$2:$C$346,3,0)-VLOOKUP(AF$1,városok!$A$2:$C$346,3,0))^2)/1000,0)</f>
        <v>111</v>
      </c>
      <c r="AG272">
        <f ca="1">ROUND(SQRT((VLOOKUP($A272,városok!$A$2:$C$346,2,0)-VLOOKUP(AG$1,városok!$A$2:$C$346,2,0))^2+(VLOOKUP($A272,városok!$A$2:$C$346,3,0)-VLOOKUP(AG$1,városok!$A$2:$C$346,3,0))^2)/1000,0)</f>
        <v>144</v>
      </c>
      <c r="AH272">
        <f ca="1">ROUND(SQRT((VLOOKUP($A272,városok!$A$2:$C$346,2,0)-VLOOKUP(AH$1,városok!$A$2:$C$346,2,0))^2+(VLOOKUP($A272,városok!$A$2:$C$346,3,0)-VLOOKUP(AH$1,városok!$A$2:$C$346,3,0))^2)/1000,0)</f>
        <v>164</v>
      </c>
      <c r="AI272">
        <f ca="1">ROUND(SQRT((VLOOKUP($A272,városok!$A$2:$C$346,2,0)-VLOOKUP(AI$1,városok!$A$2:$C$346,2,0))^2+(VLOOKUP($A272,városok!$A$2:$C$346,3,0)-VLOOKUP(AI$1,városok!$A$2:$C$346,3,0))^2)/1000,0)</f>
        <v>134</v>
      </c>
      <c r="AJ272">
        <f ca="1">ROUND(SQRT((VLOOKUP($A272,városok!$A$2:$C$346,2,0)-VLOOKUP(AJ$1,városok!$A$2:$C$346,2,0))^2+(VLOOKUP($A272,városok!$A$2:$C$346,3,0)-VLOOKUP(AJ$1,városok!$A$2:$C$346,3,0))^2)/1000,0)</f>
        <v>141</v>
      </c>
      <c r="AK272">
        <f ca="1">ROUND(SQRT((VLOOKUP($A272,városok!$A$2:$C$346,2,0)-VLOOKUP(AK$1,városok!$A$2:$C$346,2,0))^2+(VLOOKUP($A272,városok!$A$2:$C$346,3,0)-VLOOKUP(AK$1,városok!$A$2:$C$346,3,0))^2)/1000,0)</f>
        <v>86</v>
      </c>
      <c r="AL272">
        <f ca="1">ROUND(SQRT((VLOOKUP($A272,városok!$A$2:$C$346,2,0)-VLOOKUP(AL$1,városok!$A$2:$C$346,2,0))^2+(VLOOKUP($A272,városok!$A$2:$C$346,3,0)-VLOOKUP(AL$1,városok!$A$2:$C$346,3,0))^2)/1000,0)</f>
        <v>102</v>
      </c>
      <c r="AM272">
        <f ca="1">ROUND(SQRT((VLOOKUP($A272,városok!$A$2:$C$346,2,0)-VLOOKUP(AM$1,városok!$A$2:$C$346,2,0))^2+(VLOOKUP($A272,városok!$A$2:$C$346,3,0)-VLOOKUP(AM$1,városok!$A$2:$C$346,3,0))^2)/1000,0)</f>
        <v>142</v>
      </c>
      <c r="AN272">
        <f ca="1">ROUND(SQRT((VLOOKUP($A272,városok!$A$2:$C$346,2,0)-VLOOKUP(AN$1,városok!$A$2:$C$346,2,0))^2+(VLOOKUP($A272,városok!$A$2:$C$346,3,0)-VLOOKUP(AN$1,városok!$A$2:$C$346,3,0))^2)/1000,0)</f>
        <v>233</v>
      </c>
      <c r="AO272">
        <f ca="1">ROUND(SQRT((VLOOKUP($A272,városok!$A$2:$C$346,2,0)-VLOOKUP(AO$1,városok!$A$2:$C$346,2,0))^2+(VLOOKUP($A272,városok!$A$2:$C$346,3,0)-VLOOKUP(AO$1,városok!$A$2:$C$346,3,0))^2)/1000,0)</f>
        <v>280</v>
      </c>
      <c r="AP272">
        <f ca="1">ROUND(SQRT((VLOOKUP($A272,városok!$A$2:$C$346,2,0)-VLOOKUP(AP$1,városok!$A$2:$C$346,2,0))^2+(VLOOKUP($A272,városok!$A$2:$C$346,3,0)-VLOOKUP(AP$1,városok!$A$2:$C$346,3,0))^2)/1000,0)</f>
        <v>265</v>
      </c>
      <c r="AQ272">
        <f ca="1">ROUND(SQRT((VLOOKUP($A272,városok!$A$2:$C$346,2,0)-VLOOKUP(AQ$1,városok!$A$2:$C$346,2,0))^2+(VLOOKUP($A272,városok!$A$2:$C$346,3,0)-VLOOKUP(AQ$1,városok!$A$2:$C$346,3,0))^2)/1000,0)</f>
        <v>260</v>
      </c>
      <c r="AR272">
        <f ca="1">ROUND(SQRT((VLOOKUP($A272,városok!$A$2:$C$346,2,0)-VLOOKUP(AR$1,városok!$A$2:$C$346,2,0))^2+(VLOOKUP($A272,városok!$A$2:$C$346,3,0)-VLOOKUP(AR$1,városok!$A$2:$C$346,3,0))^2)/1000,0)</f>
        <v>162</v>
      </c>
      <c r="AS272">
        <f ca="1">ROUND(SQRT((VLOOKUP($A272,városok!$A$2:$C$346,2,0)-VLOOKUP(AS$1,városok!$A$2:$C$346,2,0))^2+(VLOOKUP($A272,városok!$A$2:$C$346,3,0)-VLOOKUP(AS$1,városok!$A$2:$C$346,3,0))^2)/1000,0)</f>
        <v>157</v>
      </c>
      <c r="AT272">
        <f ca="1">ROUND(SQRT((VLOOKUP($A272,városok!$A$2:$C$346,2,0)-VLOOKUP(AT$1,városok!$A$2:$C$346,2,0))^2+(VLOOKUP($A272,városok!$A$2:$C$346,3,0)-VLOOKUP(AT$1,városok!$A$2:$C$346,3,0))^2)/1000,0)</f>
        <v>230</v>
      </c>
      <c r="AU272">
        <f ca="1">ROUND(SQRT((VLOOKUP($A272,városok!$A$2:$C$346,2,0)-VLOOKUP(AU$1,városok!$A$2:$C$346,2,0))^2+(VLOOKUP($A272,városok!$A$2:$C$346,3,0)-VLOOKUP(AU$1,városok!$A$2:$C$346,3,0))^2)/1000,0)</f>
        <v>220</v>
      </c>
      <c r="AV272">
        <f ca="1">ROUND(SQRT((VLOOKUP($A272,városok!$A$2:$C$346,2,0)-VLOOKUP(AV$1,városok!$A$2:$C$346,2,0))^2+(VLOOKUP($A272,városok!$A$2:$C$346,3,0)-VLOOKUP(AV$1,városok!$A$2:$C$346,3,0))^2)/1000,0)</f>
        <v>222</v>
      </c>
      <c r="AW272">
        <f ca="1">ROUND(SQRT((VLOOKUP($A272,városok!$A$2:$C$346,2,0)-VLOOKUP(AW$1,városok!$A$2:$C$346,2,0))^2+(VLOOKUP($A272,városok!$A$2:$C$346,3,0)-VLOOKUP(AW$1,városok!$A$2:$C$346,3,0))^2)/1000,0)</f>
        <v>225</v>
      </c>
      <c r="AX272">
        <f ca="1">ROUND(SQRT((VLOOKUP($A272,városok!$A$2:$C$346,2,0)-VLOOKUP(AX$1,városok!$A$2:$C$346,2,0))^2+(VLOOKUP($A272,városok!$A$2:$C$346,3,0)-VLOOKUP(AX$1,városok!$A$2:$C$346,3,0))^2)/1000,0)</f>
        <v>177</v>
      </c>
      <c r="AY272">
        <f ca="1">ROUND(SQRT((VLOOKUP($A272,városok!$A$2:$C$346,2,0)-VLOOKUP(AY$1,városok!$A$2:$C$346,2,0))^2+(VLOOKUP($A272,városok!$A$2:$C$346,3,0)-VLOOKUP(AY$1,városok!$A$2:$C$346,3,0))^2)/1000,0)</f>
        <v>210</v>
      </c>
      <c r="AZ272">
        <f ca="1">ROUND(SQRT((VLOOKUP($A272,városok!$A$2:$C$346,2,0)-VLOOKUP(AZ$1,városok!$A$2:$C$346,2,0))^2+(VLOOKUP($A272,városok!$A$2:$C$346,3,0)-VLOOKUP(AZ$1,városok!$A$2:$C$346,3,0))^2)/1000,0)</f>
        <v>216</v>
      </c>
      <c r="BA272">
        <f ca="1">ROUND(SQRT((VLOOKUP($A272,városok!$A$2:$C$346,2,0)-VLOOKUP(BA$1,városok!$A$2:$C$346,2,0))^2+(VLOOKUP($A272,városok!$A$2:$C$346,3,0)-VLOOKUP(BA$1,városok!$A$2:$C$346,3,0))^2)/1000,0)</f>
        <v>333</v>
      </c>
      <c r="BB272">
        <f ca="1">ROUND(SQRT((VLOOKUP($A272,városok!$A$2:$C$346,2,0)-VLOOKUP(BB$1,városok!$A$2:$C$346,2,0))^2+(VLOOKUP($A272,városok!$A$2:$C$346,3,0)-VLOOKUP(BB$1,városok!$A$2:$C$346,3,0))^2)/1000,0)</f>
        <v>327</v>
      </c>
      <c r="BC272">
        <f ca="1">ROUND(SQRT((VLOOKUP($A272,városok!$A$2:$C$346,2,0)-VLOOKUP(BC$1,városok!$A$2:$C$346,2,0))^2+(VLOOKUP($A272,városok!$A$2:$C$346,3,0)-VLOOKUP(BC$1,városok!$A$2:$C$346,3,0))^2)/1000,0)</f>
        <v>346</v>
      </c>
      <c r="BD272">
        <f ca="1">ROUND(SQRT((VLOOKUP($A272,városok!$A$2:$C$346,2,0)-VLOOKUP(BD$1,városok!$A$2:$C$346,2,0))^2+(VLOOKUP($A272,városok!$A$2:$C$346,3,0)-VLOOKUP(BD$1,városok!$A$2:$C$346,3,0))^2)/1000,0)</f>
        <v>302</v>
      </c>
      <c r="BE272">
        <f ca="1">ROUND(SQRT((VLOOKUP($A272,városok!$A$2:$C$346,2,0)-VLOOKUP(BE$1,városok!$A$2:$C$346,2,0))^2+(VLOOKUP($A272,városok!$A$2:$C$346,3,0)-VLOOKUP(BE$1,városok!$A$2:$C$346,3,0))^2)/1000,0)</f>
        <v>62</v>
      </c>
      <c r="BF272">
        <f ca="1">ROUND(SQRT((VLOOKUP($A272,városok!$A$2:$C$346,2,0)-VLOOKUP(BF$1,városok!$A$2:$C$346,2,0))^2+(VLOOKUP($A272,városok!$A$2:$C$346,3,0)-VLOOKUP(BF$1,városok!$A$2:$C$346,3,0))^2)/1000,0)</f>
        <v>53</v>
      </c>
      <c r="BG272">
        <f ca="1">ROUND(SQRT((VLOOKUP($A272,városok!$A$2:$C$346,2,0)-VLOOKUP(BG$1,városok!$A$2:$C$346,2,0))^2+(VLOOKUP($A272,városok!$A$2:$C$346,3,0)-VLOOKUP(BG$1,városok!$A$2:$C$346,3,0))^2)/1000,0)</f>
        <v>49</v>
      </c>
      <c r="BH272">
        <f ca="1">ROUND(SQRT((VLOOKUP($A272,városok!$A$2:$C$346,2,0)-VLOOKUP(BH$1,városok!$A$2:$C$346,2,0))^2+(VLOOKUP($A272,városok!$A$2:$C$346,3,0)-VLOOKUP(BH$1,városok!$A$2:$C$346,3,0))^2)/1000,0)</f>
        <v>49</v>
      </c>
      <c r="BI272">
        <f ca="1">ROUND(SQRT((VLOOKUP($A272,városok!$A$2:$C$346,2,0)-VLOOKUP(BI$1,városok!$A$2:$C$346,2,0))^2+(VLOOKUP($A272,városok!$A$2:$C$346,3,0)-VLOOKUP(BI$1,városok!$A$2:$C$346,3,0))^2)/1000,0)</f>
        <v>289</v>
      </c>
      <c r="BJ272">
        <f ca="1">ROUND(SQRT((VLOOKUP($A272,városok!$A$2:$C$346,2,0)-VLOOKUP(BJ$1,városok!$A$2:$C$346,2,0))^2+(VLOOKUP($A272,városok!$A$2:$C$346,3,0)-VLOOKUP(BJ$1,városok!$A$2:$C$346,3,0))^2)/1000,0)</f>
        <v>306</v>
      </c>
      <c r="BK272">
        <f ca="1">ROUND(SQRT((VLOOKUP($A272,városok!$A$2:$C$346,2,0)-VLOOKUP(BK$1,városok!$A$2:$C$346,2,0))^2+(VLOOKUP($A272,városok!$A$2:$C$346,3,0)-VLOOKUP(BK$1,városok!$A$2:$C$346,3,0))^2)/1000,0)</f>
        <v>287</v>
      </c>
      <c r="BL272">
        <f ca="1">ROUND(SQRT((VLOOKUP($A272,városok!$A$2:$C$346,2,0)-VLOOKUP(BL$1,városok!$A$2:$C$346,2,0))^2+(VLOOKUP($A272,városok!$A$2:$C$346,3,0)-VLOOKUP(BL$1,városok!$A$2:$C$346,3,0))^2)/1000,0)</f>
        <v>405</v>
      </c>
      <c r="BM272">
        <f ca="1">ROUND(SQRT((VLOOKUP($A272,városok!$A$2:$C$346,2,0)-VLOOKUP(BM$1,városok!$A$2:$C$346,2,0))^2+(VLOOKUP($A272,városok!$A$2:$C$346,3,0)-VLOOKUP(BM$1,városok!$A$2:$C$346,3,0))^2)/1000,0)</f>
        <v>375</v>
      </c>
      <c r="BN272">
        <f ca="1">ROUND(SQRT((VLOOKUP($A272,városok!$A$2:$C$346,2,0)-VLOOKUP(BN$1,városok!$A$2:$C$346,2,0))^2+(VLOOKUP($A272,városok!$A$2:$C$346,3,0)-VLOOKUP(BN$1,városok!$A$2:$C$346,3,0))^2)/1000,0)</f>
        <v>398</v>
      </c>
      <c r="BO272">
        <f ca="1">ROUND(SQRT((VLOOKUP($A272,városok!$A$2:$C$346,2,0)-VLOOKUP(BO$1,városok!$A$2:$C$346,2,0))^2+(VLOOKUP($A272,városok!$A$2:$C$346,3,0)-VLOOKUP(BO$1,városok!$A$2:$C$346,3,0))^2)/1000,0)</f>
        <v>301</v>
      </c>
      <c r="BP272">
        <f ca="1">ROUND(SQRT((VLOOKUP($A272,városok!$A$2:$C$346,2,0)-VLOOKUP(BP$1,városok!$A$2:$C$346,2,0))^2+(VLOOKUP($A272,városok!$A$2:$C$346,3,0)-VLOOKUP(BP$1,városok!$A$2:$C$346,3,0))^2)/1000,0)</f>
        <v>294</v>
      </c>
      <c r="BQ272">
        <f ca="1">ROUND(SQRT((VLOOKUP($A272,városok!$A$2:$C$346,2,0)-VLOOKUP(BQ$1,városok!$A$2:$C$346,2,0))^2+(VLOOKUP($A272,városok!$A$2:$C$346,3,0)-VLOOKUP(BQ$1,városok!$A$2:$C$346,3,0))^2)/1000,0)</f>
        <v>307</v>
      </c>
      <c r="BR272">
        <f ca="1">ROUND(SQRT((VLOOKUP($A272,városok!$A$2:$C$346,2,0)-VLOOKUP(BR$1,városok!$A$2:$C$346,2,0))^2+(VLOOKUP($A272,városok!$A$2:$C$346,3,0)-VLOOKUP(BR$1,városok!$A$2:$C$346,3,0))^2)/1000,0)</f>
        <v>365</v>
      </c>
      <c r="BS272">
        <f ca="1">ROUND(SQRT((VLOOKUP($A272,városok!$A$2:$C$346,2,0)-VLOOKUP(BS$1,városok!$A$2:$C$346,2,0))^2+(VLOOKUP($A272,városok!$A$2:$C$346,3,0)-VLOOKUP(BS$1,városok!$A$2:$C$346,3,0))^2)/1000,0)</f>
        <v>397</v>
      </c>
      <c r="BT272">
        <f ca="1">ROUND(SQRT((VLOOKUP($A272,városok!$A$2:$C$346,2,0)-VLOOKUP(BT$1,városok!$A$2:$C$346,2,0))^2+(VLOOKUP($A272,városok!$A$2:$C$346,3,0)-VLOOKUP(BT$1,városok!$A$2:$C$346,3,0))^2)/1000,0)</f>
        <v>393</v>
      </c>
    </row>
    <row r="273" spans="1:72" x14ac:dyDescent="0.2">
      <c r="A273" t="str">
        <f>városok!A273</f>
        <v>Csenger</v>
      </c>
      <c r="B273">
        <f ca="1">ROUND(SQRT((VLOOKUP($A273,városok!$A$2:$C$346,2,0)-VLOOKUP(B$1,városok!$A$2:$C$346,2,0))^2+(VLOOKUP($A273,városok!$A$2:$C$346,3,0)-VLOOKUP(B$1,városok!$A$2:$C$346,3,0))^2)/1000,0)</f>
        <v>337</v>
      </c>
      <c r="C273">
        <f ca="1">ROUND(SQRT((VLOOKUP($A273,városok!$A$2:$C$346,2,0)-VLOOKUP(C$1,városok!$A$2:$C$346,2,0))^2+(VLOOKUP($A273,városok!$A$2:$C$346,3,0)-VLOOKUP(C$1,városok!$A$2:$C$346,3,0))^2)/1000,0)</f>
        <v>315</v>
      </c>
      <c r="D273">
        <f ca="1">ROUND(SQRT((VLOOKUP($A273,városok!$A$2:$C$346,2,0)-VLOOKUP(D$1,városok!$A$2:$C$346,2,0))^2+(VLOOKUP($A273,városok!$A$2:$C$346,3,0)-VLOOKUP(D$1,városok!$A$2:$C$346,3,0))^2)/1000,0)</f>
        <v>248</v>
      </c>
      <c r="E273">
        <f ca="1">ROUND(SQRT((VLOOKUP($A273,városok!$A$2:$C$346,2,0)-VLOOKUP(E$1,városok!$A$2:$C$346,2,0))^2+(VLOOKUP($A273,városok!$A$2:$C$346,3,0)-VLOOKUP(E$1,városok!$A$2:$C$346,3,0))^2)/1000,0)</f>
        <v>382</v>
      </c>
      <c r="F273">
        <f ca="1">ROUND(SQRT((VLOOKUP($A273,városok!$A$2:$C$346,2,0)-VLOOKUP(F$1,városok!$A$2:$C$346,2,0))^2+(VLOOKUP($A273,városok!$A$2:$C$346,3,0)-VLOOKUP(F$1,városok!$A$2:$C$346,3,0))^2)/1000,0)</f>
        <v>366</v>
      </c>
      <c r="G273">
        <f ca="1">ROUND(SQRT((VLOOKUP($A273,városok!$A$2:$C$346,2,0)-VLOOKUP(G$1,városok!$A$2:$C$346,2,0))^2+(VLOOKUP($A273,városok!$A$2:$C$346,3,0)-VLOOKUP(G$1,városok!$A$2:$C$346,3,0))^2)/1000,0)</f>
        <v>389</v>
      </c>
      <c r="H273">
        <f ca="1">ROUND(SQRT((VLOOKUP($A273,városok!$A$2:$C$346,2,0)-VLOOKUP(H$1,városok!$A$2:$C$346,2,0))^2+(VLOOKUP($A273,városok!$A$2:$C$346,3,0)-VLOOKUP(H$1,városok!$A$2:$C$346,3,0))^2)/1000,0)</f>
        <v>421</v>
      </c>
      <c r="I273">
        <f ca="1">ROUND(SQRT((VLOOKUP($A273,városok!$A$2:$C$346,2,0)-VLOOKUP(I$1,városok!$A$2:$C$346,2,0))^2+(VLOOKUP($A273,városok!$A$2:$C$346,3,0)-VLOOKUP(I$1,városok!$A$2:$C$346,3,0))^2)/1000,0)</f>
        <v>177</v>
      </c>
      <c r="J273">
        <f ca="1">ROUND(SQRT((VLOOKUP($A273,városok!$A$2:$C$346,2,0)-VLOOKUP(J$1,városok!$A$2:$C$346,2,0))^2+(VLOOKUP($A273,városok!$A$2:$C$346,3,0)-VLOOKUP(J$1,városok!$A$2:$C$346,3,0))^2)/1000,0)</f>
        <v>170</v>
      </c>
      <c r="K273">
        <f ca="1">ROUND(SQRT((VLOOKUP($A273,városok!$A$2:$C$346,2,0)-VLOOKUP(K$1,városok!$A$2:$C$346,2,0))^2+(VLOOKUP($A273,városok!$A$2:$C$346,3,0)-VLOOKUP(K$1,városok!$A$2:$C$346,3,0))^2)/1000,0)</f>
        <v>208</v>
      </c>
      <c r="L273">
        <f ca="1">ROUND(SQRT((VLOOKUP($A273,városok!$A$2:$C$346,2,0)-VLOOKUP(L$1,városok!$A$2:$C$346,2,0))^2+(VLOOKUP($A273,városok!$A$2:$C$346,3,0)-VLOOKUP(L$1,városok!$A$2:$C$346,3,0))^2)/1000,0)</f>
        <v>159</v>
      </c>
      <c r="M273">
        <f ca="1">ROUND(SQRT((VLOOKUP($A273,városok!$A$2:$C$346,2,0)-VLOOKUP(M$1,városok!$A$2:$C$346,2,0))^2+(VLOOKUP($A273,városok!$A$2:$C$346,3,0)-VLOOKUP(M$1,városok!$A$2:$C$346,3,0))^2)/1000,0)</f>
        <v>143</v>
      </c>
      <c r="N273">
        <f ca="1">ROUND(SQRT((VLOOKUP($A273,városok!$A$2:$C$346,2,0)-VLOOKUP(N$1,városok!$A$2:$C$346,2,0))^2+(VLOOKUP($A273,városok!$A$2:$C$346,3,0)-VLOOKUP(N$1,városok!$A$2:$C$346,3,0))^2)/1000,0)</f>
        <v>182</v>
      </c>
      <c r="O273">
        <f ca="1">ROUND(SQRT((VLOOKUP($A273,városok!$A$2:$C$346,2,0)-VLOOKUP(O$1,városok!$A$2:$C$346,2,0))^2+(VLOOKUP($A273,városok!$A$2:$C$346,3,0)-VLOOKUP(O$1,városok!$A$2:$C$346,3,0))^2)/1000,0)</f>
        <v>98</v>
      </c>
      <c r="P273">
        <f ca="1">ROUND(SQRT((VLOOKUP($A273,városok!$A$2:$C$346,2,0)-VLOOKUP(P$1,városok!$A$2:$C$346,2,0))^2+(VLOOKUP($A273,városok!$A$2:$C$346,3,0)-VLOOKUP(P$1,városok!$A$2:$C$346,3,0))^2)/1000,0)</f>
        <v>98</v>
      </c>
      <c r="Q273">
        <f ca="1">ROUND(SQRT((VLOOKUP($A273,városok!$A$2:$C$346,2,0)-VLOOKUP(Q$1,városok!$A$2:$C$346,2,0))^2+(VLOOKUP($A273,városok!$A$2:$C$346,3,0)-VLOOKUP(Q$1,városok!$A$2:$C$346,3,0))^2)/1000,0)</f>
        <v>238</v>
      </c>
      <c r="R273">
        <f ca="1">ROUND(SQRT((VLOOKUP($A273,városok!$A$2:$C$346,2,0)-VLOOKUP(R$1,városok!$A$2:$C$346,2,0))^2+(VLOOKUP($A273,városok!$A$2:$C$346,3,0)-VLOOKUP(R$1,városok!$A$2:$C$346,3,0))^2)/1000,0)</f>
        <v>245</v>
      </c>
      <c r="S273">
        <f ca="1">ROUND(SQRT((VLOOKUP($A273,városok!$A$2:$C$346,2,0)-VLOOKUP(S$1,városok!$A$2:$C$346,2,0))^2+(VLOOKUP($A273,városok!$A$2:$C$346,3,0)-VLOOKUP(S$1,városok!$A$2:$C$346,3,0))^2)/1000,0)</f>
        <v>260</v>
      </c>
      <c r="T273">
        <f ca="1">ROUND(SQRT((VLOOKUP($A273,városok!$A$2:$C$346,2,0)-VLOOKUP(T$1,városok!$A$2:$C$346,2,0))^2+(VLOOKUP($A273,városok!$A$2:$C$346,3,0)-VLOOKUP(T$1,városok!$A$2:$C$346,3,0))^2)/1000,0)</f>
        <v>306</v>
      </c>
      <c r="U273">
        <f ca="1">ROUND(SQRT((VLOOKUP($A273,városok!$A$2:$C$346,2,0)-VLOOKUP(U$1,városok!$A$2:$C$346,2,0))^2+(VLOOKUP($A273,városok!$A$2:$C$346,3,0)-VLOOKUP(U$1,városok!$A$2:$C$346,3,0))^2)/1000,0)</f>
        <v>298</v>
      </c>
      <c r="V273">
        <f ca="1">ROUND(SQRT((VLOOKUP($A273,városok!$A$2:$C$346,2,0)-VLOOKUP(V$1,városok!$A$2:$C$346,2,0))^2+(VLOOKUP($A273,városok!$A$2:$C$346,3,0)-VLOOKUP(V$1,városok!$A$2:$C$346,3,0))^2)/1000,0)</f>
        <v>340</v>
      </c>
      <c r="W273">
        <f ca="1">ROUND(SQRT((VLOOKUP($A273,városok!$A$2:$C$346,2,0)-VLOOKUP(W$1,városok!$A$2:$C$346,2,0))^2+(VLOOKUP($A273,városok!$A$2:$C$346,3,0)-VLOOKUP(W$1,városok!$A$2:$C$346,3,0))^2)/1000,0)</f>
        <v>323</v>
      </c>
      <c r="X273">
        <f ca="1">ROUND(SQRT((VLOOKUP($A273,városok!$A$2:$C$346,2,0)-VLOOKUP(X$1,városok!$A$2:$C$346,2,0))^2+(VLOOKUP($A273,városok!$A$2:$C$346,3,0)-VLOOKUP(X$1,városok!$A$2:$C$346,3,0))^2)/1000,0)</f>
        <v>332</v>
      </c>
      <c r="Y273">
        <f ca="1">ROUND(SQRT((VLOOKUP($A273,városok!$A$2:$C$346,2,0)-VLOOKUP(Y$1,városok!$A$2:$C$346,2,0))^2+(VLOOKUP($A273,városok!$A$2:$C$346,3,0)-VLOOKUP(Y$1,városok!$A$2:$C$346,3,0))^2)/1000,0)</f>
        <v>378</v>
      </c>
      <c r="Z273">
        <f ca="1">ROUND(SQRT((VLOOKUP($A273,városok!$A$2:$C$346,2,0)-VLOOKUP(Z$1,városok!$A$2:$C$346,2,0))^2+(VLOOKUP($A273,városok!$A$2:$C$346,3,0)-VLOOKUP(Z$1,városok!$A$2:$C$346,3,0))^2)/1000,0)</f>
        <v>396</v>
      </c>
      <c r="AA273">
        <f ca="1">ROUND(SQRT((VLOOKUP($A273,városok!$A$2:$C$346,2,0)-VLOOKUP(AA$1,városok!$A$2:$C$346,2,0))^2+(VLOOKUP($A273,városok!$A$2:$C$346,3,0)-VLOOKUP(AA$1,városok!$A$2:$C$346,3,0))^2)/1000,0)</f>
        <v>456</v>
      </c>
      <c r="AB273">
        <f ca="1">ROUND(SQRT((VLOOKUP($A273,városok!$A$2:$C$346,2,0)-VLOOKUP(AB$1,városok!$A$2:$C$346,2,0))^2+(VLOOKUP($A273,városok!$A$2:$C$346,3,0)-VLOOKUP(AB$1,városok!$A$2:$C$346,3,0))^2)/1000,0)</f>
        <v>85</v>
      </c>
      <c r="AC273">
        <f ca="1">ROUND(SQRT((VLOOKUP($A273,városok!$A$2:$C$346,2,0)-VLOOKUP(AC$1,városok!$A$2:$C$346,2,0))^2+(VLOOKUP($A273,városok!$A$2:$C$346,3,0)-VLOOKUP(AC$1,városok!$A$2:$C$346,3,0))^2)/1000,0)</f>
        <v>105</v>
      </c>
      <c r="AD273">
        <f ca="1">ROUND(SQRT((VLOOKUP($A273,városok!$A$2:$C$346,2,0)-VLOOKUP(AD$1,városok!$A$2:$C$346,2,0))^2+(VLOOKUP($A273,városok!$A$2:$C$346,3,0)-VLOOKUP(AD$1,városok!$A$2:$C$346,3,0))^2)/1000,0)</f>
        <v>122</v>
      </c>
      <c r="AE273">
        <f ca="1">ROUND(SQRT((VLOOKUP($A273,városok!$A$2:$C$346,2,0)-VLOOKUP(AE$1,városok!$A$2:$C$346,2,0))^2+(VLOOKUP($A273,városok!$A$2:$C$346,3,0)-VLOOKUP(AE$1,városok!$A$2:$C$346,3,0))^2)/1000,0)</f>
        <v>129</v>
      </c>
      <c r="AF273">
        <f ca="1">ROUND(SQRT((VLOOKUP($A273,városok!$A$2:$C$346,2,0)-VLOOKUP(AF$1,városok!$A$2:$C$346,2,0))^2+(VLOOKUP($A273,városok!$A$2:$C$346,3,0)-VLOOKUP(AF$1,városok!$A$2:$C$346,3,0))^2)/1000,0)</f>
        <v>172</v>
      </c>
      <c r="AG273">
        <f ca="1">ROUND(SQRT((VLOOKUP($A273,városok!$A$2:$C$346,2,0)-VLOOKUP(AG$1,városok!$A$2:$C$346,2,0))^2+(VLOOKUP($A273,városok!$A$2:$C$346,3,0)-VLOOKUP(AG$1,városok!$A$2:$C$346,3,0))^2)/1000,0)</f>
        <v>206</v>
      </c>
      <c r="AH273">
        <f ca="1">ROUND(SQRT((VLOOKUP($A273,városok!$A$2:$C$346,2,0)-VLOOKUP(AH$1,városok!$A$2:$C$346,2,0))^2+(VLOOKUP($A273,városok!$A$2:$C$346,3,0)-VLOOKUP(AH$1,városok!$A$2:$C$346,3,0))^2)/1000,0)</f>
        <v>225</v>
      </c>
      <c r="AI273">
        <f ca="1">ROUND(SQRT((VLOOKUP($A273,városok!$A$2:$C$346,2,0)-VLOOKUP(AI$1,városok!$A$2:$C$346,2,0))^2+(VLOOKUP($A273,városok!$A$2:$C$346,3,0)-VLOOKUP(AI$1,városok!$A$2:$C$346,3,0))^2)/1000,0)</f>
        <v>193</v>
      </c>
      <c r="AJ273">
        <f ca="1">ROUND(SQRT((VLOOKUP($A273,városok!$A$2:$C$346,2,0)-VLOOKUP(AJ$1,városok!$A$2:$C$346,2,0))^2+(VLOOKUP($A273,városok!$A$2:$C$346,3,0)-VLOOKUP(AJ$1,városok!$A$2:$C$346,3,0))^2)/1000,0)</f>
        <v>203</v>
      </c>
      <c r="AK273">
        <f ca="1">ROUND(SQRT((VLOOKUP($A273,városok!$A$2:$C$346,2,0)-VLOOKUP(AK$1,városok!$A$2:$C$346,2,0))^2+(VLOOKUP($A273,városok!$A$2:$C$346,3,0)-VLOOKUP(AK$1,városok!$A$2:$C$346,3,0))^2)/1000,0)</f>
        <v>142</v>
      </c>
      <c r="AL273">
        <f ca="1">ROUND(SQRT((VLOOKUP($A273,városok!$A$2:$C$346,2,0)-VLOOKUP(AL$1,városok!$A$2:$C$346,2,0))^2+(VLOOKUP($A273,városok!$A$2:$C$346,3,0)-VLOOKUP(AL$1,városok!$A$2:$C$346,3,0))^2)/1000,0)</f>
        <v>162</v>
      </c>
      <c r="AM273">
        <f ca="1">ROUND(SQRT((VLOOKUP($A273,városok!$A$2:$C$346,2,0)-VLOOKUP(AM$1,városok!$A$2:$C$346,2,0))^2+(VLOOKUP($A273,városok!$A$2:$C$346,3,0)-VLOOKUP(AM$1,városok!$A$2:$C$346,3,0))^2)/1000,0)</f>
        <v>201</v>
      </c>
      <c r="AN273">
        <f ca="1">ROUND(SQRT((VLOOKUP($A273,városok!$A$2:$C$346,2,0)-VLOOKUP(AN$1,városok!$A$2:$C$346,2,0))^2+(VLOOKUP($A273,városok!$A$2:$C$346,3,0)-VLOOKUP(AN$1,városok!$A$2:$C$346,3,0))^2)/1000,0)</f>
        <v>294</v>
      </c>
      <c r="AO273">
        <f ca="1">ROUND(SQRT((VLOOKUP($A273,városok!$A$2:$C$346,2,0)-VLOOKUP(AO$1,városok!$A$2:$C$346,2,0))^2+(VLOOKUP($A273,városok!$A$2:$C$346,3,0)-VLOOKUP(AO$1,városok!$A$2:$C$346,3,0))^2)/1000,0)</f>
        <v>341</v>
      </c>
      <c r="AP273">
        <f ca="1">ROUND(SQRT((VLOOKUP($A273,városok!$A$2:$C$346,2,0)-VLOOKUP(AP$1,városok!$A$2:$C$346,2,0))^2+(VLOOKUP($A273,városok!$A$2:$C$346,3,0)-VLOOKUP(AP$1,városok!$A$2:$C$346,3,0))^2)/1000,0)</f>
        <v>326</v>
      </c>
      <c r="AQ273">
        <f ca="1">ROUND(SQRT((VLOOKUP($A273,városok!$A$2:$C$346,2,0)-VLOOKUP(AQ$1,városok!$A$2:$C$346,2,0))^2+(VLOOKUP($A273,városok!$A$2:$C$346,3,0)-VLOOKUP(AQ$1,városok!$A$2:$C$346,3,0))^2)/1000,0)</f>
        <v>321</v>
      </c>
      <c r="AR273">
        <f ca="1">ROUND(SQRT((VLOOKUP($A273,városok!$A$2:$C$346,2,0)-VLOOKUP(AR$1,városok!$A$2:$C$346,2,0))^2+(VLOOKUP($A273,városok!$A$2:$C$346,3,0)-VLOOKUP(AR$1,városok!$A$2:$C$346,3,0))^2)/1000,0)</f>
        <v>223</v>
      </c>
      <c r="AS273">
        <f ca="1">ROUND(SQRT((VLOOKUP($A273,városok!$A$2:$C$346,2,0)-VLOOKUP(AS$1,városok!$A$2:$C$346,2,0))^2+(VLOOKUP($A273,városok!$A$2:$C$346,3,0)-VLOOKUP(AS$1,városok!$A$2:$C$346,3,0))^2)/1000,0)</f>
        <v>215</v>
      </c>
      <c r="AT273">
        <f ca="1">ROUND(SQRT((VLOOKUP($A273,városok!$A$2:$C$346,2,0)-VLOOKUP(AT$1,városok!$A$2:$C$346,2,0))^2+(VLOOKUP($A273,városok!$A$2:$C$346,3,0)-VLOOKUP(AT$1,városok!$A$2:$C$346,3,0))^2)/1000,0)</f>
        <v>292</v>
      </c>
      <c r="AU273">
        <f ca="1">ROUND(SQRT((VLOOKUP($A273,városok!$A$2:$C$346,2,0)-VLOOKUP(AU$1,városok!$A$2:$C$346,2,0))^2+(VLOOKUP($A273,városok!$A$2:$C$346,3,0)-VLOOKUP(AU$1,városok!$A$2:$C$346,3,0))^2)/1000,0)</f>
        <v>282</v>
      </c>
      <c r="AV273">
        <f ca="1">ROUND(SQRT((VLOOKUP($A273,városok!$A$2:$C$346,2,0)-VLOOKUP(AV$1,városok!$A$2:$C$346,2,0))^2+(VLOOKUP($A273,városok!$A$2:$C$346,3,0)-VLOOKUP(AV$1,városok!$A$2:$C$346,3,0))^2)/1000,0)</f>
        <v>284</v>
      </c>
      <c r="AW273">
        <f ca="1">ROUND(SQRT((VLOOKUP($A273,városok!$A$2:$C$346,2,0)-VLOOKUP(AW$1,városok!$A$2:$C$346,2,0))^2+(VLOOKUP($A273,városok!$A$2:$C$346,3,0)-VLOOKUP(AW$1,városok!$A$2:$C$346,3,0))^2)/1000,0)</f>
        <v>287</v>
      </c>
      <c r="AX273">
        <f ca="1">ROUND(SQRT((VLOOKUP($A273,városok!$A$2:$C$346,2,0)-VLOOKUP(AX$1,városok!$A$2:$C$346,2,0))^2+(VLOOKUP($A273,városok!$A$2:$C$346,3,0)-VLOOKUP(AX$1,városok!$A$2:$C$346,3,0))^2)/1000,0)</f>
        <v>236</v>
      </c>
      <c r="AY273">
        <f ca="1">ROUND(SQRT((VLOOKUP($A273,városok!$A$2:$C$346,2,0)-VLOOKUP(AY$1,városok!$A$2:$C$346,2,0))^2+(VLOOKUP($A273,városok!$A$2:$C$346,3,0)-VLOOKUP(AY$1,városok!$A$2:$C$346,3,0))^2)/1000,0)</f>
        <v>271</v>
      </c>
      <c r="AZ273">
        <f ca="1">ROUND(SQRT((VLOOKUP($A273,városok!$A$2:$C$346,2,0)-VLOOKUP(AZ$1,városok!$A$2:$C$346,2,0))^2+(VLOOKUP($A273,városok!$A$2:$C$346,3,0)-VLOOKUP(AZ$1,városok!$A$2:$C$346,3,0))^2)/1000,0)</f>
        <v>277</v>
      </c>
      <c r="BA273">
        <f ca="1">ROUND(SQRT((VLOOKUP($A273,városok!$A$2:$C$346,2,0)-VLOOKUP(BA$1,városok!$A$2:$C$346,2,0))^2+(VLOOKUP($A273,városok!$A$2:$C$346,3,0)-VLOOKUP(BA$1,városok!$A$2:$C$346,3,0))^2)/1000,0)</f>
        <v>393</v>
      </c>
      <c r="BB273">
        <f ca="1">ROUND(SQRT((VLOOKUP($A273,városok!$A$2:$C$346,2,0)-VLOOKUP(BB$1,városok!$A$2:$C$346,2,0))^2+(VLOOKUP($A273,városok!$A$2:$C$346,3,0)-VLOOKUP(BB$1,városok!$A$2:$C$346,3,0))^2)/1000,0)</f>
        <v>386</v>
      </c>
      <c r="BC273">
        <f ca="1">ROUND(SQRT((VLOOKUP($A273,városok!$A$2:$C$346,2,0)-VLOOKUP(BC$1,városok!$A$2:$C$346,2,0))^2+(VLOOKUP($A273,városok!$A$2:$C$346,3,0)-VLOOKUP(BC$1,városok!$A$2:$C$346,3,0))^2)/1000,0)</f>
        <v>405</v>
      </c>
      <c r="BD273">
        <f ca="1">ROUND(SQRT((VLOOKUP($A273,városok!$A$2:$C$346,2,0)-VLOOKUP(BD$1,városok!$A$2:$C$346,2,0))^2+(VLOOKUP($A273,városok!$A$2:$C$346,3,0)-VLOOKUP(BD$1,városok!$A$2:$C$346,3,0))^2)/1000,0)</f>
        <v>363</v>
      </c>
      <c r="BE273">
        <f ca="1">ROUND(SQRT((VLOOKUP($A273,városok!$A$2:$C$346,2,0)-VLOOKUP(BE$1,városok!$A$2:$C$346,2,0))^2+(VLOOKUP($A273,városok!$A$2:$C$346,3,0)-VLOOKUP(BE$1,városok!$A$2:$C$346,3,0))^2)/1000,0)</f>
        <v>0</v>
      </c>
      <c r="BF273">
        <f ca="1">ROUND(SQRT((VLOOKUP($A273,városok!$A$2:$C$346,2,0)-VLOOKUP(BF$1,városok!$A$2:$C$346,2,0))^2+(VLOOKUP($A273,városok!$A$2:$C$346,3,0)-VLOOKUP(BF$1,városok!$A$2:$C$346,3,0))^2)/1000,0)</f>
        <v>62</v>
      </c>
      <c r="BG273">
        <f ca="1">ROUND(SQRT((VLOOKUP($A273,városok!$A$2:$C$346,2,0)-VLOOKUP(BG$1,városok!$A$2:$C$346,2,0))^2+(VLOOKUP($A273,városok!$A$2:$C$346,3,0)-VLOOKUP(BG$1,városok!$A$2:$C$346,3,0))^2)/1000,0)</f>
        <v>95</v>
      </c>
      <c r="BH273">
        <f ca="1">ROUND(SQRT((VLOOKUP($A273,városok!$A$2:$C$346,2,0)-VLOOKUP(BH$1,városok!$A$2:$C$346,2,0))^2+(VLOOKUP($A273,városok!$A$2:$C$346,3,0)-VLOOKUP(BH$1,városok!$A$2:$C$346,3,0))^2)/1000,0)</f>
        <v>96</v>
      </c>
      <c r="BI273">
        <f ca="1">ROUND(SQRT((VLOOKUP($A273,városok!$A$2:$C$346,2,0)-VLOOKUP(BI$1,városok!$A$2:$C$346,2,0))^2+(VLOOKUP($A273,városok!$A$2:$C$346,3,0)-VLOOKUP(BI$1,városok!$A$2:$C$346,3,0))^2)/1000,0)</f>
        <v>346</v>
      </c>
      <c r="BJ273">
        <f ca="1">ROUND(SQRT((VLOOKUP($A273,városok!$A$2:$C$346,2,0)-VLOOKUP(BJ$1,városok!$A$2:$C$346,2,0))^2+(VLOOKUP($A273,városok!$A$2:$C$346,3,0)-VLOOKUP(BJ$1,városok!$A$2:$C$346,3,0))^2)/1000,0)</f>
        <v>363</v>
      </c>
      <c r="BK273">
        <f ca="1">ROUND(SQRT((VLOOKUP($A273,városok!$A$2:$C$346,2,0)-VLOOKUP(BK$1,városok!$A$2:$C$346,2,0))^2+(VLOOKUP($A273,városok!$A$2:$C$346,3,0)-VLOOKUP(BK$1,városok!$A$2:$C$346,3,0))^2)/1000,0)</f>
        <v>343</v>
      </c>
      <c r="BL273">
        <f ca="1">ROUND(SQRT((VLOOKUP($A273,városok!$A$2:$C$346,2,0)-VLOOKUP(BL$1,városok!$A$2:$C$346,2,0))^2+(VLOOKUP($A273,városok!$A$2:$C$346,3,0)-VLOOKUP(BL$1,városok!$A$2:$C$346,3,0))^2)/1000,0)</f>
        <v>467</v>
      </c>
      <c r="BM273">
        <f ca="1">ROUND(SQRT((VLOOKUP($A273,városok!$A$2:$C$346,2,0)-VLOOKUP(BM$1,városok!$A$2:$C$346,2,0))^2+(VLOOKUP($A273,városok!$A$2:$C$346,3,0)-VLOOKUP(BM$1,városok!$A$2:$C$346,3,0))^2)/1000,0)</f>
        <v>437</v>
      </c>
      <c r="BN273">
        <f ca="1">ROUND(SQRT((VLOOKUP($A273,városok!$A$2:$C$346,2,0)-VLOOKUP(BN$1,városok!$A$2:$C$346,2,0))^2+(VLOOKUP($A273,városok!$A$2:$C$346,3,0)-VLOOKUP(BN$1,városok!$A$2:$C$346,3,0))^2)/1000,0)</f>
        <v>460</v>
      </c>
      <c r="BO273">
        <f ca="1">ROUND(SQRT((VLOOKUP($A273,városok!$A$2:$C$346,2,0)-VLOOKUP(BO$1,városok!$A$2:$C$346,2,0))^2+(VLOOKUP($A273,városok!$A$2:$C$346,3,0)-VLOOKUP(BO$1,városok!$A$2:$C$346,3,0))^2)/1000,0)</f>
        <v>363</v>
      </c>
      <c r="BP273">
        <f ca="1">ROUND(SQRT((VLOOKUP($A273,városok!$A$2:$C$346,2,0)-VLOOKUP(BP$1,városok!$A$2:$C$346,2,0))^2+(VLOOKUP($A273,városok!$A$2:$C$346,3,0)-VLOOKUP(BP$1,városok!$A$2:$C$346,3,0))^2)/1000,0)</f>
        <v>355</v>
      </c>
      <c r="BQ273">
        <f ca="1">ROUND(SQRT((VLOOKUP($A273,városok!$A$2:$C$346,2,0)-VLOOKUP(BQ$1,városok!$A$2:$C$346,2,0))^2+(VLOOKUP($A273,városok!$A$2:$C$346,3,0)-VLOOKUP(BQ$1,városok!$A$2:$C$346,3,0))^2)/1000,0)</f>
        <v>368</v>
      </c>
      <c r="BR273">
        <f ca="1">ROUND(SQRT((VLOOKUP($A273,városok!$A$2:$C$346,2,0)-VLOOKUP(BR$1,városok!$A$2:$C$346,2,0))^2+(VLOOKUP($A273,városok!$A$2:$C$346,3,0)-VLOOKUP(BR$1,városok!$A$2:$C$346,3,0))^2)/1000,0)</f>
        <v>426</v>
      </c>
      <c r="BS273">
        <f ca="1">ROUND(SQRT((VLOOKUP($A273,városok!$A$2:$C$346,2,0)-VLOOKUP(BS$1,városok!$A$2:$C$346,2,0))^2+(VLOOKUP($A273,városok!$A$2:$C$346,3,0)-VLOOKUP(BS$1,városok!$A$2:$C$346,3,0))^2)/1000,0)</f>
        <v>457</v>
      </c>
      <c r="BT273">
        <f ca="1">ROUND(SQRT((VLOOKUP($A273,városok!$A$2:$C$346,2,0)-VLOOKUP(BT$1,városok!$A$2:$C$346,2,0))^2+(VLOOKUP($A273,városok!$A$2:$C$346,3,0)-VLOOKUP(BT$1,városok!$A$2:$C$346,3,0))^2)/1000,0)</f>
        <v>454</v>
      </c>
    </row>
    <row r="274" spans="1:72" x14ac:dyDescent="0.2">
      <c r="A274" t="str">
        <f>városok!A274</f>
        <v>Demecser</v>
      </c>
      <c r="B274">
        <f ca="1">ROUND(SQRT((VLOOKUP($A274,városok!$A$2:$C$346,2,0)-VLOOKUP(B$1,városok!$A$2:$C$346,2,0))^2+(VLOOKUP($A274,városok!$A$2:$C$346,3,0)-VLOOKUP(B$1,városok!$A$2:$C$346,3,0))^2)/1000,0)</f>
        <v>310</v>
      </c>
      <c r="C274">
        <f ca="1">ROUND(SQRT((VLOOKUP($A274,városok!$A$2:$C$346,2,0)-VLOOKUP(C$1,városok!$A$2:$C$346,2,0))^2+(VLOOKUP($A274,városok!$A$2:$C$346,3,0)-VLOOKUP(C$1,városok!$A$2:$C$346,3,0))^2)/1000,0)</f>
        <v>283</v>
      </c>
      <c r="D274">
        <f ca="1">ROUND(SQRT((VLOOKUP($A274,városok!$A$2:$C$346,2,0)-VLOOKUP(D$1,városok!$A$2:$C$346,2,0))^2+(VLOOKUP($A274,városok!$A$2:$C$346,3,0)-VLOOKUP(D$1,városok!$A$2:$C$346,3,0))^2)/1000,0)</f>
        <v>214</v>
      </c>
      <c r="E274">
        <f ca="1">ROUND(SQRT((VLOOKUP($A274,városok!$A$2:$C$346,2,0)-VLOOKUP(E$1,városok!$A$2:$C$346,2,0))^2+(VLOOKUP($A274,városok!$A$2:$C$346,3,0)-VLOOKUP(E$1,városok!$A$2:$C$346,3,0))^2)/1000,0)</f>
        <v>350</v>
      </c>
      <c r="F274">
        <f ca="1">ROUND(SQRT((VLOOKUP($A274,városok!$A$2:$C$346,2,0)-VLOOKUP(F$1,városok!$A$2:$C$346,2,0))^2+(VLOOKUP($A274,városok!$A$2:$C$346,3,0)-VLOOKUP(F$1,városok!$A$2:$C$346,3,0))^2)/1000,0)</f>
        <v>340</v>
      </c>
      <c r="G274">
        <f ca="1">ROUND(SQRT((VLOOKUP($A274,városok!$A$2:$C$346,2,0)-VLOOKUP(G$1,városok!$A$2:$C$346,2,0))^2+(VLOOKUP($A274,városok!$A$2:$C$346,3,0)-VLOOKUP(G$1,városok!$A$2:$C$346,3,0))^2)/1000,0)</f>
        <v>358</v>
      </c>
      <c r="H274">
        <f ca="1">ROUND(SQRT((VLOOKUP($A274,városok!$A$2:$C$346,2,0)-VLOOKUP(H$1,városok!$A$2:$C$346,2,0))^2+(VLOOKUP($A274,városok!$A$2:$C$346,3,0)-VLOOKUP(H$1,városok!$A$2:$C$346,3,0))^2)/1000,0)</f>
        <v>388</v>
      </c>
      <c r="I274">
        <f ca="1">ROUND(SQRT((VLOOKUP($A274,városok!$A$2:$C$346,2,0)-VLOOKUP(I$1,városok!$A$2:$C$346,2,0))^2+(VLOOKUP($A274,városok!$A$2:$C$346,3,0)-VLOOKUP(I$1,városok!$A$2:$C$346,3,0))^2)/1000,0)</f>
        <v>171</v>
      </c>
      <c r="J274">
        <f ca="1">ROUND(SQRT((VLOOKUP($A274,városok!$A$2:$C$346,2,0)-VLOOKUP(J$1,városok!$A$2:$C$346,2,0))^2+(VLOOKUP($A274,városok!$A$2:$C$346,3,0)-VLOOKUP(J$1,városok!$A$2:$C$346,3,0))^2)/1000,0)</f>
        <v>170</v>
      </c>
      <c r="K274">
        <f ca="1">ROUND(SQRT((VLOOKUP($A274,városok!$A$2:$C$346,2,0)-VLOOKUP(K$1,városok!$A$2:$C$346,2,0))^2+(VLOOKUP($A274,városok!$A$2:$C$346,3,0)-VLOOKUP(K$1,városok!$A$2:$C$346,3,0))^2)/1000,0)</f>
        <v>196</v>
      </c>
      <c r="L274">
        <f ca="1">ROUND(SQRT((VLOOKUP($A274,városok!$A$2:$C$346,2,0)-VLOOKUP(L$1,városok!$A$2:$C$346,2,0))^2+(VLOOKUP($A274,városok!$A$2:$C$346,3,0)-VLOOKUP(L$1,városok!$A$2:$C$346,3,0))^2)/1000,0)</f>
        <v>97</v>
      </c>
      <c r="M274">
        <f ca="1">ROUND(SQRT((VLOOKUP($A274,városok!$A$2:$C$346,2,0)-VLOOKUP(M$1,városok!$A$2:$C$346,2,0))^2+(VLOOKUP($A274,városok!$A$2:$C$346,3,0)-VLOOKUP(M$1,városok!$A$2:$C$346,3,0))^2)/1000,0)</f>
        <v>83</v>
      </c>
      <c r="N274">
        <f ca="1">ROUND(SQRT((VLOOKUP($A274,városok!$A$2:$C$346,2,0)-VLOOKUP(N$1,városok!$A$2:$C$346,2,0))^2+(VLOOKUP($A274,városok!$A$2:$C$346,3,0)-VLOOKUP(N$1,városok!$A$2:$C$346,3,0))^2)/1000,0)</f>
        <v>121</v>
      </c>
      <c r="O274">
        <f ca="1">ROUND(SQRT((VLOOKUP($A274,városok!$A$2:$C$346,2,0)-VLOOKUP(O$1,városok!$A$2:$C$346,2,0))^2+(VLOOKUP($A274,városok!$A$2:$C$346,3,0)-VLOOKUP(O$1,városok!$A$2:$C$346,3,0))^2)/1000,0)</f>
        <v>37</v>
      </c>
      <c r="P274">
        <f ca="1">ROUND(SQRT((VLOOKUP($A274,városok!$A$2:$C$346,2,0)-VLOOKUP(P$1,városok!$A$2:$C$346,2,0))^2+(VLOOKUP($A274,városok!$A$2:$C$346,3,0)-VLOOKUP(P$1,városok!$A$2:$C$346,3,0))^2)/1000,0)</f>
        <v>38</v>
      </c>
      <c r="Q274">
        <f ca="1">ROUND(SQRT((VLOOKUP($A274,városok!$A$2:$C$346,2,0)-VLOOKUP(Q$1,városok!$A$2:$C$346,2,0))^2+(VLOOKUP($A274,városok!$A$2:$C$346,3,0)-VLOOKUP(Q$1,városok!$A$2:$C$346,3,0))^2)/1000,0)</f>
        <v>223</v>
      </c>
      <c r="R274">
        <f ca="1">ROUND(SQRT((VLOOKUP($A274,városok!$A$2:$C$346,2,0)-VLOOKUP(R$1,városok!$A$2:$C$346,2,0))^2+(VLOOKUP($A274,városok!$A$2:$C$346,3,0)-VLOOKUP(R$1,városok!$A$2:$C$346,3,0))^2)/1000,0)</f>
        <v>237</v>
      </c>
      <c r="S274">
        <f ca="1">ROUND(SQRT((VLOOKUP($A274,városok!$A$2:$C$346,2,0)-VLOOKUP(S$1,városok!$A$2:$C$346,2,0))^2+(VLOOKUP($A274,városok!$A$2:$C$346,3,0)-VLOOKUP(S$1,városok!$A$2:$C$346,3,0))^2)/1000,0)</f>
        <v>246</v>
      </c>
      <c r="T274">
        <f ca="1">ROUND(SQRT((VLOOKUP($A274,városok!$A$2:$C$346,2,0)-VLOOKUP(T$1,városok!$A$2:$C$346,2,0))^2+(VLOOKUP($A274,városok!$A$2:$C$346,3,0)-VLOOKUP(T$1,városok!$A$2:$C$346,3,0))^2)/1000,0)</f>
        <v>255</v>
      </c>
      <c r="U274">
        <f ca="1">ROUND(SQRT((VLOOKUP($A274,városok!$A$2:$C$346,2,0)-VLOOKUP(U$1,városok!$A$2:$C$346,2,0))^2+(VLOOKUP($A274,városok!$A$2:$C$346,3,0)-VLOOKUP(U$1,városok!$A$2:$C$346,3,0))^2)/1000,0)</f>
        <v>258</v>
      </c>
      <c r="V274">
        <f ca="1">ROUND(SQRT((VLOOKUP($A274,városok!$A$2:$C$346,2,0)-VLOOKUP(V$1,városok!$A$2:$C$346,2,0))^2+(VLOOKUP($A274,városok!$A$2:$C$346,3,0)-VLOOKUP(V$1,városok!$A$2:$C$346,3,0))^2)/1000,0)</f>
        <v>296</v>
      </c>
      <c r="W274">
        <f ca="1">ROUND(SQRT((VLOOKUP($A274,városok!$A$2:$C$346,2,0)-VLOOKUP(W$1,városok!$A$2:$C$346,2,0))^2+(VLOOKUP($A274,városok!$A$2:$C$346,3,0)-VLOOKUP(W$1,városok!$A$2:$C$346,3,0))^2)/1000,0)</f>
        <v>283</v>
      </c>
      <c r="X274">
        <f ca="1">ROUND(SQRT((VLOOKUP($A274,városok!$A$2:$C$346,2,0)-VLOOKUP(X$1,városok!$A$2:$C$346,2,0))^2+(VLOOKUP($A274,városok!$A$2:$C$346,3,0)-VLOOKUP(X$1,városok!$A$2:$C$346,3,0))^2)/1000,0)</f>
        <v>284</v>
      </c>
      <c r="Y274">
        <f ca="1">ROUND(SQRT((VLOOKUP($A274,városok!$A$2:$C$346,2,0)-VLOOKUP(Y$1,városok!$A$2:$C$346,2,0))^2+(VLOOKUP($A274,városok!$A$2:$C$346,3,0)-VLOOKUP(Y$1,városok!$A$2:$C$346,3,0))^2)/1000,0)</f>
        <v>323</v>
      </c>
      <c r="Z274">
        <f ca="1">ROUND(SQRT((VLOOKUP($A274,városok!$A$2:$C$346,2,0)-VLOOKUP(Z$1,városok!$A$2:$C$346,2,0))^2+(VLOOKUP($A274,városok!$A$2:$C$346,3,0)-VLOOKUP(Z$1,városok!$A$2:$C$346,3,0))^2)/1000,0)</f>
        <v>341</v>
      </c>
      <c r="AA274">
        <f ca="1">ROUND(SQRT((VLOOKUP($A274,városok!$A$2:$C$346,2,0)-VLOOKUP(AA$1,városok!$A$2:$C$346,2,0))^2+(VLOOKUP($A274,városok!$A$2:$C$346,3,0)-VLOOKUP(AA$1,városok!$A$2:$C$346,3,0))^2)/1000,0)</f>
        <v>401</v>
      </c>
      <c r="AB274">
        <f ca="1">ROUND(SQRT((VLOOKUP($A274,városok!$A$2:$C$346,2,0)-VLOOKUP(AB$1,városok!$A$2:$C$346,2,0))^2+(VLOOKUP($A274,városok!$A$2:$C$346,3,0)-VLOOKUP(AB$1,városok!$A$2:$C$346,3,0))^2)/1000,0)</f>
        <v>68</v>
      </c>
      <c r="AC274">
        <f ca="1">ROUND(SQRT((VLOOKUP($A274,városok!$A$2:$C$346,2,0)-VLOOKUP(AC$1,városok!$A$2:$C$346,2,0))^2+(VLOOKUP($A274,városok!$A$2:$C$346,3,0)-VLOOKUP(AC$1,városok!$A$2:$C$346,3,0))^2)/1000,0)</f>
        <v>84</v>
      </c>
      <c r="AD274">
        <f ca="1">ROUND(SQRT((VLOOKUP($A274,városok!$A$2:$C$346,2,0)-VLOOKUP(AD$1,városok!$A$2:$C$346,2,0))^2+(VLOOKUP($A274,városok!$A$2:$C$346,3,0)-VLOOKUP(AD$1,városok!$A$2:$C$346,3,0))^2)/1000,0)</f>
        <v>95</v>
      </c>
      <c r="AE274">
        <f ca="1">ROUND(SQRT((VLOOKUP($A274,városok!$A$2:$C$346,2,0)-VLOOKUP(AE$1,városok!$A$2:$C$346,2,0))^2+(VLOOKUP($A274,városok!$A$2:$C$346,3,0)-VLOOKUP(AE$1,városok!$A$2:$C$346,3,0))^2)/1000,0)</f>
        <v>108</v>
      </c>
      <c r="AF274">
        <f ca="1">ROUND(SQRT((VLOOKUP($A274,városok!$A$2:$C$346,2,0)-VLOOKUP(AF$1,városok!$A$2:$C$346,2,0))^2+(VLOOKUP($A274,városok!$A$2:$C$346,3,0)-VLOOKUP(AF$1,városok!$A$2:$C$346,3,0))^2)/1000,0)</f>
        <v>117</v>
      </c>
      <c r="AG274">
        <f ca="1">ROUND(SQRT((VLOOKUP($A274,városok!$A$2:$C$346,2,0)-VLOOKUP(AG$1,városok!$A$2:$C$346,2,0))^2+(VLOOKUP($A274,városok!$A$2:$C$346,3,0)-VLOOKUP(AG$1,városok!$A$2:$C$346,3,0))^2)/1000,0)</f>
        <v>153</v>
      </c>
      <c r="AH274">
        <f ca="1">ROUND(SQRT((VLOOKUP($A274,városok!$A$2:$C$346,2,0)-VLOOKUP(AH$1,városok!$A$2:$C$346,2,0))^2+(VLOOKUP($A274,városok!$A$2:$C$346,3,0)-VLOOKUP(AH$1,városok!$A$2:$C$346,3,0))^2)/1000,0)</f>
        <v>174</v>
      </c>
      <c r="AI274">
        <f ca="1">ROUND(SQRT((VLOOKUP($A274,városok!$A$2:$C$346,2,0)-VLOOKUP(AI$1,városok!$A$2:$C$346,2,0))^2+(VLOOKUP($A274,városok!$A$2:$C$346,3,0)-VLOOKUP(AI$1,városok!$A$2:$C$346,3,0))^2)/1000,0)</f>
        <v>136</v>
      </c>
      <c r="AJ274">
        <f ca="1">ROUND(SQRT((VLOOKUP($A274,városok!$A$2:$C$346,2,0)-VLOOKUP(AJ$1,városok!$A$2:$C$346,2,0))^2+(VLOOKUP($A274,városok!$A$2:$C$346,3,0)-VLOOKUP(AJ$1,városok!$A$2:$C$346,3,0))^2)/1000,0)</f>
        <v>154</v>
      </c>
      <c r="AK274">
        <f ca="1">ROUND(SQRT((VLOOKUP($A274,városok!$A$2:$C$346,2,0)-VLOOKUP(AK$1,városok!$A$2:$C$346,2,0))^2+(VLOOKUP($A274,városok!$A$2:$C$346,3,0)-VLOOKUP(AK$1,városok!$A$2:$C$346,3,0))^2)/1000,0)</f>
        <v>116</v>
      </c>
      <c r="AL274">
        <f ca="1">ROUND(SQRT((VLOOKUP($A274,városok!$A$2:$C$346,2,0)-VLOOKUP(AL$1,városok!$A$2:$C$346,2,0))^2+(VLOOKUP($A274,városok!$A$2:$C$346,3,0)-VLOOKUP(AL$1,városok!$A$2:$C$346,3,0))^2)/1000,0)</f>
        <v>127</v>
      </c>
      <c r="AM274">
        <f ca="1">ROUND(SQRT((VLOOKUP($A274,városok!$A$2:$C$346,2,0)-VLOOKUP(AM$1,városok!$A$2:$C$346,2,0))^2+(VLOOKUP($A274,városok!$A$2:$C$346,3,0)-VLOOKUP(AM$1,városok!$A$2:$C$346,3,0))^2)/1000,0)</f>
        <v>166</v>
      </c>
      <c r="AN274">
        <f ca="1">ROUND(SQRT((VLOOKUP($A274,városok!$A$2:$C$346,2,0)-VLOOKUP(AN$1,városok!$A$2:$C$346,2,0))^2+(VLOOKUP($A274,városok!$A$2:$C$346,3,0)-VLOOKUP(AN$1,városok!$A$2:$C$346,3,0))^2)/1000,0)</f>
        <v>240</v>
      </c>
      <c r="AO274">
        <f ca="1">ROUND(SQRT((VLOOKUP($A274,városok!$A$2:$C$346,2,0)-VLOOKUP(AO$1,városok!$A$2:$C$346,2,0))^2+(VLOOKUP($A274,városok!$A$2:$C$346,3,0)-VLOOKUP(AO$1,városok!$A$2:$C$346,3,0))^2)/1000,0)</f>
        <v>286</v>
      </c>
      <c r="AP274">
        <f ca="1">ROUND(SQRT((VLOOKUP($A274,városok!$A$2:$C$346,2,0)-VLOOKUP(AP$1,városok!$A$2:$C$346,2,0))^2+(VLOOKUP($A274,városok!$A$2:$C$346,3,0)-VLOOKUP(AP$1,városok!$A$2:$C$346,3,0))^2)/1000,0)</f>
        <v>273</v>
      </c>
      <c r="AQ274">
        <f ca="1">ROUND(SQRT((VLOOKUP($A274,városok!$A$2:$C$346,2,0)-VLOOKUP(AQ$1,városok!$A$2:$C$346,2,0))^2+(VLOOKUP($A274,városok!$A$2:$C$346,3,0)-VLOOKUP(AQ$1,városok!$A$2:$C$346,3,0))^2)/1000,0)</f>
        <v>269</v>
      </c>
      <c r="AR274">
        <f ca="1">ROUND(SQRT((VLOOKUP($A274,városok!$A$2:$C$346,2,0)-VLOOKUP(AR$1,városok!$A$2:$C$346,2,0))^2+(VLOOKUP($A274,városok!$A$2:$C$346,3,0)-VLOOKUP(AR$1,városok!$A$2:$C$346,3,0))^2)/1000,0)</f>
        <v>167</v>
      </c>
      <c r="AS274">
        <f ca="1">ROUND(SQRT((VLOOKUP($A274,városok!$A$2:$C$346,2,0)-VLOOKUP(AS$1,városok!$A$2:$C$346,2,0))^2+(VLOOKUP($A274,városok!$A$2:$C$346,3,0)-VLOOKUP(AS$1,városok!$A$2:$C$346,3,0))^2)/1000,0)</f>
        <v>157</v>
      </c>
      <c r="AT274">
        <f ca="1">ROUND(SQRT((VLOOKUP($A274,városok!$A$2:$C$346,2,0)-VLOOKUP(AT$1,városok!$A$2:$C$346,2,0))^2+(VLOOKUP($A274,városok!$A$2:$C$346,3,0)-VLOOKUP(AT$1,városok!$A$2:$C$346,3,0))^2)/1000,0)</f>
        <v>243</v>
      </c>
      <c r="AU274">
        <f ca="1">ROUND(SQRT((VLOOKUP($A274,városok!$A$2:$C$346,2,0)-VLOOKUP(AU$1,városok!$A$2:$C$346,2,0))^2+(VLOOKUP($A274,városok!$A$2:$C$346,3,0)-VLOOKUP(AU$1,városok!$A$2:$C$346,3,0))^2)/1000,0)</f>
        <v>233</v>
      </c>
      <c r="AV274">
        <f ca="1">ROUND(SQRT((VLOOKUP($A274,városok!$A$2:$C$346,2,0)-VLOOKUP(AV$1,városok!$A$2:$C$346,2,0))^2+(VLOOKUP($A274,városok!$A$2:$C$346,3,0)-VLOOKUP(AV$1,városok!$A$2:$C$346,3,0))^2)/1000,0)</f>
        <v>235</v>
      </c>
      <c r="AW274">
        <f ca="1">ROUND(SQRT((VLOOKUP($A274,városok!$A$2:$C$346,2,0)-VLOOKUP(AW$1,városok!$A$2:$C$346,2,0))^2+(VLOOKUP($A274,városok!$A$2:$C$346,3,0)-VLOOKUP(AW$1,városok!$A$2:$C$346,3,0))^2)/1000,0)</f>
        <v>239</v>
      </c>
      <c r="AX274">
        <f ca="1">ROUND(SQRT((VLOOKUP($A274,városok!$A$2:$C$346,2,0)-VLOOKUP(AX$1,városok!$A$2:$C$346,2,0))^2+(VLOOKUP($A274,városok!$A$2:$C$346,3,0)-VLOOKUP(AX$1,városok!$A$2:$C$346,3,0))^2)/1000,0)</f>
        <v>200</v>
      </c>
      <c r="AY274">
        <f ca="1">ROUND(SQRT((VLOOKUP($A274,városok!$A$2:$C$346,2,0)-VLOOKUP(AY$1,városok!$A$2:$C$346,2,0))^2+(VLOOKUP($A274,városok!$A$2:$C$346,3,0)-VLOOKUP(AY$1,városok!$A$2:$C$346,3,0))^2)/1000,0)</f>
        <v>218</v>
      </c>
      <c r="AZ274">
        <f ca="1">ROUND(SQRT((VLOOKUP($A274,városok!$A$2:$C$346,2,0)-VLOOKUP(AZ$1,városok!$A$2:$C$346,2,0))^2+(VLOOKUP($A274,városok!$A$2:$C$346,3,0)-VLOOKUP(AZ$1,városok!$A$2:$C$346,3,0))^2)/1000,0)</f>
        <v>223</v>
      </c>
      <c r="BA274">
        <f ca="1">ROUND(SQRT((VLOOKUP($A274,városok!$A$2:$C$346,2,0)-VLOOKUP(BA$1,városok!$A$2:$C$346,2,0))^2+(VLOOKUP($A274,városok!$A$2:$C$346,3,0)-VLOOKUP(BA$1,városok!$A$2:$C$346,3,0))^2)/1000,0)</f>
        <v>350</v>
      </c>
      <c r="BB274">
        <f ca="1">ROUND(SQRT((VLOOKUP($A274,városok!$A$2:$C$346,2,0)-VLOOKUP(BB$1,városok!$A$2:$C$346,2,0))^2+(VLOOKUP($A274,városok!$A$2:$C$346,3,0)-VLOOKUP(BB$1,városok!$A$2:$C$346,3,0))^2)/1000,0)</f>
        <v>347</v>
      </c>
      <c r="BC274">
        <f ca="1">ROUND(SQRT((VLOOKUP($A274,városok!$A$2:$C$346,2,0)-VLOOKUP(BC$1,városok!$A$2:$C$346,2,0))^2+(VLOOKUP($A274,városok!$A$2:$C$346,3,0)-VLOOKUP(BC$1,városok!$A$2:$C$346,3,0))^2)/1000,0)</f>
        <v>368</v>
      </c>
      <c r="BD274">
        <f ca="1">ROUND(SQRT((VLOOKUP($A274,városok!$A$2:$C$346,2,0)-VLOOKUP(BD$1,városok!$A$2:$C$346,2,0))^2+(VLOOKUP($A274,városok!$A$2:$C$346,3,0)-VLOOKUP(BD$1,városok!$A$2:$C$346,3,0))^2)/1000,0)</f>
        <v>319</v>
      </c>
      <c r="BE274">
        <f ca="1">ROUND(SQRT((VLOOKUP($A274,városok!$A$2:$C$346,2,0)-VLOOKUP(BE$1,városok!$A$2:$C$346,2,0))^2+(VLOOKUP($A274,városok!$A$2:$C$346,3,0)-VLOOKUP(BE$1,városok!$A$2:$C$346,3,0))^2)/1000,0)</f>
        <v>64</v>
      </c>
      <c r="BF274">
        <f ca="1">ROUND(SQRT((VLOOKUP($A274,városok!$A$2:$C$346,2,0)-VLOOKUP(BF$1,városok!$A$2:$C$346,2,0))^2+(VLOOKUP($A274,városok!$A$2:$C$346,3,0)-VLOOKUP(BF$1,városok!$A$2:$C$346,3,0))^2)/1000,0)</f>
        <v>17</v>
      </c>
      <c r="BG274">
        <f ca="1">ROUND(SQRT((VLOOKUP($A274,városok!$A$2:$C$346,2,0)-VLOOKUP(BG$1,városok!$A$2:$C$346,2,0))^2+(VLOOKUP($A274,városok!$A$2:$C$346,3,0)-VLOOKUP(BG$1,városok!$A$2:$C$346,3,0))^2)/1000,0)</f>
        <v>33</v>
      </c>
      <c r="BH274">
        <f ca="1">ROUND(SQRT((VLOOKUP($A274,városok!$A$2:$C$346,2,0)-VLOOKUP(BH$1,városok!$A$2:$C$346,2,0))^2+(VLOOKUP($A274,városok!$A$2:$C$346,3,0)-VLOOKUP(BH$1,városok!$A$2:$C$346,3,0))^2)/1000,0)</f>
        <v>34</v>
      </c>
      <c r="BI274">
        <f ca="1">ROUND(SQRT((VLOOKUP($A274,városok!$A$2:$C$346,2,0)-VLOOKUP(BI$1,városok!$A$2:$C$346,2,0))^2+(VLOOKUP($A274,városok!$A$2:$C$346,3,0)-VLOOKUP(BI$1,városok!$A$2:$C$346,3,0))^2)/1000,0)</f>
        <v>313</v>
      </c>
      <c r="BJ274">
        <f ca="1">ROUND(SQRT((VLOOKUP($A274,városok!$A$2:$C$346,2,0)-VLOOKUP(BJ$1,városok!$A$2:$C$346,2,0))^2+(VLOOKUP($A274,városok!$A$2:$C$346,3,0)-VLOOKUP(BJ$1,városok!$A$2:$C$346,3,0))^2)/1000,0)</f>
        <v>331</v>
      </c>
      <c r="BK274">
        <f ca="1">ROUND(SQRT((VLOOKUP($A274,városok!$A$2:$C$346,2,0)-VLOOKUP(BK$1,városok!$A$2:$C$346,2,0))^2+(VLOOKUP($A274,városok!$A$2:$C$346,3,0)-VLOOKUP(BK$1,városok!$A$2:$C$346,3,0))^2)/1000,0)</f>
        <v>312</v>
      </c>
      <c r="BL274">
        <f ca="1">ROUND(SQRT((VLOOKUP($A274,városok!$A$2:$C$346,2,0)-VLOOKUP(BL$1,városok!$A$2:$C$346,2,0))^2+(VLOOKUP($A274,városok!$A$2:$C$346,3,0)-VLOOKUP(BL$1,városok!$A$2:$C$346,3,0))^2)/1000,0)</f>
        <v>418</v>
      </c>
      <c r="BM274">
        <f ca="1">ROUND(SQRT((VLOOKUP($A274,városok!$A$2:$C$346,2,0)-VLOOKUP(BM$1,városok!$A$2:$C$346,2,0))^2+(VLOOKUP($A274,városok!$A$2:$C$346,3,0)-VLOOKUP(BM$1,városok!$A$2:$C$346,3,0))^2)/1000,0)</f>
        <v>386</v>
      </c>
      <c r="BN274">
        <f ca="1">ROUND(SQRT((VLOOKUP($A274,városok!$A$2:$C$346,2,0)-VLOOKUP(BN$1,városok!$A$2:$C$346,2,0))^2+(VLOOKUP($A274,városok!$A$2:$C$346,3,0)-VLOOKUP(BN$1,városok!$A$2:$C$346,3,0))^2)/1000,0)</f>
        <v>409</v>
      </c>
      <c r="BO274">
        <f ca="1">ROUND(SQRT((VLOOKUP($A274,városok!$A$2:$C$346,2,0)-VLOOKUP(BO$1,városok!$A$2:$C$346,2,0))^2+(VLOOKUP($A274,városok!$A$2:$C$346,3,0)-VLOOKUP(BO$1,városok!$A$2:$C$346,3,0))^2)/1000,0)</f>
        <v>317</v>
      </c>
      <c r="BP274">
        <f ca="1">ROUND(SQRT((VLOOKUP($A274,városok!$A$2:$C$346,2,0)-VLOOKUP(BP$1,városok!$A$2:$C$346,2,0))^2+(VLOOKUP($A274,városok!$A$2:$C$346,3,0)-VLOOKUP(BP$1,városok!$A$2:$C$346,3,0))^2)/1000,0)</f>
        <v>310</v>
      </c>
      <c r="BQ274">
        <f ca="1">ROUND(SQRT((VLOOKUP($A274,városok!$A$2:$C$346,2,0)-VLOOKUP(BQ$1,városok!$A$2:$C$346,2,0))^2+(VLOOKUP($A274,városok!$A$2:$C$346,3,0)-VLOOKUP(BQ$1,városok!$A$2:$C$346,3,0))^2)/1000,0)</f>
        <v>322</v>
      </c>
      <c r="BR274">
        <f ca="1">ROUND(SQRT((VLOOKUP($A274,városok!$A$2:$C$346,2,0)-VLOOKUP(BR$1,városok!$A$2:$C$346,2,0))^2+(VLOOKUP($A274,városok!$A$2:$C$346,3,0)-VLOOKUP(BR$1,városok!$A$2:$C$346,3,0))^2)/1000,0)</f>
        <v>382</v>
      </c>
      <c r="BS274">
        <f ca="1">ROUND(SQRT((VLOOKUP($A274,városok!$A$2:$C$346,2,0)-VLOOKUP(BS$1,városok!$A$2:$C$346,2,0))^2+(VLOOKUP($A274,városok!$A$2:$C$346,3,0)-VLOOKUP(BS$1,városok!$A$2:$C$346,3,0))^2)/1000,0)</f>
        <v>415</v>
      </c>
      <c r="BT274">
        <f ca="1">ROUND(SQRT((VLOOKUP($A274,városok!$A$2:$C$346,2,0)-VLOOKUP(BT$1,városok!$A$2:$C$346,2,0))^2+(VLOOKUP($A274,városok!$A$2:$C$346,3,0)-VLOOKUP(BT$1,városok!$A$2:$C$346,3,0))^2)/1000,0)</f>
        <v>408</v>
      </c>
    </row>
    <row r="275" spans="1:72" x14ac:dyDescent="0.2">
      <c r="A275" t="str">
        <f>városok!A275</f>
        <v>Dombrád</v>
      </c>
      <c r="B275">
        <f ca="1">ROUND(SQRT((VLOOKUP($A275,városok!$A$2:$C$346,2,0)-VLOOKUP(B$1,városok!$A$2:$C$346,2,0))^2+(VLOOKUP($A275,városok!$A$2:$C$346,3,0)-VLOOKUP(B$1,városok!$A$2:$C$346,3,0))^2)/1000,0)</f>
        <v>319</v>
      </c>
      <c r="C275">
        <f ca="1">ROUND(SQRT((VLOOKUP($A275,városok!$A$2:$C$346,2,0)-VLOOKUP(C$1,városok!$A$2:$C$346,2,0))^2+(VLOOKUP($A275,városok!$A$2:$C$346,3,0)-VLOOKUP(C$1,városok!$A$2:$C$346,3,0))^2)/1000,0)</f>
        <v>292</v>
      </c>
      <c r="D275">
        <f ca="1">ROUND(SQRT((VLOOKUP($A275,városok!$A$2:$C$346,2,0)-VLOOKUP(D$1,városok!$A$2:$C$346,2,0))^2+(VLOOKUP($A275,városok!$A$2:$C$346,3,0)-VLOOKUP(D$1,városok!$A$2:$C$346,3,0))^2)/1000,0)</f>
        <v>223</v>
      </c>
      <c r="E275">
        <f ca="1">ROUND(SQRT((VLOOKUP($A275,városok!$A$2:$C$346,2,0)-VLOOKUP(E$1,városok!$A$2:$C$346,2,0))^2+(VLOOKUP($A275,városok!$A$2:$C$346,3,0)-VLOOKUP(E$1,városok!$A$2:$C$346,3,0))^2)/1000,0)</f>
        <v>358</v>
      </c>
      <c r="F275">
        <f ca="1">ROUND(SQRT((VLOOKUP($A275,városok!$A$2:$C$346,2,0)-VLOOKUP(F$1,városok!$A$2:$C$346,2,0))^2+(VLOOKUP($A275,városok!$A$2:$C$346,3,0)-VLOOKUP(F$1,városok!$A$2:$C$346,3,0))^2)/1000,0)</f>
        <v>349</v>
      </c>
      <c r="G275">
        <f ca="1">ROUND(SQRT((VLOOKUP($A275,városok!$A$2:$C$346,2,0)-VLOOKUP(G$1,városok!$A$2:$C$346,2,0))^2+(VLOOKUP($A275,városok!$A$2:$C$346,3,0)-VLOOKUP(G$1,városok!$A$2:$C$346,3,0))^2)/1000,0)</f>
        <v>367</v>
      </c>
      <c r="H275">
        <f ca="1">ROUND(SQRT((VLOOKUP($A275,városok!$A$2:$C$346,2,0)-VLOOKUP(H$1,városok!$A$2:$C$346,2,0))^2+(VLOOKUP($A275,városok!$A$2:$C$346,3,0)-VLOOKUP(H$1,városok!$A$2:$C$346,3,0))^2)/1000,0)</f>
        <v>396</v>
      </c>
      <c r="I275">
        <f ca="1">ROUND(SQRT((VLOOKUP($A275,városok!$A$2:$C$346,2,0)-VLOOKUP(I$1,városok!$A$2:$C$346,2,0))^2+(VLOOKUP($A275,városok!$A$2:$C$346,3,0)-VLOOKUP(I$1,városok!$A$2:$C$346,3,0))^2)/1000,0)</f>
        <v>184</v>
      </c>
      <c r="J275">
        <f ca="1">ROUND(SQRT((VLOOKUP($A275,városok!$A$2:$C$346,2,0)-VLOOKUP(J$1,városok!$A$2:$C$346,2,0))^2+(VLOOKUP($A275,városok!$A$2:$C$346,3,0)-VLOOKUP(J$1,városok!$A$2:$C$346,3,0))^2)/1000,0)</f>
        <v>183</v>
      </c>
      <c r="K275">
        <f ca="1">ROUND(SQRT((VLOOKUP($A275,városok!$A$2:$C$346,2,0)-VLOOKUP(K$1,városok!$A$2:$C$346,2,0))^2+(VLOOKUP($A275,városok!$A$2:$C$346,3,0)-VLOOKUP(K$1,városok!$A$2:$C$346,3,0))^2)/1000,0)</f>
        <v>208</v>
      </c>
      <c r="L275">
        <f ca="1">ROUND(SQRT((VLOOKUP($A275,városok!$A$2:$C$346,2,0)-VLOOKUP(L$1,városok!$A$2:$C$346,2,0))^2+(VLOOKUP($A275,városok!$A$2:$C$346,3,0)-VLOOKUP(L$1,városok!$A$2:$C$346,3,0))^2)/1000,0)</f>
        <v>95</v>
      </c>
      <c r="M275">
        <f ca="1">ROUND(SQRT((VLOOKUP($A275,városok!$A$2:$C$346,2,0)-VLOOKUP(M$1,városok!$A$2:$C$346,2,0))^2+(VLOOKUP($A275,városok!$A$2:$C$346,3,0)-VLOOKUP(M$1,városok!$A$2:$C$346,3,0))^2)/1000,0)</f>
        <v>85</v>
      </c>
      <c r="N275">
        <f ca="1">ROUND(SQRT((VLOOKUP($A275,városok!$A$2:$C$346,2,0)-VLOOKUP(N$1,városok!$A$2:$C$346,2,0))^2+(VLOOKUP($A275,városok!$A$2:$C$346,3,0)-VLOOKUP(N$1,városok!$A$2:$C$346,3,0))^2)/1000,0)</f>
        <v>121</v>
      </c>
      <c r="O275">
        <f ca="1">ROUND(SQRT((VLOOKUP($A275,városok!$A$2:$C$346,2,0)-VLOOKUP(O$1,városok!$A$2:$C$346,2,0))^2+(VLOOKUP($A275,városok!$A$2:$C$346,3,0)-VLOOKUP(O$1,városok!$A$2:$C$346,3,0))^2)/1000,0)</f>
        <v>27</v>
      </c>
      <c r="P275">
        <f ca="1">ROUND(SQRT((VLOOKUP($A275,városok!$A$2:$C$346,2,0)-VLOOKUP(P$1,városok!$A$2:$C$346,2,0))^2+(VLOOKUP($A275,városok!$A$2:$C$346,3,0)-VLOOKUP(P$1,városok!$A$2:$C$346,3,0))^2)/1000,0)</f>
        <v>27</v>
      </c>
      <c r="Q275">
        <f ca="1">ROUND(SQRT((VLOOKUP($A275,városok!$A$2:$C$346,2,0)-VLOOKUP(Q$1,városok!$A$2:$C$346,2,0))^2+(VLOOKUP($A275,városok!$A$2:$C$346,3,0)-VLOOKUP(Q$1,városok!$A$2:$C$346,3,0))^2)/1000,0)</f>
        <v>235</v>
      </c>
      <c r="R275">
        <f ca="1">ROUND(SQRT((VLOOKUP($A275,városok!$A$2:$C$346,2,0)-VLOOKUP(R$1,városok!$A$2:$C$346,2,0))^2+(VLOOKUP($A275,városok!$A$2:$C$346,3,0)-VLOOKUP(R$1,városok!$A$2:$C$346,3,0))^2)/1000,0)</f>
        <v>249</v>
      </c>
      <c r="S275">
        <f ca="1">ROUND(SQRT((VLOOKUP($A275,városok!$A$2:$C$346,2,0)-VLOOKUP(S$1,városok!$A$2:$C$346,2,0))^2+(VLOOKUP($A275,városok!$A$2:$C$346,3,0)-VLOOKUP(S$1,városok!$A$2:$C$346,3,0))^2)/1000,0)</f>
        <v>257</v>
      </c>
      <c r="T275">
        <f ca="1">ROUND(SQRT((VLOOKUP($A275,városok!$A$2:$C$346,2,0)-VLOOKUP(T$1,városok!$A$2:$C$346,2,0))^2+(VLOOKUP($A275,városok!$A$2:$C$346,3,0)-VLOOKUP(T$1,városok!$A$2:$C$346,3,0))^2)/1000,0)</f>
        <v>259</v>
      </c>
      <c r="U275">
        <f ca="1">ROUND(SQRT((VLOOKUP($A275,városok!$A$2:$C$346,2,0)-VLOOKUP(U$1,városok!$A$2:$C$346,2,0))^2+(VLOOKUP($A275,városok!$A$2:$C$346,3,0)-VLOOKUP(U$1,városok!$A$2:$C$346,3,0))^2)/1000,0)</f>
        <v>265</v>
      </c>
      <c r="V275">
        <f ca="1">ROUND(SQRT((VLOOKUP($A275,városok!$A$2:$C$346,2,0)-VLOOKUP(V$1,városok!$A$2:$C$346,2,0))^2+(VLOOKUP($A275,városok!$A$2:$C$346,3,0)-VLOOKUP(V$1,városok!$A$2:$C$346,3,0))^2)/1000,0)</f>
        <v>301</v>
      </c>
      <c r="W275">
        <f ca="1">ROUND(SQRT((VLOOKUP($A275,városok!$A$2:$C$346,2,0)-VLOOKUP(W$1,városok!$A$2:$C$346,2,0))^2+(VLOOKUP($A275,városok!$A$2:$C$346,3,0)-VLOOKUP(W$1,városok!$A$2:$C$346,3,0))^2)/1000,0)</f>
        <v>289</v>
      </c>
      <c r="X275">
        <f ca="1">ROUND(SQRT((VLOOKUP($A275,városok!$A$2:$C$346,2,0)-VLOOKUP(X$1,városok!$A$2:$C$346,2,0))^2+(VLOOKUP($A275,városok!$A$2:$C$346,3,0)-VLOOKUP(X$1,városok!$A$2:$C$346,3,0))^2)/1000,0)</f>
        <v>289</v>
      </c>
      <c r="Y275">
        <f ca="1">ROUND(SQRT((VLOOKUP($A275,városok!$A$2:$C$346,2,0)-VLOOKUP(Y$1,városok!$A$2:$C$346,2,0))^2+(VLOOKUP($A275,városok!$A$2:$C$346,3,0)-VLOOKUP(Y$1,városok!$A$2:$C$346,3,0))^2)/1000,0)</f>
        <v>325</v>
      </c>
      <c r="Z275">
        <f ca="1">ROUND(SQRT((VLOOKUP($A275,városok!$A$2:$C$346,2,0)-VLOOKUP(Z$1,városok!$A$2:$C$346,2,0))^2+(VLOOKUP($A275,városok!$A$2:$C$346,3,0)-VLOOKUP(Z$1,városok!$A$2:$C$346,3,0))^2)/1000,0)</f>
        <v>342</v>
      </c>
      <c r="AA275">
        <f ca="1">ROUND(SQRT((VLOOKUP($A275,városok!$A$2:$C$346,2,0)-VLOOKUP(AA$1,városok!$A$2:$C$346,2,0))^2+(VLOOKUP($A275,városok!$A$2:$C$346,3,0)-VLOOKUP(AA$1,városok!$A$2:$C$346,3,0))^2)/1000,0)</f>
        <v>403</v>
      </c>
      <c r="AB275">
        <f ca="1">ROUND(SQRT((VLOOKUP($A275,városok!$A$2:$C$346,2,0)-VLOOKUP(AB$1,városok!$A$2:$C$346,2,0))^2+(VLOOKUP($A275,városok!$A$2:$C$346,3,0)-VLOOKUP(AB$1,városok!$A$2:$C$346,3,0))^2)/1000,0)</f>
        <v>81</v>
      </c>
      <c r="AC275">
        <f ca="1">ROUND(SQRT((VLOOKUP($A275,városok!$A$2:$C$346,2,0)-VLOOKUP(AC$1,városok!$A$2:$C$346,2,0))^2+(VLOOKUP($A275,városok!$A$2:$C$346,3,0)-VLOOKUP(AC$1,városok!$A$2:$C$346,3,0))^2)/1000,0)</f>
        <v>96</v>
      </c>
      <c r="AD275">
        <f ca="1">ROUND(SQRT((VLOOKUP($A275,városok!$A$2:$C$346,2,0)-VLOOKUP(AD$1,városok!$A$2:$C$346,2,0))^2+(VLOOKUP($A275,városok!$A$2:$C$346,3,0)-VLOOKUP(AD$1,városok!$A$2:$C$346,3,0))^2)/1000,0)</f>
        <v>106</v>
      </c>
      <c r="AE275">
        <f ca="1">ROUND(SQRT((VLOOKUP($A275,városok!$A$2:$C$346,2,0)-VLOOKUP(AE$1,városok!$A$2:$C$346,2,0))^2+(VLOOKUP($A275,városok!$A$2:$C$346,3,0)-VLOOKUP(AE$1,városok!$A$2:$C$346,3,0))^2)/1000,0)</f>
        <v>119</v>
      </c>
      <c r="AF275">
        <f ca="1">ROUND(SQRT((VLOOKUP($A275,városok!$A$2:$C$346,2,0)-VLOOKUP(AF$1,városok!$A$2:$C$346,2,0))^2+(VLOOKUP($A275,városok!$A$2:$C$346,3,0)-VLOOKUP(AF$1,városok!$A$2:$C$346,3,0))^2)/1000,0)</f>
        <v>121</v>
      </c>
      <c r="AG275">
        <f ca="1">ROUND(SQRT((VLOOKUP($A275,városok!$A$2:$C$346,2,0)-VLOOKUP(AG$1,városok!$A$2:$C$346,2,0))^2+(VLOOKUP($A275,városok!$A$2:$C$346,3,0)-VLOOKUP(AG$1,városok!$A$2:$C$346,3,0))^2)/1000,0)</f>
        <v>157</v>
      </c>
      <c r="AH275">
        <f ca="1">ROUND(SQRT((VLOOKUP($A275,városok!$A$2:$C$346,2,0)-VLOOKUP(AH$1,városok!$A$2:$C$346,2,0))^2+(VLOOKUP($A275,városok!$A$2:$C$346,3,0)-VLOOKUP(AH$1,városok!$A$2:$C$346,3,0))^2)/1000,0)</f>
        <v>179</v>
      </c>
      <c r="AI275">
        <f ca="1">ROUND(SQRT((VLOOKUP($A275,városok!$A$2:$C$346,2,0)-VLOOKUP(AI$1,városok!$A$2:$C$346,2,0))^2+(VLOOKUP($A275,városok!$A$2:$C$346,3,0)-VLOOKUP(AI$1,városok!$A$2:$C$346,3,0))^2)/1000,0)</f>
        <v>137</v>
      </c>
      <c r="AJ275">
        <f ca="1">ROUND(SQRT((VLOOKUP($A275,városok!$A$2:$C$346,2,0)-VLOOKUP(AJ$1,városok!$A$2:$C$346,2,0))^2+(VLOOKUP($A275,városok!$A$2:$C$346,3,0)-VLOOKUP(AJ$1,városok!$A$2:$C$346,3,0))^2)/1000,0)</f>
        <v>159</v>
      </c>
      <c r="AK275">
        <f ca="1">ROUND(SQRT((VLOOKUP($A275,városok!$A$2:$C$346,2,0)-VLOOKUP(AK$1,városok!$A$2:$C$346,2,0))^2+(VLOOKUP($A275,városok!$A$2:$C$346,3,0)-VLOOKUP(AK$1,városok!$A$2:$C$346,3,0))^2)/1000,0)</f>
        <v>127</v>
      </c>
      <c r="AL275">
        <f ca="1">ROUND(SQRT((VLOOKUP($A275,városok!$A$2:$C$346,2,0)-VLOOKUP(AL$1,városok!$A$2:$C$346,2,0))^2+(VLOOKUP($A275,városok!$A$2:$C$346,3,0)-VLOOKUP(AL$1,városok!$A$2:$C$346,3,0))^2)/1000,0)</f>
        <v>136</v>
      </c>
      <c r="AM275">
        <f ca="1">ROUND(SQRT((VLOOKUP($A275,városok!$A$2:$C$346,2,0)-VLOOKUP(AM$1,városok!$A$2:$C$346,2,0))^2+(VLOOKUP($A275,városok!$A$2:$C$346,3,0)-VLOOKUP(AM$1,városok!$A$2:$C$346,3,0))^2)/1000,0)</f>
        <v>175</v>
      </c>
      <c r="AN275">
        <f ca="1">ROUND(SQRT((VLOOKUP($A275,városok!$A$2:$C$346,2,0)-VLOOKUP(AN$1,városok!$A$2:$C$346,2,0))^2+(VLOOKUP($A275,városok!$A$2:$C$346,3,0)-VLOOKUP(AN$1,városok!$A$2:$C$346,3,0))^2)/1000,0)</f>
        <v>242</v>
      </c>
      <c r="AO275">
        <f ca="1">ROUND(SQRT((VLOOKUP($A275,városok!$A$2:$C$346,2,0)-VLOOKUP(AO$1,városok!$A$2:$C$346,2,0))^2+(VLOOKUP($A275,városok!$A$2:$C$346,3,0)-VLOOKUP(AO$1,városok!$A$2:$C$346,3,0))^2)/1000,0)</f>
        <v>288</v>
      </c>
      <c r="AP275">
        <f ca="1">ROUND(SQRT((VLOOKUP($A275,városok!$A$2:$C$346,2,0)-VLOOKUP(AP$1,városok!$A$2:$C$346,2,0))^2+(VLOOKUP($A275,városok!$A$2:$C$346,3,0)-VLOOKUP(AP$1,városok!$A$2:$C$346,3,0))^2)/1000,0)</f>
        <v>276</v>
      </c>
      <c r="AQ275">
        <f ca="1">ROUND(SQRT((VLOOKUP($A275,városok!$A$2:$C$346,2,0)-VLOOKUP(AQ$1,városok!$A$2:$C$346,2,0))^2+(VLOOKUP($A275,városok!$A$2:$C$346,3,0)-VLOOKUP(AQ$1,városok!$A$2:$C$346,3,0))^2)/1000,0)</f>
        <v>272</v>
      </c>
      <c r="AR275">
        <f ca="1">ROUND(SQRT((VLOOKUP($A275,városok!$A$2:$C$346,2,0)-VLOOKUP(AR$1,városok!$A$2:$C$346,2,0))^2+(VLOOKUP($A275,városok!$A$2:$C$346,3,0)-VLOOKUP(AR$1,városok!$A$2:$C$346,3,0))^2)/1000,0)</f>
        <v>169</v>
      </c>
      <c r="AS275">
        <f ca="1">ROUND(SQRT((VLOOKUP($A275,városok!$A$2:$C$346,2,0)-VLOOKUP(AS$1,városok!$A$2:$C$346,2,0))^2+(VLOOKUP($A275,városok!$A$2:$C$346,3,0)-VLOOKUP(AS$1,városok!$A$2:$C$346,3,0))^2)/1000,0)</f>
        <v>157</v>
      </c>
      <c r="AT275">
        <f ca="1">ROUND(SQRT((VLOOKUP($A275,városok!$A$2:$C$346,2,0)-VLOOKUP(AT$1,városok!$A$2:$C$346,2,0))^2+(VLOOKUP($A275,városok!$A$2:$C$346,3,0)-VLOOKUP(AT$1,városok!$A$2:$C$346,3,0))^2)/1000,0)</f>
        <v>247</v>
      </c>
      <c r="AU275">
        <f ca="1">ROUND(SQRT((VLOOKUP($A275,városok!$A$2:$C$346,2,0)-VLOOKUP(AU$1,városok!$A$2:$C$346,2,0))^2+(VLOOKUP($A275,városok!$A$2:$C$346,3,0)-VLOOKUP(AU$1,városok!$A$2:$C$346,3,0))^2)/1000,0)</f>
        <v>237</v>
      </c>
      <c r="AV275">
        <f ca="1">ROUND(SQRT((VLOOKUP($A275,városok!$A$2:$C$346,2,0)-VLOOKUP(AV$1,városok!$A$2:$C$346,2,0))^2+(VLOOKUP($A275,városok!$A$2:$C$346,3,0)-VLOOKUP(AV$1,városok!$A$2:$C$346,3,0))^2)/1000,0)</f>
        <v>240</v>
      </c>
      <c r="AW275">
        <f ca="1">ROUND(SQRT((VLOOKUP($A275,városok!$A$2:$C$346,2,0)-VLOOKUP(AW$1,városok!$A$2:$C$346,2,0))^2+(VLOOKUP($A275,városok!$A$2:$C$346,3,0)-VLOOKUP(AW$1,városok!$A$2:$C$346,3,0))^2)/1000,0)</f>
        <v>244</v>
      </c>
      <c r="AX275">
        <f ca="1">ROUND(SQRT((VLOOKUP($A275,városok!$A$2:$C$346,2,0)-VLOOKUP(AX$1,városok!$A$2:$C$346,2,0))^2+(VLOOKUP($A275,városok!$A$2:$C$346,3,0)-VLOOKUP(AX$1,városok!$A$2:$C$346,3,0))^2)/1000,0)</f>
        <v>209</v>
      </c>
      <c r="AY275">
        <f ca="1">ROUND(SQRT((VLOOKUP($A275,városok!$A$2:$C$346,2,0)-VLOOKUP(AY$1,városok!$A$2:$C$346,2,0))^2+(VLOOKUP($A275,városok!$A$2:$C$346,3,0)-VLOOKUP(AY$1,városok!$A$2:$C$346,3,0))^2)/1000,0)</f>
        <v>222</v>
      </c>
      <c r="AZ275">
        <f ca="1">ROUND(SQRT((VLOOKUP($A275,városok!$A$2:$C$346,2,0)-VLOOKUP(AZ$1,városok!$A$2:$C$346,2,0))^2+(VLOOKUP($A275,városok!$A$2:$C$346,3,0)-VLOOKUP(AZ$1,városok!$A$2:$C$346,3,0))^2)/1000,0)</f>
        <v>225</v>
      </c>
      <c r="BA275">
        <f ca="1">ROUND(SQRT((VLOOKUP($A275,városok!$A$2:$C$346,2,0)-VLOOKUP(BA$1,városok!$A$2:$C$346,2,0))^2+(VLOOKUP($A275,városok!$A$2:$C$346,3,0)-VLOOKUP(BA$1,városok!$A$2:$C$346,3,0))^2)/1000,0)</f>
        <v>356</v>
      </c>
      <c r="BB275">
        <f ca="1">ROUND(SQRT((VLOOKUP($A275,városok!$A$2:$C$346,2,0)-VLOOKUP(BB$1,városok!$A$2:$C$346,2,0))^2+(VLOOKUP($A275,városok!$A$2:$C$346,3,0)-VLOOKUP(BB$1,városok!$A$2:$C$346,3,0))^2)/1000,0)</f>
        <v>354</v>
      </c>
      <c r="BC275">
        <f ca="1">ROUND(SQRT((VLOOKUP($A275,városok!$A$2:$C$346,2,0)-VLOOKUP(BC$1,városok!$A$2:$C$346,2,0))^2+(VLOOKUP($A275,városok!$A$2:$C$346,3,0)-VLOOKUP(BC$1,városok!$A$2:$C$346,3,0))^2)/1000,0)</f>
        <v>375</v>
      </c>
      <c r="BD275">
        <f ca="1">ROUND(SQRT((VLOOKUP($A275,városok!$A$2:$C$346,2,0)-VLOOKUP(BD$1,városok!$A$2:$C$346,2,0))^2+(VLOOKUP($A275,városok!$A$2:$C$346,3,0)-VLOOKUP(BD$1,városok!$A$2:$C$346,3,0))^2)/1000,0)</f>
        <v>325</v>
      </c>
      <c r="BE275">
        <f ca="1">ROUND(SQRT((VLOOKUP($A275,városok!$A$2:$C$346,2,0)-VLOOKUP(BE$1,városok!$A$2:$C$346,2,0))^2+(VLOOKUP($A275,városok!$A$2:$C$346,3,0)-VLOOKUP(BE$1,városok!$A$2:$C$346,3,0))^2)/1000,0)</f>
        <v>71</v>
      </c>
      <c r="BF275">
        <f ca="1">ROUND(SQRT((VLOOKUP($A275,városok!$A$2:$C$346,2,0)-VLOOKUP(BF$1,városok!$A$2:$C$346,2,0))^2+(VLOOKUP($A275,városok!$A$2:$C$346,3,0)-VLOOKUP(BF$1,városok!$A$2:$C$346,3,0))^2)/1000,0)</f>
        <v>12</v>
      </c>
      <c r="BG275">
        <f ca="1">ROUND(SQRT((VLOOKUP($A275,városok!$A$2:$C$346,2,0)-VLOOKUP(BG$1,városok!$A$2:$C$346,2,0))^2+(VLOOKUP($A275,városok!$A$2:$C$346,3,0)-VLOOKUP(BG$1,városok!$A$2:$C$346,3,0))^2)/1000,0)</f>
        <v>35</v>
      </c>
      <c r="BH275">
        <f ca="1">ROUND(SQRT((VLOOKUP($A275,városok!$A$2:$C$346,2,0)-VLOOKUP(BH$1,városok!$A$2:$C$346,2,0))^2+(VLOOKUP($A275,városok!$A$2:$C$346,3,0)-VLOOKUP(BH$1,városok!$A$2:$C$346,3,0))^2)/1000,0)</f>
        <v>36</v>
      </c>
      <c r="BI275">
        <f ca="1">ROUND(SQRT((VLOOKUP($A275,városok!$A$2:$C$346,2,0)-VLOOKUP(BI$1,városok!$A$2:$C$346,2,0))^2+(VLOOKUP($A275,városok!$A$2:$C$346,3,0)-VLOOKUP(BI$1,városok!$A$2:$C$346,3,0))^2)/1000,0)</f>
        <v>322</v>
      </c>
      <c r="BJ275">
        <f ca="1">ROUND(SQRT((VLOOKUP($A275,városok!$A$2:$C$346,2,0)-VLOOKUP(BJ$1,városok!$A$2:$C$346,2,0))^2+(VLOOKUP($A275,városok!$A$2:$C$346,3,0)-VLOOKUP(BJ$1,városok!$A$2:$C$346,3,0))^2)/1000,0)</f>
        <v>340</v>
      </c>
      <c r="BK275">
        <f ca="1">ROUND(SQRT((VLOOKUP($A275,városok!$A$2:$C$346,2,0)-VLOOKUP(BK$1,városok!$A$2:$C$346,2,0))^2+(VLOOKUP($A275,városok!$A$2:$C$346,3,0)-VLOOKUP(BK$1,városok!$A$2:$C$346,3,0))^2)/1000,0)</f>
        <v>320</v>
      </c>
      <c r="BL275">
        <f ca="1">ROUND(SQRT((VLOOKUP($A275,városok!$A$2:$C$346,2,0)-VLOOKUP(BL$1,városok!$A$2:$C$346,2,0))^2+(VLOOKUP($A275,városok!$A$2:$C$346,3,0)-VLOOKUP(BL$1,városok!$A$2:$C$346,3,0))^2)/1000,0)</f>
        <v>421</v>
      </c>
      <c r="BM275">
        <f ca="1">ROUND(SQRT((VLOOKUP($A275,városok!$A$2:$C$346,2,0)-VLOOKUP(BM$1,városok!$A$2:$C$346,2,0))^2+(VLOOKUP($A275,városok!$A$2:$C$346,3,0)-VLOOKUP(BM$1,városok!$A$2:$C$346,3,0))^2)/1000,0)</f>
        <v>389</v>
      </c>
      <c r="BN275">
        <f ca="1">ROUND(SQRT((VLOOKUP($A275,városok!$A$2:$C$346,2,0)-VLOOKUP(BN$1,városok!$A$2:$C$346,2,0))^2+(VLOOKUP($A275,városok!$A$2:$C$346,3,0)-VLOOKUP(BN$1,városok!$A$2:$C$346,3,0))^2)/1000,0)</f>
        <v>412</v>
      </c>
      <c r="BO275">
        <f ca="1">ROUND(SQRT((VLOOKUP($A275,városok!$A$2:$C$346,2,0)-VLOOKUP(BO$1,városok!$A$2:$C$346,2,0))^2+(VLOOKUP($A275,városok!$A$2:$C$346,3,0)-VLOOKUP(BO$1,városok!$A$2:$C$346,3,0))^2)/1000,0)</f>
        <v>322</v>
      </c>
      <c r="BP275">
        <f ca="1">ROUND(SQRT((VLOOKUP($A275,városok!$A$2:$C$346,2,0)-VLOOKUP(BP$1,városok!$A$2:$C$346,2,0))^2+(VLOOKUP($A275,városok!$A$2:$C$346,3,0)-VLOOKUP(BP$1,városok!$A$2:$C$346,3,0))^2)/1000,0)</f>
        <v>315</v>
      </c>
      <c r="BQ275">
        <f ca="1">ROUND(SQRT((VLOOKUP($A275,városok!$A$2:$C$346,2,0)-VLOOKUP(BQ$1,városok!$A$2:$C$346,2,0))^2+(VLOOKUP($A275,városok!$A$2:$C$346,3,0)-VLOOKUP(BQ$1,városok!$A$2:$C$346,3,0))^2)/1000,0)</f>
        <v>326</v>
      </c>
      <c r="BR275">
        <f ca="1">ROUND(SQRT((VLOOKUP($A275,városok!$A$2:$C$346,2,0)-VLOOKUP(BR$1,városok!$A$2:$C$346,2,0))^2+(VLOOKUP($A275,városok!$A$2:$C$346,3,0)-VLOOKUP(BR$1,városok!$A$2:$C$346,3,0))^2)/1000,0)</f>
        <v>387</v>
      </c>
      <c r="BS275">
        <f ca="1">ROUND(SQRT((VLOOKUP($A275,városok!$A$2:$C$346,2,0)-VLOOKUP(BS$1,városok!$A$2:$C$346,2,0))^2+(VLOOKUP($A275,városok!$A$2:$C$346,3,0)-VLOOKUP(BS$1,városok!$A$2:$C$346,3,0))^2)/1000,0)</f>
        <v>421</v>
      </c>
      <c r="BT275">
        <f ca="1">ROUND(SQRT((VLOOKUP($A275,városok!$A$2:$C$346,2,0)-VLOOKUP(BT$1,városok!$A$2:$C$346,2,0))^2+(VLOOKUP($A275,városok!$A$2:$C$346,3,0)-VLOOKUP(BT$1,városok!$A$2:$C$346,3,0))^2)/1000,0)</f>
        <v>412</v>
      </c>
    </row>
    <row r="276" spans="1:72" x14ac:dyDescent="0.2">
      <c r="A276" t="str">
        <f>városok!A276</f>
        <v>Fehérgyarmat</v>
      </c>
      <c r="B276">
        <f ca="1">ROUND(SQRT((VLOOKUP($A276,városok!$A$2:$C$346,2,0)-VLOOKUP(B$1,városok!$A$2:$C$346,2,0))^2+(VLOOKUP($A276,városok!$A$2:$C$346,3,0)-VLOOKUP(B$1,városok!$A$2:$C$346,3,0))^2)/1000,0)</f>
        <v>312</v>
      </c>
      <c r="C276">
        <f ca="1">ROUND(SQRT((VLOOKUP($A276,városok!$A$2:$C$346,2,0)-VLOOKUP(C$1,városok!$A$2:$C$346,2,0))^2+(VLOOKUP($A276,városok!$A$2:$C$346,3,0)-VLOOKUP(C$1,városok!$A$2:$C$346,3,0))^2)/1000,0)</f>
        <v>285</v>
      </c>
      <c r="D276">
        <f ca="1">ROUND(SQRT((VLOOKUP($A276,városok!$A$2:$C$346,2,0)-VLOOKUP(D$1,városok!$A$2:$C$346,2,0))^2+(VLOOKUP($A276,városok!$A$2:$C$346,3,0)-VLOOKUP(D$1,városok!$A$2:$C$346,3,0))^2)/1000,0)</f>
        <v>217</v>
      </c>
      <c r="E276">
        <f ca="1">ROUND(SQRT((VLOOKUP($A276,városok!$A$2:$C$346,2,0)-VLOOKUP(E$1,városok!$A$2:$C$346,2,0))^2+(VLOOKUP($A276,városok!$A$2:$C$346,3,0)-VLOOKUP(E$1,városok!$A$2:$C$346,3,0))^2)/1000,0)</f>
        <v>352</v>
      </c>
      <c r="F276">
        <f ca="1">ROUND(SQRT((VLOOKUP($A276,városok!$A$2:$C$346,2,0)-VLOOKUP(F$1,városok!$A$2:$C$346,2,0))^2+(VLOOKUP($A276,városok!$A$2:$C$346,3,0)-VLOOKUP(F$1,városok!$A$2:$C$346,3,0))^2)/1000,0)</f>
        <v>342</v>
      </c>
      <c r="G276">
        <f ca="1">ROUND(SQRT((VLOOKUP($A276,városok!$A$2:$C$346,2,0)-VLOOKUP(G$1,városok!$A$2:$C$346,2,0))^2+(VLOOKUP($A276,városok!$A$2:$C$346,3,0)-VLOOKUP(G$1,városok!$A$2:$C$346,3,0))^2)/1000,0)</f>
        <v>361</v>
      </c>
      <c r="H276">
        <f ca="1">ROUND(SQRT((VLOOKUP($A276,városok!$A$2:$C$346,2,0)-VLOOKUP(H$1,városok!$A$2:$C$346,2,0))^2+(VLOOKUP($A276,városok!$A$2:$C$346,3,0)-VLOOKUP(H$1,városok!$A$2:$C$346,3,0))^2)/1000,0)</f>
        <v>390</v>
      </c>
      <c r="I276">
        <f ca="1">ROUND(SQRT((VLOOKUP($A276,városok!$A$2:$C$346,2,0)-VLOOKUP(I$1,városok!$A$2:$C$346,2,0))^2+(VLOOKUP($A276,városok!$A$2:$C$346,3,0)-VLOOKUP(I$1,városok!$A$2:$C$346,3,0))^2)/1000,0)</f>
        <v>174</v>
      </c>
      <c r="J276">
        <f ca="1">ROUND(SQRT((VLOOKUP($A276,városok!$A$2:$C$346,2,0)-VLOOKUP(J$1,városok!$A$2:$C$346,2,0))^2+(VLOOKUP($A276,városok!$A$2:$C$346,3,0)-VLOOKUP(J$1,városok!$A$2:$C$346,3,0))^2)/1000,0)</f>
        <v>172</v>
      </c>
      <c r="K276">
        <f ca="1">ROUND(SQRT((VLOOKUP($A276,városok!$A$2:$C$346,2,0)-VLOOKUP(K$1,városok!$A$2:$C$346,2,0))^2+(VLOOKUP($A276,városok!$A$2:$C$346,3,0)-VLOOKUP(K$1,városok!$A$2:$C$346,3,0))^2)/1000,0)</f>
        <v>198</v>
      </c>
      <c r="L276">
        <f ca="1">ROUND(SQRT((VLOOKUP($A276,városok!$A$2:$C$346,2,0)-VLOOKUP(L$1,városok!$A$2:$C$346,2,0))^2+(VLOOKUP($A276,városok!$A$2:$C$346,3,0)-VLOOKUP(L$1,városok!$A$2:$C$346,3,0))^2)/1000,0)</f>
        <v>98</v>
      </c>
      <c r="M276">
        <f ca="1">ROUND(SQRT((VLOOKUP($A276,városok!$A$2:$C$346,2,0)-VLOOKUP(M$1,városok!$A$2:$C$346,2,0))^2+(VLOOKUP($A276,városok!$A$2:$C$346,3,0)-VLOOKUP(M$1,városok!$A$2:$C$346,3,0))^2)/1000,0)</f>
        <v>85</v>
      </c>
      <c r="N276">
        <f ca="1">ROUND(SQRT((VLOOKUP($A276,városok!$A$2:$C$346,2,0)-VLOOKUP(N$1,városok!$A$2:$C$346,2,0))^2+(VLOOKUP($A276,városok!$A$2:$C$346,3,0)-VLOOKUP(N$1,városok!$A$2:$C$346,3,0))^2)/1000,0)</f>
        <v>123</v>
      </c>
      <c r="O276">
        <f ca="1">ROUND(SQRT((VLOOKUP($A276,városok!$A$2:$C$346,2,0)-VLOOKUP(O$1,városok!$A$2:$C$346,2,0))^2+(VLOOKUP($A276,városok!$A$2:$C$346,3,0)-VLOOKUP(O$1,városok!$A$2:$C$346,3,0))^2)/1000,0)</f>
        <v>37</v>
      </c>
      <c r="P276">
        <f ca="1">ROUND(SQRT((VLOOKUP($A276,városok!$A$2:$C$346,2,0)-VLOOKUP(P$1,városok!$A$2:$C$346,2,0))^2+(VLOOKUP($A276,városok!$A$2:$C$346,3,0)-VLOOKUP(P$1,városok!$A$2:$C$346,3,0))^2)/1000,0)</f>
        <v>37</v>
      </c>
      <c r="Q276">
        <f ca="1">ROUND(SQRT((VLOOKUP($A276,városok!$A$2:$C$346,2,0)-VLOOKUP(Q$1,városok!$A$2:$C$346,2,0))^2+(VLOOKUP($A276,városok!$A$2:$C$346,3,0)-VLOOKUP(Q$1,városok!$A$2:$C$346,3,0))^2)/1000,0)</f>
        <v>226</v>
      </c>
      <c r="R276">
        <f ca="1">ROUND(SQRT((VLOOKUP($A276,városok!$A$2:$C$346,2,0)-VLOOKUP(R$1,városok!$A$2:$C$346,2,0))^2+(VLOOKUP($A276,városok!$A$2:$C$346,3,0)-VLOOKUP(R$1,városok!$A$2:$C$346,3,0))^2)/1000,0)</f>
        <v>239</v>
      </c>
      <c r="S276">
        <f ca="1">ROUND(SQRT((VLOOKUP($A276,városok!$A$2:$C$346,2,0)-VLOOKUP(S$1,városok!$A$2:$C$346,2,0))^2+(VLOOKUP($A276,városok!$A$2:$C$346,3,0)-VLOOKUP(S$1,városok!$A$2:$C$346,3,0))^2)/1000,0)</f>
        <v>248</v>
      </c>
      <c r="T276">
        <f ca="1">ROUND(SQRT((VLOOKUP($A276,városok!$A$2:$C$346,2,0)-VLOOKUP(T$1,városok!$A$2:$C$346,2,0))^2+(VLOOKUP($A276,városok!$A$2:$C$346,3,0)-VLOOKUP(T$1,városok!$A$2:$C$346,3,0))^2)/1000,0)</f>
        <v>257</v>
      </c>
      <c r="U276">
        <f ca="1">ROUND(SQRT((VLOOKUP($A276,városok!$A$2:$C$346,2,0)-VLOOKUP(U$1,városok!$A$2:$C$346,2,0))^2+(VLOOKUP($A276,városok!$A$2:$C$346,3,0)-VLOOKUP(U$1,városok!$A$2:$C$346,3,0))^2)/1000,0)</f>
        <v>260</v>
      </c>
      <c r="V276">
        <f ca="1">ROUND(SQRT((VLOOKUP($A276,városok!$A$2:$C$346,2,0)-VLOOKUP(V$1,városok!$A$2:$C$346,2,0))^2+(VLOOKUP($A276,városok!$A$2:$C$346,3,0)-VLOOKUP(V$1,városok!$A$2:$C$346,3,0))^2)/1000,0)</f>
        <v>298</v>
      </c>
      <c r="W276">
        <f ca="1">ROUND(SQRT((VLOOKUP($A276,városok!$A$2:$C$346,2,0)-VLOOKUP(W$1,városok!$A$2:$C$346,2,0))^2+(VLOOKUP($A276,városok!$A$2:$C$346,3,0)-VLOOKUP(W$1,városok!$A$2:$C$346,3,0))^2)/1000,0)</f>
        <v>285</v>
      </c>
      <c r="X276">
        <f ca="1">ROUND(SQRT((VLOOKUP($A276,városok!$A$2:$C$346,2,0)-VLOOKUP(X$1,városok!$A$2:$C$346,2,0))^2+(VLOOKUP($A276,városok!$A$2:$C$346,3,0)-VLOOKUP(X$1,városok!$A$2:$C$346,3,0))^2)/1000,0)</f>
        <v>286</v>
      </c>
      <c r="Y276">
        <f ca="1">ROUND(SQRT((VLOOKUP($A276,városok!$A$2:$C$346,2,0)-VLOOKUP(Y$1,városok!$A$2:$C$346,2,0))^2+(VLOOKUP($A276,városok!$A$2:$C$346,3,0)-VLOOKUP(Y$1,városok!$A$2:$C$346,3,0))^2)/1000,0)</f>
        <v>325</v>
      </c>
      <c r="Z276">
        <f ca="1">ROUND(SQRT((VLOOKUP($A276,városok!$A$2:$C$346,2,0)-VLOOKUP(Z$1,városok!$A$2:$C$346,2,0))^2+(VLOOKUP($A276,városok!$A$2:$C$346,3,0)-VLOOKUP(Z$1,városok!$A$2:$C$346,3,0))^2)/1000,0)</f>
        <v>342</v>
      </c>
      <c r="AA276">
        <f ca="1">ROUND(SQRT((VLOOKUP($A276,városok!$A$2:$C$346,2,0)-VLOOKUP(AA$1,városok!$A$2:$C$346,2,0))^2+(VLOOKUP($A276,városok!$A$2:$C$346,3,0)-VLOOKUP(AA$1,városok!$A$2:$C$346,3,0))^2)/1000,0)</f>
        <v>403</v>
      </c>
      <c r="AB276">
        <f ca="1">ROUND(SQRT((VLOOKUP($A276,városok!$A$2:$C$346,2,0)-VLOOKUP(AB$1,városok!$A$2:$C$346,2,0))^2+(VLOOKUP($A276,városok!$A$2:$C$346,3,0)-VLOOKUP(AB$1,városok!$A$2:$C$346,3,0))^2)/1000,0)</f>
        <v>70</v>
      </c>
      <c r="AC276">
        <f ca="1">ROUND(SQRT((VLOOKUP($A276,városok!$A$2:$C$346,2,0)-VLOOKUP(AC$1,városok!$A$2:$C$346,2,0))^2+(VLOOKUP($A276,városok!$A$2:$C$346,3,0)-VLOOKUP(AC$1,városok!$A$2:$C$346,3,0))^2)/1000,0)</f>
        <v>86</v>
      </c>
      <c r="AD276">
        <f ca="1">ROUND(SQRT((VLOOKUP($A276,városok!$A$2:$C$346,2,0)-VLOOKUP(AD$1,városok!$A$2:$C$346,2,0))^2+(VLOOKUP($A276,városok!$A$2:$C$346,3,0)-VLOOKUP(AD$1,városok!$A$2:$C$346,3,0))^2)/1000,0)</f>
        <v>97</v>
      </c>
      <c r="AE276">
        <f ca="1">ROUND(SQRT((VLOOKUP($A276,városok!$A$2:$C$346,2,0)-VLOOKUP(AE$1,városok!$A$2:$C$346,2,0))^2+(VLOOKUP($A276,városok!$A$2:$C$346,3,0)-VLOOKUP(AE$1,városok!$A$2:$C$346,3,0))^2)/1000,0)</f>
        <v>110</v>
      </c>
      <c r="AF276">
        <f ca="1">ROUND(SQRT((VLOOKUP($A276,városok!$A$2:$C$346,2,0)-VLOOKUP(AF$1,városok!$A$2:$C$346,2,0))^2+(VLOOKUP($A276,városok!$A$2:$C$346,3,0)-VLOOKUP(AF$1,városok!$A$2:$C$346,3,0))^2)/1000,0)</f>
        <v>119</v>
      </c>
      <c r="AG276">
        <f ca="1">ROUND(SQRT((VLOOKUP($A276,városok!$A$2:$C$346,2,0)-VLOOKUP(AG$1,városok!$A$2:$C$346,2,0))^2+(VLOOKUP($A276,városok!$A$2:$C$346,3,0)-VLOOKUP(AG$1,városok!$A$2:$C$346,3,0))^2)/1000,0)</f>
        <v>155</v>
      </c>
      <c r="AH276">
        <f ca="1">ROUND(SQRT((VLOOKUP($A276,városok!$A$2:$C$346,2,0)-VLOOKUP(AH$1,városok!$A$2:$C$346,2,0))^2+(VLOOKUP($A276,városok!$A$2:$C$346,3,0)-VLOOKUP(AH$1,városok!$A$2:$C$346,3,0))^2)/1000,0)</f>
        <v>177</v>
      </c>
      <c r="AI276">
        <f ca="1">ROUND(SQRT((VLOOKUP($A276,városok!$A$2:$C$346,2,0)-VLOOKUP(AI$1,városok!$A$2:$C$346,2,0))^2+(VLOOKUP($A276,városok!$A$2:$C$346,3,0)-VLOOKUP(AI$1,városok!$A$2:$C$346,3,0))^2)/1000,0)</f>
        <v>138</v>
      </c>
      <c r="AJ276">
        <f ca="1">ROUND(SQRT((VLOOKUP($A276,városok!$A$2:$C$346,2,0)-VLOOKUP(AJ$1,városok!$A$2:$C$346,2,0))^2+(VLOOKUP($A276,városok!$A$2:$C$346,3,0)-VLOOKUP(AJ$1,városok!$A$2:$C$346,3,0))^2)/1000,0)</f>
        <v>156</v>
      </c>
      <c r="AK276">
        <f ca="1">ROUND(SQRT((VLOOKUP($A276,városok!$A$2:$C$346,2,0)-VLOOKUP(AK$1,városok!$A$2:$C$346,2,0))^2+(VLOOKUP($A276,városok!$A$2:$C$346,3,0)-VLOOKUP(AK$1,városok!$A$2:$C$346,3,0))^2)/1000,0)</f>
        <v>118</v>
      </c>
      <c r="AL276">
        <f ca="1">ROUND(SQRT((VLOOKUP($A276,városok!$A$2:$C$346,2,0)-VLOOKUP(AL$1,városok!$A$2:$C$346,2,0))^2+(VLOOKUP($A276,városok!$A$2:$C$346,3,0)-VLOOKUP(AL$1,városok!$A$2:$C$346,3,0))^2)/1000,0)</f>
        <v>129</v>
      </c>
      <c r="AM276">
        <f ca="1">ROUND(SQRT((VLOOKUP($A276,városok!$A$2:$C$346,2,0)-VLOOKUP(AM$1,városok!$A$2:$C$346,2,0))^2+(VLOOKUP($A276,városok!$A$2:$C$346,3,0)-VLOOKUP(AM$1,városok!$A$2:$C$346,3,0))^2)/1000,0)</f>
        <v>168</v>
      </c>
      <c r="AN276">
        <f ca="1">ROUND(SQRT((VLOOKUP($A276,városok!$A$2:$C$346,2,0)-VLOOKUP(AN$1,városok!$A$2:$C$346,2,0))^2+(VLOOKUP($A276,városok!$A$2:$C$346,3,0)-VLOOKUP(AN$1,városok!$A$2:$C$346,3,0))^2)/1000,0)</f>
        <v>241</v>
      </c>
      <c r="AO276">
        <f ca="1">ROUND(SQRT((VLOOKUP($A276,városok!$A$2:$C$346,2,0)-VLOOKUP(AO$1,városok!$A$2:$C$346,2,0))^2+(VLOOKUP($A276,városok!$A$2:$C$346,3,0)-VLOOKUP(AO$1,városok!$A$2:$C$346,3,0))^2)/1000,0)</f>
        <v>288</v>
      </c>
      <c r="AP276">
        <f ca="1">ROUND(SQRT((VLOOKUP($A276,városok!$A$2:$C$346,2,0)-VLOOKUP(AP$1,városok!$A$2:$C$346,2,0))^2+(VLOOKUP($A276,városok!$A$2:$C$346,3,0)-VLOOKUP(AP$1,városok!$A$2:$C$346,3,0))^2)/1000,0)</f>
        <v>275</v>
      </c>
      <c r="AQ276">
        <f ca="1">ROUND(SQRT((VLOOKUP($A276,városok!$A$2:$C$346,2,0)-VLOOKUP(AQ$1,városok!$A$2:$C$346,2,0))^2+(VLOOKUP($A276,városok!$A$2:$C$346,3,0)-VLOOKUP(AQ$1,városok!$A$2:$C$346,3,0))^2)/1000,0)</f>
        <v>271</v>
      </c>
      <c r="AR276">
        <f ca="1">ROUND(SQRT((VLOOKUP($A276,városok!$A$2:$C$346,2,0)-VLOOKUP(AR$1,városok!$A$2:$C$346,2,0))^2+(VLOOKUP($A276,városok!$A$2:$C$346,3,0)-VLOOKUP(AR$1,városok!$A$2:$C$346,3,0))^2)/1000,0)</f>
        <v>169</v>
      </c>
      <c r="AS276">
        <f ca="1">ROUND(SQRT((VLOOKUP($A276,városok!$A$2:$C$346,2,0)-VLOOKUP(AS$1,városok!$A$2:$C$346,2,0))^2+(VLOOKUP($A276,városok!$A$2:$C$346,3,0)-VLOOKUP(AS$1,városok!$A$2:$C$346,3,0))^2)/1000,0)</f>
        <v>158</v>
      </c>
      <c r="AT276">
        <f ca="1">ROUND(SQRT((VLOOKUP($A276,városok!$A$2:$C$346,2,0)-VLOOKUP(AT$1,városok!$A$2:$C$346,2,0))^2+(VLOOKUP($A276,városok!$A$2:$C$346,3,0)-VLOOKUP(AT$1,városok!$A$2:$C$346,3,0))^2)/1000,0)</f>
        <v>245</v>
      </c>
      <c r="AU276">
        <f ca="1">ROUND(SQRT((VLOOKUP($A276,városok!$A$2:$C$346,2,0)-VLOOKUP(AU$1,városok!$A$2:$C$346,2,0))^2+(VLOOKUP($A276,városok!$A$2:$C$346,3,0)-VLOOKUP(AU$1,városok!$A$2:$C$346,3,0))^2)/1000,0)</f>
        <v>235</v>
      </c>
      <c r="AV276">
        <f ca="1">ROUND(SQRT((VLOOKUP($A276,városok!$A$2:$C$346,2,0)-VLOOKUP(AV$1,városok!$A$2:$C$346,2,0))^2+(VLOOKUP($A276,városok!$A$2:$C$346,3,0)-VLOOKUP(AV$1,városok!$A$2:$C$346,3,0))^2)/1000,0)</f>
        <v>238</v>
      </c>
      <c r="AW276">
        <f ca="1">ROUND(SQRT((VLOOKUP($A276,városok!$A$2:$C$346,2,0)-VLOOKUP(AW$1,városok!$A$2:$C$346,2,0))^2+(VLOOKUP($A276,városok!$A$2:$C$346,3,0)-VLOOKUP(AW$1,városok!$A$2:$C$346,3,0))^2)/1000,0)</f>
        <v>241</v>
      </c>
      <c r="AX276">
        <f ca="1">ROUND(SQRT((VLOOKUP($A276,városok!$A$2:$C$346,2,0)-VLOOKUP(AX$1,városok!$A$2:$C$346,2,0))^2+(VLOOKUP($A276,városok!$A$2:$C$346,3,0)-VLOOKUP(AX$1,városok!$A$2:$C$346,3,0))^2)/1000,0)</f>
        <v>203</v>
      </c>
      <c r="AY276">
        <f ca="1">ROUND(SQRT((VLOOKUP($A276,városok!$A$2:$C$346,2,0)-VLOOKUP(AY$1,városok!$A$2:$C$346,2,0))^2+(VLOOKUP($A276,városok!$A$2:$C$346,3,0)-VLOOKUP(AY$1,városok!$A$2:$C$346,3,0))^2)/1000,0)</f>
        <v>220</v>
      </c>
      <c r="AZ276">
        <f ca="1">ROUND(SQRT((VLOOKUP($A276,városok!$A$2:$C$346,2,0)-VLOOKUP(AZ$1,városok!$A$2:$C$346,2,0))^2+(VLOOKUP($A276,városok!$A$2:$C$346,3,0)-VLOOKUP(AZ$1,városok!$A$2:$C$346,3,0))^2)/1000,0)</f>
        <v>225</v>
      </c>
      <c r="BA276">
        <f ca="1">ROUND(SQRT((VLOOKUP($A276,városok!$A$2:$C$346,2,0)-VLOOKUP(BA$1,városok!$A$2:$C$346,2,0))^2+(VLOOKUP($A276,városok!$A$2:$C$346,3,0)-VLOOKUP(BA$1,városok!$A$2:$C$346,3,0))^2)/1000,0)</f>
        <v>352</v>
      </c>
      <c r="BB276">
        <f ca="1">ROUND(SQRT((VLOOKUP($A276,városok!$A$2:$C$346,2,0)-VLOOKUP(BB$1,városok!$A$2:$C$346,2,0))^2+(VLOOKUP($A276,városok!$A$2:$C$346,3,0)-VLOOKUP(BB$1,városok!$A$2:$C$346,3,0))^2)/1000,0)</f>
        <v>350</v>
      </c>
      <c r="BC276">
        <f ca="1">ROUND(SQRT((VLOOKUP($A276,városok!$A$2:$C$346,2,0)-VLOOKUP(BC$1,városok!$A$2:$C$346,2,0))^2+(VLOOKUP($A276,városok!$A$2:$C$346,3,0)-VLOOKUP(BC$1,városok!$A$2:$C$346,3,0))^2)/1000,0)</f>
        <v>370</v>
      </c>
      <c r="BD276">
        <f ca="1">ROUND(SQRT((VLOOKUP($A276,városok!$A$2:$C$346,2,0)-VLOOKUP(BD$1,városok!$A$2:$C$346,2,0))^2+(VLOOKUP($A276,városok!$A$2:$C$346,3,0)-VLOOKUP(BD$1,városok!$A$2:$C$346,3,0))^2)/1000,0)</f>
        <v>321</v>
      </c>
      <c r="BE276">
        <f ca="1">ROUND(SQRT((VLOOKUP($A276,városok!$A$2:$C$346,2,0)-VLOOKUP(BE$1,városok!$A$2:$C$346,2,0))^2+(VLOOKUP($A276,városok!$A$2:$C$346,3,0)-VLOOKUP(BE$1,városok!$A$2:$C$346,3,0))^2)/1000,0)</f>
        <v>63</v>
      </c>
      <c r="BF276">
        <f ca="1">ROUND(SQRT((VLOOKUP($A276,városok!$A$2:$C$346,2,0)-VLOOKUP(BF$1,városok!$A$2:$C$346,2,0))^2+(VLOOKUP($A276,városok!$A$2:$C$346,3,0)-VLOOKUP(BF$1,városok!$A$2:$C$346,3,0))^2)/1000,0)</f>
        <v>15</v>
      </c>
      <c r="BG276">
        <f ca="1">ROUND(SQRT((VLOOKUP($A276,városok!$A$2:$C$346,2,0)-VLOOKUP(BG$1,városok!$A$2:$C$346,2,0))^2+(VLOOKUP($A276,városok!$A$2:$C$346,3,0)-VLOOKUP(BG$1,városok!$A$2:$C$346,3,0))^2)/1000,0)</f>
        <v>35</v>
      </c>
      <c r="BH276">
        <f ca="1">ROUND(SQRT((VLOOKUP($A276,városok!$A$2:$C$346,2,0)-VLOOKUP(BH$1,városok!$A$2:$C$346,2,0))^2+(VLOOKUP($A276,városok!$A$2:$C$346,3,0)-VLOOKUP(BH$1,városok!$A$2:$C$346,3,0))^2)/1000,0)</f>
        <v>35</v>
      </c>
      <c r="BI276">
        <f ca="1">ROUND(SQRT((VLOOKUP($A276,városok!$A$2:$C$346,2,0)-VLOOKUP(BI$1,városok!$A$2:$C$346,2,0))^2+(VLOOKUP($A276,városok!$A$2:$C$346,3,0)-VLOOKUP(BI$1,városok!$A$2:$C$346,3,0))^2)/1000,0)</f>
        <v>316</v>
      </c>
      <c r="BJ276">
        <f ca="1">ROUND(SQRT((VLOOKUP($A276,városok!$A$2:$C$346,2,0)-VLOOKUP(BJ$1,városok!$A$2:$C$346,2,0))^2+(VLOOKUP($A276,városok!$A$2:$C$346,3,0)-VLOOKUP(BJ$1,városok!$A$2:$C$346,3,0))^2)/1000,0)</f>
        <v>334</v>
      </c>
      <c r="BK276">
        <f ca="1">ROUND(SQRT((VLOOKUP($A276,városok!$A$2:$C$346,2,0)-VLOOKUP(BK$1,városok!$A$2:$C$346,2,0))^2+(VLOOKUP($A276,városok!$A$2:$C$346,3,0)-VLOOKUP(BK$1,városok!$A$2:$C$346,3,0))^2)/1000,0)</f>
        <v>314</v>
      </c>
      <c r="BL276">
        <f ca="1">ROUND(SQRT((VLOOKUP($A276,városok!$A$2:$C$346,2,0)-VLOOKUP(BL$1,városok!$A$2:$C$346,2,0))^2+(VLOOKUP($A276,városok!$A$2:$C$346,3,0)-VLOOKUP(BL$1,városok!$A$2:$C$346,3,0))^2)/1000,0)</f>
        <v>420</v>
      </c>
      <c r="BM276">
        <f ca="1">ROUND(SQRT((VLOOKUP($A276,városok!$A$2:$C$346,2,0)-VLOOKUP(BM$1,városok!$A$2:$C$346,2,0))^2+(VLOOKUP($A276,városok!$A$2:$C$346,3,0)-VLOOKUP(BM$1,városok!$A$2:$C$346,3,0))^2)/1000,0)</f>
        <v>388</v>
      </c>
      <c r="BN276">
        <f ca="1">ROUND(SQRT((VLOOKUP($A276,városok!$A$2:$C$346,2,0)-VLOOKUP(BN$1,városok!$A$2:$C$346,2,0))^2+(VLOOKUP($A276,városok!$A$2:$C$346,3,0)-VLOOKUP(BN$1,városok!$A$2:$C$346,3,0))^2)/1000,0)</f>
        <v>411</v>
      </c>
      <c r="BO276">
        <f ca="1">ROUND(SQRT((VLOOKUP($A276,városok!$A$2:$C$346,2,0)-VLOOKUP(BO$1,városok!$A$2:$C$346,2,0))^2+(VLOOKUP($A276,városok!$A$2:$C$346,3,0)-VLOOKUP(BO$1,városok!$A$2:$C$346,3,0))^2)/1000,0)</f>
        <v>319</v>
      </c>
      <c r="BP276">
        <f ca="1">ROUND(SQRT((VLOOKUP($A276,városok!$A$2:$C$346,2,0)-VLOOKUP(BP$1,városok!$A$2:$C$346,2,0))^2+(VLOOKUP($A276,városok!$A$2:$C$346,3,0)-VLOOKUP(BP$1,városok!$A$2:$C$346,3,0))^2)/1000,0)</f>
        <v>312</v>
      </c>
      <c r="BQ276">
        <f ca="1">ROUND(SQRT((VLOOKUP($A276,városok!$A$2:$C$346,2,0)-VLOOKUP(BQ$1,városok!$A$2:$C$346,2,0))^2+(VLOOKUP($A276,városok!$A$2:$C$346,3,0)-VLOOKUP(BQ$1,városok!$A$2:$C$346,3,0))^2)/1000,0)</f>
        <v>324</v>
      </c>
      <c r="BR276">
        <f ca="1">ROUND(SQRT((VLOOKUP($A276,városok!$A$2:$C$346,2,0)-VLOOKUP(BR$1,városok!$A$2:$C$346,2,0))^2+(VLOOKUP($A276,városok!$A$2:$C$346,3,0)-VLOOKUP(BR$1,városok!$A$2:$C$346,3,0))^2)/1000,0)</f>
        <v>384</v>
      </c>
      <c r="BS276">
        <f ca="1">ROUND(SQRT((VLOOKUP($A276,városok!$A$2:$C$346,2,0)-VLOOKUP(BS$1,városok!$A$2:$C$346,2,0))^2+(VLOOKUP($A276,városok!$A$2:$C$346,3,0)-VLOOKUP(BS$1,városok!$A$2:$C$346,3,0))^2)/1000,0)</f>
        <v>418</v>
      </c>
      <c r="BT276">
        <f ca="1">ROUND(SQRT((VLOOKUP($A276,városok!$A$2:$C$346,2,0)-VLOOKUP(BT$1,városok!$A$2:$C$346,2,0))^2+(VLOOKUP($A276,városok!$A$2:$C$346,3,0)-VLOOKUP(BT$1,városok!$A$2:$C$346,3,0))^2)/1000,0)</f>
        <v>410</v>
      </c>
    </row>
    <row r="277" spans="1:72" x14ac:dyDescent="0.2">
      <c r="A277" t="str">
        <f>városok!A277</f>
        <v>Ibrány</v>
      </c>
      <c r="B277">
        <f ca="1">ROUND(SQRT((VLOOKUP($A277,városok!$A$2:$C$346,2,0)-VLOOKUP(B$1,városok!$A$2:$C$346,2,0))^2+(VLOOKUP($A277,városok!$A$2:$C$346,3,0)-VLOOKUP(B$1,városok!$A$2:$C$346,3,0))^2)/1000,0)</f>
        <v>280</v>
      </c>
      <c r="C277">
        <f ca="1">ROUND(SQRT((VLOOKUP($A277,városok!$A$2:$C$346,2,0)-VLOOKUP(C$1,városok!$A$2:$C$346,2,0))^2+(VLOOKUP($A277,városok!$A$2:$C$346,3,0)-VLOOKUP(C$1,városok!$A$2:$C$346,3,0))^2)/1000,0)</f>
        <v>251</v>
      </c>
      <c r="D277">
        <f ca="1">ROUND(SQRT((VLOOKUP($A277,városok!$A$2:$C$346,2,0)-VLOOKUP(D$1,városok!$A$2:$C$346,2,0))^2+(VLOOKUP($A277,városok!$A$2:$C$346,3,0)-VLOOKUP(D$1,városok!$A$2:$C$346,3,0))^2)/1000,0)</f>
        <v>183</v>
      </c>
      <c r="E277">
        <f ca="1">ROUND(SQRT((VLOOKUP($A277,városok!$A$2:$C$346,2,0)-VLOOKUP(E$1,városok!$A$2:$C$346,2,0))^2+(VLOOKUP($A277,városok!$A$2:$C$346,3,0)-VLOOKUP(E$1,városok!$A$2:$C$346,3,0))^2)/1000,0)</f>
        <v>317</v>
      </c>
      <c r="F277">
        <f ca="1">ROUND(SQRT((VLOOKUP($A277,városok!$A$2:$C$346,2,0)-VLOOKUP(F$1,városok!$A$2:$C$346,2,0))^2+(VLOOKUP($A277,városok!$A$2:$C$346,3,0)-VLOOKUP(F$1,városok!$A$2:$C$346,3,0))^2)/1000,0)</f>
        <v>310</v>
      </c>
      <c r="G277">
        <f ca="1">ROUND(SQRT((VLOOKUP($A277,városok!$A$2:$C$346,2,0)-VLOOKUP(G$1,városok!$A$2:$C$346,2,0))^2+(VLOOKUP($A277,városok!$A$2:$C$346,3,0)-VLOOKUP(G$1,városok!$A$2:$C$346,3,0))^2)/1000,0)</f>
        <v>326</v>
      </c>
      <c r="H277">
        <f ca="1">ROUND(SQRT((VLOOKUP($A277,városok!$A$2:$C$346,2,0)-VLOOKUP(H$1,városok!$A$2:$C$346,2,0))^2+(VLOOKUP($A277,városok!$A$2:$C$346,3,0)-VLOOKUP(H$1,városok!$A$2:$C$346,3,0))^2)/1000,0)</f>
        <v>354</v>
      </c>
      <c r="I277">
        <f ca="1">ROUND(SQRT((VLOOKUP($A277,városok!$A$2:$C$346,2,0)-VLOOKUP(I$1,városok!$A$2:$C$346,2,0))^2+(VLOOKUP($A277,városok!$A$2:$C$346,3,0)-VLOOKUP(I$1,városok!$A$2:$C$346,3,0))^2)/1000,0)</f>
        <v>159</v>
      </c>
      <c r="J277">
        <f ca="1">ROUND(SQRT((VLOOKUP($A277,városok!$A$2:$C$346,2,0)-VLOOKUP(J$1,városok!$A$2:$C$346,2,0))^2+(VLOOKUP($A277,városok!$A$2:$C$346,3,0)-VLOOKUP(J$1,városok!$A$2:$C$346,3,0))^2)/1000,0)</f>
        <v>162</v>
      </c>
      <c r="K277">
        <f ca="1">ROUND(SQRT((VLOOKUP($A277,városok!$A$2:$C$346,2,0)-VLOOKUP(K$1,városok!$A$2:$C$346,2,0))^2+(VLOOKUP($A277,városok!$A$2:$C$346,3,0)-VLOOKUP(K$1,városok!$A$2:$C$346,3,0))^2)/1000,0)</f>
        <v>179</v>
      </c>
      <c r="L277">
        <f ca="1">ROUND(SQRT((VLOOKUP($A277,városok!$A$2:$C$346,2,0)-VLOOKUP(L$1,városok!$A$2:$C$346,2,0))^2+(VLOOKUP($A277,városok!$A$2:$C$346,3,0)-VLOOKUP(L$1,városok!$A$2:$C$346,3,0))^2)/1000,0)</f>
        <v>57</v>
      </c>
      <c r="M277">
        <f ca="1">ROUND(SQRT((VLOOKUP($A277,városok!$A$2:$C$346,2,0)-VLOOKUP(M$1,városok!$A$2:$C$346,2,0))^2+(VLOOKUP($A277,városok!$A$2:$C$346,3,0)-VLOOKUP(M$1,városok!$A$2:$C$346,3,0))^2)/1000,0)</f>
        <v>43</v>
      </c>
      <c r="N277">
        <f ca="1">ROUND(SQRT((VLOOKUP($A277,városok!$A$2:$C$346,2,0)-VLOOKUP(N$1,városok!$A$2:$C$346,2,0))^2+(VLOOKUP($A277,városok!$A$2:$C$346,3,0)-VLOOKUP(N$1,városok!$A$2:$C$346,3,0))^2)/1000,0)</f>
        <v>81</v>
      </c>
      <c r="O277">
        <f ca="1">ROUND(SQRT((VLOOKUP($A277,városok!$A$2:$C$346,2,0)-VLOOKUP(O$1,városok!$A$2:$C$346,2,0))^2+(VLOOKUP($A277,városok!$A$2:$C$346,3,0)-VLOOKUP(O$1,városok!$A$2:$C$346,3,0))^2)/1000,0)</f>
        <v>39</v>
      </c>
      <c r="P277">
        <f ca="1">ROUND(SQRT((VLOOKUP($A277,városok!$A$2:$C$346,2,0)-VLOOKUP(P$1,városok!$A$2:$C$346,2,0))^2+(VLOOKUP($A277,városok!$A$2:$C$346,3,0)-VLOOKUP(P$1,városok!$A$2:$C$346,3,0))^2)/1000,0)</f>
        <v>40</v>
      </c>
      <c r="Q277">
        <f ca="1">ROUND(SQRT((VLOOKUP($A277,városok!$A$2:$C$346,2,0)-VLOOKUP(Q$1,városok!$A$2:$C$346,2,0))^2+(VLOOKUP($A277,városok!$A$2:$C$346,3,0)-VLOOKUP(Q$1,városok!$A$2:$C$346,3,0))^2)/1000,0)</f>
        <v>203</v>
      </c>
      <c r="R277">
        <f ca="1">ROUND(SQRT((VLOOKUP($A277,városok!$A$2:$C$346,2,0)-VLOOKUP(R$1,városok!$A$2:$C$346,2,0))^2+(VLOOKUP($A277,városok!$A$2:$C$346,3,0)-VLOOKUP(R$1,városok!$A$2:$C$346,3,0))^2)/1000,0)</f>
        <v>219</v>
      </c>
      <c r="S277">
        <f ca="1">ROUND(SQRT((VLOOKUP($A277,városok!$A$2:$C$346,2,0)-VLOOKUP(S$1,városok!$A$2:$C$346,2,0))^2+(VLOOKUP($A277,városok!$A$2:$C$346,3,0)-VLOOKUP(S$1,városok!$A$2:$C$346,3,0))^2)/1000,0)</f>
        <v>225</v>
      </c>
      <c r="T277">
        <f ca="1">ROUND(SQRT((VLOOKUP($A277,városok!$A$2:$C$346,2,0)-VLOOKUP(T$1,városok!$A$2:$C$346,2,0))^2+(VLOOKUP($A277,városok!$A$2:$C$346,3,0)-VLOOKUP(T$1,városok!$A$2:$C$346,3,0))^2)/1000,0)</f>
        <v>216</v>
      </c>
      <c r="U277">
        <f ca="1">ROUND(SQRT((VLOOKUP($A277,városok!$A$2:$C$346,2,0)-VLOOKUP(U$1,városok!$A$2:$C$346,2,0))^2+(VLOOKUP($A277,városok!$A$2:$C$346,3,0)-VLOOKUP(U$1,városok!$A$2:$C$346,3,0))^2)/1000,0)</f>
        <v>222</v>
      </c>
      <c r="V277">
        <f ca="1">ROUND(SQRT((VLOOKUP($A277,városok!$A$2:$C$346,2,0)-VLOOKUP(V$1,városok!$A$2:$C$346,2,0))^2+(VLOOKUP($A277,városok!$A$2:$C$346,3,0)-VLOOKUP(V$1,városok!$A$2:$C$346,3,0))^2)/1000,0)</f>
        <v>258</v>
      </c>
      <c r="W277">
        <f ca="1">ROUND(SQRT((VLOOKUP($A277,városok!$A$2:$C$346,2,0)-VLOOKUP(W$1,városok!$A$2:$C$346,2,0))^2+(VLOOKUP($A277,városok!$A$2:$C$346,3,0)-VLOOKUP(W$1,városok!$A$2:$C$346,3,0))^2)/1000,0)</f>
        <v>247</v>
      </c>
      <c r="X277">
        <f ca="1">ROUND(SQRT((VLOOKUP($A277,városok!$A$2:$C$346,2,0)-VLOOKUP(X$1,városok!$A$2:$C$346,2,0))^2+(VLOOKUP($A277,városok!$A$2:$C$346,3,0)-VLOOKUP(X$1,városok!$A$2:$C$346,3,0))^2)/1000,0)</f>
        <v>245</v>
      </c>
      <c r="Y277">
        <f ca="1">ROUND(SQRT((VLOOKUP($A277,városok!$A$2:$C$346,2,0)-VLOOKUP(Y$1,városok!$A$2:$C$346,2,0))^2+(VLOOKUP($A277,városok!$A$2:$C$346,3,0)-VLOOKUP(Y$1,városok!$A$2:$C$346,3,0))^2)/1000,0)</f>
        <v>283</v>
      </c>
      <c r="Z277">
        <f ca="1">ROUND(SQRT((VLOOKUP($A277,városok!$A$2:$C$346,2,0)-VLOOKUP(Z$1,városok!$A$2:$C$346,2,0))^2+(VLOOKUP($A277,városok!$A$2:$C$346,3,0)-VLOOKUP(Z$1,városok!$A$2:$C$346,3,0))^2)/1000,0)</f>
        <v>300</v>
      </c>
      <c r="AA277">
        <f ca="1">ROUND(SQRT((VLOOKUP($A277,városok!$A$2:$C$346,2,0)-VLOOKUP(AA$1,városok!$A$2:$C$346,2,0))^2+(VLOOKUP($A277,városok!$A$2:$C$346,3,0)-VLOOKUP(AA$1,városok!$A$2:$C$346,3,0))^2)/1000,0)</f>
        <v>361</v>
      </c>
      <c r="AB277">
        <f ca="1">ROUND(SQRT((VLOOKUP($A277,városok!$A$2:$C$346,2,0)-VLOOKUP(AB$1,városok!$A$2:$C$346,2,0))^2+(VLOOKUP($A277,városok!$A$2:$C$346,3,0)-VLOOKUP(AB$1,városok!$A$2:$C$346,3,0))^2)/1000,0)</f>
        <v>66</v>
      </c>
      <c r="AC277">
        <f ca="1">ROUND(SQRT((VLOOKUP($A277,városok!$A$2:$C$346,2,0)-VLOOKUP(AC$1,városok!$A$2:$C$346,2,0))^2+(VLOOKUP($A277,városok!$A$2:$C$346,3,0)-VLOOKUP(AC$1,városok!$A$2:$C$346,3,0))^2)/1000,0)</f>
        <v>73</v>
      </c>
      <c r="AD277">
        <f ca="1">ROUND(SQRT((VLOOKUP($A277,városok!$A$2:$C$346,2,0)-VLOOKUP(AD$1,városok!$A$2:$C$346,2,0))^2+(VLOOKUP($A277,városok!$A$2:$C$346,3,0)-VLOOKUP(AD$1,városok!$A$2:$C$346,3,0))^2)/1000,0)</f>
        <v>76</v>
      </c>
      <c r="AE277">
        <f ca="1">ROUND(SQRT((VLOOKUP($A277,városok!$A$2:$C$346,2,0)-VLOOKUP(AE$1,városok!$A$2:$C$346,2,0))^2+(VLOOKUP($A277,városok!$A$2:$C$346,3,0)-VLOOKUP(AE$1,városok!$A$2:$C$346,3,0))^2)/1000,0)</f>
        <v>92</v>
      </c>
      <c r="AF277">
        <f ca="1">ROUND(SQRT((VLOOKUP($A277,városok!$A$2:$C$346,2,0)-VLOOKUP(AF$1,városok!$A$2:$C$346,2,0))^2+(VLOOKUP($A277,városok!$A$2:$C$346,3,0)-VLOOKUP(AF$1,városok!$A$2:$C$346,3,0))^2)/1000,0)</f>
        <v>77</v>
      </c>
      <c r="AG277">
        <f ca="1">ROUND(SQRT((VLOOKUP($A277,városok!$A$2:$C$346,2,0)-VLOOKUP(AG$1,városok!$A$2:$C$346,2,0))^2+(VLOOKUP($A277,városok!$A$2:$C$346,3,0)-VLOOKUP(AG$1,városok!$A$2:$C$346,3,0))^2)/1000,0)</f>
        <v>113</v>
      </c>
      <c r="AH277">
        <f ca="1">ROUND(SQRT((VLOOKUP($A277,városok!$A$2:$C$346,2,0)-VLOOKUP(AH$1,városok!$A$2:$C$346,2,0))^2+(VLOOKUP($A277,városok!$A$2:$C$346,3,0)-VLOOKUP(AH$1,városok!$A$2:$C$346,3,0))^2)/1000,0)</f>
        <v>135</v>
      </c>
      <c r="AI277">
        <f ca="1">ROUND(SQRT((VLOOKUP($A277,városok!$A$2:$C$346,2,0)-VLOOKUP(AI$1,városok!$A$2:$C$346,2,0))^2+(VLOOKUP($A277,városok!$A$2:$C$346,3,0)-VLOOKUP(AI$1,városok!$A$2:$C$346,3,0))^2)/1000,0)</f>
        <v>95</v>
      </c>
      <c r="AJ277">
        <f ca="1">ROUND(SQRT((VLOOKUP($A277,városok!$A$2:$C$346,2,0)-VLOOKUP(AJ$1,városok!$A$2:$C$346,2,0))^2+(VLOOKUP($A277,városok!$A$2:$C$346,3,0)-VLOOKUP(AJ$1,városok!$A$2:$C$346,3,0))^2)/1000,0)</f>
        <v>116</v>
      </c>
      <c r="AK277">
        <f ca="1">ROUND(SQRT((VLOOKUP($A277,városok!$A$2:$C$346,2,0)-VLOOKUP(AK$1,városok!$A$2:$C$346,2,0))^2+(VLOOKUP($A277,városok!$A$2:$C$346,3,0)-VLOOKUP(AK$1,városok!$A$2:$C$346,3,0))^2)/1000,0)</f>
        <v>95</v>
      </c>
      <c r="AL277">
        <f ca="1">ROUND(SQRT((VLOOKUP($A277,városok!$A$2:$C$346,2,0)-VLOOKUP(AL$1,városok!$A$2:$C$346,2,0))^2+(VLOOKUP($A277,városok!$A$2:$C$346,3,0)-VLOOKUP(AL$1,városok!$A$2:$C$346,3,0))^2)/1000,0)</f>
        <v>98</v>
      </c>
      <c r="AM277">
        <f ca="1">ROUND(SQRT((VLOOKUP($A277,városok!$A$2:$C$346,2,0)-VLOOKUP(AM$1,városok!$A$2:$C$346,2,0))^2+(VLOOKUP($A277,városok!$A$2:$C$346,3,0)-VLOOKUP(AM$1,városok!$A$2:$C$346,3,0))^2)/1000,0)</f>
        <v>135</v>
      </c>
      <c r="AN277">
        <f ca="1">ROUND(SQRT((VLOOKUP($A277,városok!$A$2:$C$346,2,0)-VLOOKUP(AN$1,városok!$A$2:$C$346,2,0))^2+(VLOOKUP($A277,városok!$A$2:$C$346,3,0)-VLOOKUP(AN$1,városok!$A$2:$C$346,3,0))^2)/1000,0)</f>
        <v>199</v>
      </c>
      <c r="AO277">
        <f ca="1">ROUND(SQRT((VLOOKUP($A277,városok!$A$2:$C$346,2,0)-VLOOKUP(AO$1,városok!$A$2:$C$346,2,0))^2+(VLOOKUP($A277,városok!$A$2:$C$346,3,0)-VLOOKUP(AO$1,városok!$A$2:$C$346,3,0))^2)/1000,0)</f>
        <v>246</v>
      </c>
      <c r="AP277">
        <f ca="1">ROUND(SQRT((VLOOKUP($A277,városok!$A$2:$C$346,2,0)-VLOOKUP(AP$1,városok!$A$2:$C$346,2,0))^2+(VLOOKUP($A277,városok!$A$2:$C$346,3,0)-VLOOKUP(AP$1,városok!$A$2:$C$346,3,0))^2)/1000,0)</f>
        <v>233</v>
      </c>
      <c r="AQ277">
        <f ca="1">ROUND(SQRT((VLOOKUP($A277,városok!$A$2:$C$346,2,0)-VLOOKUP(AQ$1,városok!$A$2:$C$346,2,0))^2+(VLOOKUP($A277,városok!$A$2:$C$346,3,0)-VLOOKUP(AQ$1,városok!$A$2:$C$346,3,0))^2)/1000,0)</f>
        <v>229</v>
      </c>
      <c r="AR277">
        <f ca="1">ROUND(SQRT((VLOOKUP($A277,városok!$A$2:$C$346,2,0)-VLOOKUP(AR$1,városok!$A$2:$C$346,2,0))^2+(VLOOKUP($A277,városok!$A$2:$C$346,3,0)-VLOOKUP(AR$1,városok!$A$2:$C$346,3,0))^2)/1000,0)</f>
        <v>126</v>
      </c>
      <c r="AS277">
        <f ca="1">ROUND(SQRT((VLOOKUP($A277,városok!$A$2:$C$346,2,0)-VLOOKUP(AS$1,városok!$A$2:$C$346,2,0))^2+(VLOOKUP($A277,városok!$A$2:$C$346,3,0)-VLOOKUP(AS$1,városok!$A$2:$C$346,3,0))^2)/1000,0)</f>
        <v>116</v>
      </c>
      <c r="AT277">
        <f ca="1">ROUND(SQRT((VLOOKUP($A277,városok!$A$2:$C$346,2,0)-VLOOKUP(AT$1,városok!$A$2:$C$346,2,0))^2+(VLOOKUP($A277,városok!$A$2:$C$346,3,0)-VLOOKUP(AT$1,városok!$A$2:$C$346,3,0))^2)/1000,0)</f>
        <v>203</v>
      </c>
      <c r="AU277">
        <f ca="1">ROUND(SQRT((VLOOKUP($A277,városok!$A$2:$C$346,2,0)-VLOOKUP(AU$1,városok!$A$2:$C$346,2,0))^2+(VLOOKUP($A277,városok!$A$2:$C$346,3,0)-VLOOKUP(AU$1,városok!$A$2:$C$346,3,0))^2)/1000,0)</f>
        <v>194</v>
      </c>
      <c r="AV277">
        <f ca="1">ROUND(SQRT((VLOOKUP($A277,városok!$A$2:$C$346,2,0)-VLOOKUP(AV$1,városok!$A$2:$C$346,2,0))^2+(VLOOKUP($A277,városok!$A$2:$C$346,3,0)-VLOOKUP(AV$1,városok!$A$2:$C$346,3,0))^2)/1000,0)</f>
        <v>197</v>
      </c>
      <c r="AW277">
        <f ca="1">ROUND(SQRT((VLOOKUP($A277,városok!$A$2:$C$346,2,0)-VLOOKUP(AW$1,városok!$A$2:$C$346,2,0))^2+(VLOOKUP($A277,városok!$A$2:$C$346,3,0)-VLOOKUP(AW$1,városok!$A$2:$C$346,3,0))^2)/1000,0)</f>
        <v>200</v>
      </c>
      <c r="AX277">
        <f ca="1">ROUND(SQRT((VLOOKUP($A277,városok!$A$2:$C$346,2,0)-VLOOKUP(AX$1,városok!$A$2:$C$346,2,0))^2+(VLOOKUP($A277,városok!$A$2:$C$346,3,0)-VLOOKUP(AX$1,városok!$A$2:$C$346,3,0))^2)/1000,0)</f>
        <v>168</v>
      </c>
      <c r="AY277">
        <f ca="1">ROUND(SQRT((VLOOKUP($A277,városok!$A$2:$C$346,2,0)-VLOOKUP(AY$1,városok!$A$2:$C$346,2,0))^2+(VLOOKUP($A277,városok!$A$2:$C$346,3,0)-VLOOKUP(AY$1,városok!$A$2:$C$346,3,0))^2)/1000,0)</f>
        <v>178</v>
      </c>
      <c r="AZ277">
        <f ca="1">ROUND(SQRT((VLOOKUP($A277,városok!$A$2:$C$346,2,0)-VLOOKUP(AZ$1,városok!$A$2:$C$346,2,0))^2+(VLOOKUP($A277,városok!$A$2:$C$346,3,0)-VLOOKUP(AZ$1,városok!$A$2:$C$346,3,0))^2)/1000,0)</f>
        <v>183</v>
      </c>
      <c r="BA277">
        <f ca="1">ROUND(SQRT((VLOOKUP($A277,városok!$A$2:$C$346,2,0)-VLOOKUP(BA$1,városok!$A$2:$C$346,2,0))^2+(VLOOKUP($A277,városok!$A$2:$C$346,3,0)-VLOOKUP(BA$1,városok!$A$2:$C$346,3,0))^2)/1000,0)</f>
        <v>313</v>
      </c>
      <c r="BB277">
        <f ca="1">ROUND(SQRT((VLOOKUP($A277,városok!$A$2:$C$346,2,0)-VLOOKUP(BB$1,városok!$A$2:$C$346,2,0))^2+(VLOOKUP($A277,városok!$A$2:$C$346,3,0)-VLOOKUP(BB$1,városok!$A$2:$C$346,3,0))^2)/1000,0)</f>
        <v>312</v>
      </c>
      <c r="BC277">
        <f ca="1">ROUND(SQRT((VLOOKUP($A277,városok!$A$2:$C$346,2,0)-VLOOKUP(BC$1,városok!$A$2:$C$346,2,0))^2+(VLOOKUP($A277,városok!$A$2:$C$346,3,0)-VLOOKUP(BC$1,városok!$A$2:$C$346,3,0))^2)/1000,0)</f>
        <v>333</v>
      </c>
      <c r="BD277">
        <f ca="1">ROUND(SQRT((VLOOKUP($A277,városok!$A$2:$C$346,2,0)-VLOOKUP(BD$1,városok!$A$2:$C$346,2,0))^2+(VLOOKUP($A277,városok!$A$2:$C$346,3,0)-VLOOKUP(BD$1,városok!$A$2:$C$346,3,0))^2)/1000,0)</f>
        <v>282</v>
      </c>
      <c r="BE277">
        <f ca="1">ROUND(SQRT((VLOOKUP($A277,városok!$A$2:$C$346,2,0)-VLOOKUP(BE$1,városok!$A$2:$C$346,2,0))^2+(VLOOKUP($A277,városok!$A$2:$C$346,3,0)-VLOOKUP(BE$1,városok!$A$2:$C$346,3,0))^2)/1000,0)</f>
        <v>101</v>
      </c>
      <c r="BF277">
        <f ca="1">ROUND(SQRT((VLOOKUP($A277,városok!$A$2:$C$346,2,0)-VLOOKUP(BF$1,városok!$A$2:$C$346,2,0))^2+(VLOOKUP($A277,városok!$A$2:$C$346,3,0)-VLOOKUP(BF$1,városok!$A$2:$C$346,3,0))^2)/1000,0)</f>
        <v>54</v>
      </c>
      <c r="BG277">
        <f ca="1">ROUND(SQRT((VLOOKUP($A277,városok!$A$2:$C$346,2,0)-VLOOKUP(BG$1,városok!$A$2:$C$346,2,0))^2+(VLOOKUP($A277,városok!$A$2:$C$346,3,0)-VLOOKUP(BG$1,városok!$A$2:$C$346,3,0))^2)/1000,0)</f>
        <v>8</v>
      </c>
      <c r="BH277">
        <f ca="1">ROUND(SQRT((VLOOKUP($A277,városok!$A$2:$C$346,2,0)-VLOOKUP(BH$1,városok!$A$2:$C$346,2,0))^2+(VLOOKUP($A277,városok!$A$2:$C$346,3,0)-VLOOKUP(BH$1,városok!$A$2:$C$346,3,0))^2)/1000,0)</f>
        <v>8</v>
      </c>
      <c r="BI277">
        <f ca="1">ROUND(SQRT((VLOOKUP($A277,városok!$A$2:$C$346,2,0)-VLOOKUP(BI$1,városok!$A$2:$C$346,2,0))^2+(VLOOKUP($A277,városok!$A$2:$C$346,3,0)-VLOOKUP(BI$1,városok!$A$2:$C$346,3,0))^2)/1000,0)</f>
        <v>281</v>
      </c>
      <c r="BJ277">
        <f ca="1">ROUND(SQRT((VLOOKUP($A277,városok!$A$2:$C$346,2,0)-VLOOKUP(BJ$1,városok!$A$2:$C$346,2,0))^2+(VLOOKUP($A277,városok!$A$2:$C$346,3,0)-VLOOKUP(BJ$1,városok!$A$2:$C$346,3,0))^2)/1000,0)</f>
        <v>299</v>
      </c>
      <c r="BK277">
        <f ca="1">ROUND(SQRT((VLOOKUP($A277,városok!$A$2:$C$346,2,0)-VLOOKUP(BK$1,városok!$A$2:$C$346,2,0))^2+(VLOOKUP($A277,városok!$A$2:$C$346,3,0)-VLOOKUP(BK$1,városok!$A$2:$C$346,3,0))^2)/1000,0)</f>
        <v>280</v>
      </c>
      <c r="BL277">
        <f ca="1">ROUND(SQRT((VLOOKUP($A277,városok!$A$2:$C$346,2,0)-VLOOKUP(BL$1,városok!$A$2:$C$346,2,0))^2+(VLOOKUP($A277,városok!$A$2:$C$346,3,0)-VLOOKUP(BL$1,városok!$A$2:$C$346,3,0))^2)/1000,0)</f>
        <v>378</v>
      </c>
      <c r="BM277">
        <f ca="1">ROUND(SQRT((VLOOKUP($A277,városok!$A$2:$C$346,2,0)-VLOOKUP(BM$1,városok!$A$2:$C$346,2,0))^2+(VLOOKUP($A277,városok!$A$2:$C$346,3,0)-VLOOKUP(BM$1,városok!$A$2:$C$346,3,0))^2)/1000,0)</f>
        <v>346</v>
      </c>
      <c r="BN277">
        <f ca="1">ROUND(SQRT((VLOOKUP($A277,városok!$A$2:$C$346,2,0)-VLOOKUP(BN$1,városok!$A$2:$C$346,2,0))^2+(VLOOKUP($A277,városok!$A$2:$C$346,3,0)-VLOOKUP(BN$1,városok!$A$2:$C$346,3,0))^2)/1000,0)</f>
        <v>369</v>
      </c>
      <c r="BO277">
        <f ca="1">ROUND(SQRT((VLOOKUP($A277,városok!$A$2:$C$346,2,0)-VLOOKUP(BO$1,városok!$A$2:$C$346,2,0))^2+(VLOOKUP($A277,városok!$A$2:$C$346,3,0)-VLOOKUP(BO$1,városok!$A$2:$C$346,3,0))^2)/1000,0)</f>
        <v>279</v>
      </c>
      <c r="BP277">
        <f ca="1">ROUND(SQRT((VLOOKUP($A277,városok!$A$2:$C$346,2,0)-VLOOKUP(BP$1,városok!$A$2:$C$346,2,0))^2+(VLOOKUP($A277,városok!$A$2:$C$346,3,0)-VLOOKUP(BP$1,városok!$A$2:$C$346,3,0))^2)/1000,0)</f>
        <v>272</v>
      </c>
      <c r="BQ277">
        <f ca="1">ROUND(SQRT((VLOOKUP($A277,városok!$A$2:$C$346,2,0)-VLOOKUP(BQ$1,városok!$A$2:$C$346,2,0))^2+(VLOOKUP($A277,városok!$A$2:$C$346,3,0)-VLOOKUP(BQ$1,városok!$A$2:$C$346,3,0))^2)/1000,0)</f>
        <v>283</v>
      </c>
      <c r="BR277">
        <f ca="1">ROUND(SQRT((VLOOKUP($A277,városok!$A$2:$C$346,2,0)-VLOOKUP(BR$1,városok!$A$2:$C$346,2,0))^2+(VLOOKUP($A277,városok!$A$2:$C$346,3,0)-VLOOKUP(BR$1,városok!$A$2:$C$346,3,0))^2)/1000,0)</f>
        <v>344</v>
      </c>
      <c r="BS277">
        <f ca="1">ROUND(SQRT((VLOOKUP($A277,városok!$A$2:$C$346,2,0)-VLOOKUP(BS$1,városok!$A$2:$C$346,2,0))^2+(VLOOKUP($A277,városok!$A$2:$C$346,3,0)-VLOOKUP(BS$1,városok!$A$2:$C$346,3,0))^2)/1000,0)</f>
        <v>378</v>
      </c>
      <c r="BT277">
        <f ca="1">ROUND(SQRT((VLOOKUP($A277,városok!$A$2:$C$346,2,0)-VLOOKUP(BT$1,városok!$A$2:$C$346,2,0))^2+(VLOOKUP($A277,városok!$A$2:$C$346,3,0)-VLOOKUP(BT$1,városok!$A$2:$C$346,3,0))^2)/1000,0)</f>
        <v>369</v>
      </c>
    </row>
    <row r="278" spans="1:72" x14ac:dyDescent="0.2">
      <c r="A278" t="str">
        <f>városok!A278</f>
        <v>Kemecse</v>
      </c>
      <c r="B278">
        <f ca="1">ROUND(SQRT((VLOOKUP($A278,városok!$A$2:$C$346,2,0)-VLOOKUP(B$1,városok!$A$2:$C$346,2,0))^2+(VLOOKUP($A278,városok!$A$2:$C$346,3,0)-VLOOKUP(B$1,városok!$A$2:$C$346,3,0))^2)/1000,0)</f>
        <v>300</v>
      </c>
      <c r="C278">
        <f ca="1">ROUND(SQRT((VLOOKUP($A278,városok!$A$2:$C$346,2,0)-VLOOKUP(C$1,városok!$A$2:$C$346,2,0))^2+(VLOOKUP($A278,városok!$A$2:$C$346,3,0)-VLOOKUP(C$1,városok!$A$2:$C$346,3,0))^2)/1000,0)</f>
        <v>273</v>
      </c>
      <c r="D278">
        <f ca="1">ROUND(SQRT((VLOOKUP($A278,városok!$A$2:$C$346,2,0)-VLOOKUP(D$1,városok!$A$2:$C$346,2,0))^2+(VLOOKUP($A278,városok!$A$2:$C$346,3,0)-VLOOKUP(D$1,városok!$A$2:$C$346,3,0))^2)/1000,0)</f>
        <v>204</v>
      </c>
      <c r="E278">
        <f ca="1">ROUND(SQRT((VLOOKUP($A278,városok!$A$2:$C$346,2,0)-VLOOKUP(E$1,városok!$A$2:$C$346,2,0))^2+(VLOOKUP($A278,városok!$A$2:$C$346,3,0)-VLOOKUP(E$1,városok!$A$2:$C$346,3,0))^2)/1000,0)</f>
        <v>340</v>
      </c>
      <c r="F278">
        <f ca="1">ROUND(SQRT((VLOOKUP($A278,városok!$A$2:$C$346,2,0)-VLOOKUP(F$1,városok!$A$2:$C$346,2,0))^2+(VLOOKUP($A278,városok!$A$2:$C$346,3,0)-VLOOKUP(F$1,városok!$A$2:$C$346,3,0))^2)/1000,0)</f>
        <v>330</v>
      </c>
      <c r="G278">
        <f ca="1">ROUND(SQRT((VLOOKUP($A278,városok!$A$2:$C$346,2,0)-VLOOKUP(G$1,városok!$A$2:$C$346,2,0))^2+(VLOOKUP($A278,városok!$A$2:$C$346,3,0)-VLOOKUP(G$1,városok!$A$2:$C$346,3,0))^2)/1000,0)</f>
        <v>348</v>
      </c>
      <c r="H278">
        <f ca="1">ROUND(SQRT((VLOOKUP($A278,városok!$A$2:$C$346,2,0)-VLOOKUP(H$1,városok!$A$2:$C$346,2,0))^2+(VLOOKUP($A278,városok!$A$2:$C$346,3,0)-VLOOKUP(H$1,városok!$A$2:$C$346,3,0))^2)/1000,0)</f>
        <v>377</v>
      </c>
      <c r="I278">
        <f ca="1">ROUND(SQRT((VLOOKUP($A278,városok!$A$2:$C$346,2,0)-VLOOKUP(I$1,városok!$A$2:$C$346,2,0))^2+(VLOOKUP($A278,városok!$A$2:$C$346,3,0)-VLOOKUP(I$1,városok!$A$2:$C$346,3,0))^2)/1000,0)</f>
        <v>164</v>
      </c>
      <c r="J278">
        <f ca="1">ROUND(SQRT((VLOOKUP($A278,városok!$A$2:$C$346,2,0)-VLOOKUP(J$1,városok!$A$2:$C$346,2,0))^2+(VLOOKUP($A278,városok!$A$2:$C$346,3,0)-VLOOKUP(J$1,városok!$A$2:$C$346,3,0))^2)/1000,0)</f>
        <v>163</v>
      </c>
      <c r="K278">
        <f ca="1">ROUND(SQRT((VLOOKUP($A278,városok!$A$2:$C$346,2,0)-VLOOKUP(K$1,városok!$A$2:$C$346,2,0))^2+(VLOOKUP($A278,városok!$A$2:$C$346,3,0)-VLOOKUP(K$1,városok!$A$2:$C$346,3,0))^2)/1000,0)</f>
        <v>188</v>
      </c>
      <c r="L278">
        <f ca="1">ROUND(SQRT((VLOOKUP($A278,városok!$A$2:$C$346,2,0)-VLOOKUP(L$1,városok!$A$2:$C$346,2,0))^2+(VLOOKUP($A278,városok!$A$2:$C$346,3,0)-VLOOKUP(L$1,városok!$A$2:$C$346,3,0))^2)/1000,0)</f>
        <v>89</v>
      </c>
      <c r="M278">
        <f ca="1">ROUND(SQRT((VLOOKUP($A278,városok!$A$2:$C$346,2,0)-VLOOKUP(M$1,városok!$A$2:$C$346,2,0))^2+(VLOOKUP($A278,városok!$A$2:$C$346,3,0)-VLOOKUP(M$1,városok!$A$2:$C$346,3,0))^2)/1000,0)</f>
        <v>74</v>
      </c>
      <c r="N278">
        <f ca="1">ROUND(SQRT((VLOOKUP($A278,városok!$A$2:$C$346,2,0)-VLOOKUP(N$1,városok!$A$2:$C$346,2,0))^2+(VLOOKUP($A278,városok!$A$2:$C$346,3,0)-VLOOKUP(N$1,városok!$A$2:$C$346,3,0))^2)/1000,0)</f>
        <v>113</v>
      </c>
      <c r="O278">
        <f ca="1">ROUND(SQRT((VLOOKUP($A278,városok!$A$2:$C$346,2,0)-VLOOKUP(O$1,városok!$A$2:$C$346,2,0))^2+(VLOOKUP($A278,városok!$A$2:$C$346,3,0)-VLOOKUP(O$1,városok!$A$2:$C$346,3,0))^2)/1000,0)</f>
        <v>38</v>
      </c>
      <c r="P278">
        <f ca="1">ROUND(SQRT((VLOOKUP($A278,városok!$A$2:$C$346,2,0)-VLOOKUP(P$1,városok!$A$2:$C$346,2,0))^2+(VLOOKUP($A278,városok!$A$2:$C$346,3,0)-VLOOKUP(P$1,városok!$A$2:$C$346,3,0))^2)/1000,0)</f>
        <v>38</v>
      </c>
      <c r="Q278">
        <f ca="1">ROUND(SQRT((VLOOKUP($A278,városok!$A$2:$C$346,2,0)-VLOOKUP(Q$1,városok!$A$2:$C$346,2,0))^2+(VLOOKUP($A278,városok!$A$2:$C$346,3,0)-VLOOKUP(Q$1,városok!$A$2:$C$346,3,0))^2)/1000,0)</f>
        <v>214</v>
      </c>
      <c r="R278">
        <f ca="1">ROUND(SQRT((VLOOKUP($A278,városok!$A$2:$C$346,2,0)-VLOOKUP(R$1,városok!$A$2:$C$346,2,0))^2+(VLOOKUP($A278,városok!$A$2:$C$346,3,0)-VLOOKUP(R$1,városok!$A$2:$C$346,3,0))^2)/1000,0)</f>
        <v>228</v>
      </c>
      <c r="S278">
        <f ca="1">ROUND(SQRT((VLOOKUP($A278,városok!$A$2:$C$346,2,0)-VLOOKUP(S$1,városok!$A$2:$C$346,2,0))^2+(VLOOKUP($A278,városok!$A$2:$C$346,3,0)-VLOOKUP(S$1,városok!$A$2:$C$346,3,0))^2)/1000,0)</f>
        <v>237</v>
      </c>
      <c r="T278">
        <f ca="1">ROUND(SQRT((VLOOKUP($A278,városok!$A$2:$C$346,2,0)-VLOOKUP(T$1,városok!$A$2:$C$346,2,0))^2+(VLOOKUP($A278,városok!$A$2:$C$346,3,0)-VLOOKUP(T$1,városok!$A$2:$C$346,3,0))^2)/1000,0)</f>
        <v>245</v>
      </c>
      <c r="U278">
        <f ca="1">ROUND(SQRT((VLOOKUP($A278,városok!$A$2:$C$346,2,0)-VLOOKUP(U$1,városok!$A$2:$C$346,2,0))^2+(VLOOKUP($A278,városok!$A$2:$C$346,3,0)-VLOOKUP(U$1,városok!$A$2:$C$346,3,0))^2)/1000,0)</f>
        <v>248</v>
      </c>
      <c r="V278">
        <f ca="1">ROUND(SQRT((VLOOKUP($A278,városok!$A$2:$C$346,2,0)-VLOOKUP(V$1,városok!$A$2:$C$346,2,0))^2+(VLOOKUP($A278,városok!$A$2:$C$346,3,0)-VLOOKUP(V$1,városok!$A$2:$C$346,3,0))^2)/1000,0)</f>
        <v>285</v>
      </c>
      <c r="W278">
        <f ca="1">ROUND(SQRT((VLOOKUP($A278,városok!$A$2:$C$346,2,0)-VLOOKUP(W$1,városok!$A$2:$C$346,2,0))^2+(VLOOKUP($A278,városok!$A$2:$C$346,3,0)-VLOOKUP(W$1,városok!$A$2:$C$346,3,0))^2)/1000,0)</f>
        <v>273</v>
      </c>
      <c r="X278">
        <f ca="1">ROUND(SQRT((VLOOKUP($A278,városok!$A$2:$C$346,2,0)-VLOOKUP(X$1,városok!$A$2:$C$346,2,0))^2+(VLOOKUP($A278,városok!$A$2:$C$346,3,0)-VLOOKUP(X$1,városok!$A$2:$C$346,3,0))^2)/1000,0)</f>
        <v>274</v>
      </c>
      <c r="Y278">
        <f ca="1">ROUND(SQRT((VLOOKUP($A278,városok!$A$2:$C$346,2,0)-VLOOKUP(Y$1,városok!$A$2:$C$346,2,0))^2+(VLOOKUP($A278,városok!$A$2:$C$346,3,0)-VLOOKUP(Y$1,városok!$A$2:$C$346,3,0))^2)/1000,0)</f>
        <v>314</v>
      </c>
      <c r="Z278">
        <f ca="1">ROUND(SQRT((VLOOKUP($A278,városok!$A$2:$C$346,2,0)-VLOOKUP(Z$1,városok!$A$2:$C$346,2,0))^2+(VLOOKUP($A278,városok!$A$2:$C$346,3,0)-VLOOKUP(Z$1,városok!$A$2:$C$346,3,0))^2)/1000,0)</f>
        <v>331</v>
      </c>
      <c r="AA278">
        <f ca="1">ROUND(SQRT((VLOOKUP($A278,városok!$A$2:$C$346,2,0)-VLOOKUP(AA$1,városok!$A$2:$C$346,2,0))^2+(VLOOKUP($A278,városok!$A$2:$C$346,3,0)-VLOOKUP(AA$1,városok!$A$2:$C$346,3,0))^2)/1000,0)</f>
        <v>392</v>
      </c>
      <c r="AB278">
        <f ca="1">ROUND(SQRT((VLOOKUP($A278,városok!$A$2:$C$346,2,0)-VLOOKUP(AB$1,városok!$A$2:$C$346,2,0))^2+(VLOOKUP($A278,városok!$A$2:$C$346,3,0)-VLOOKUP(AB$1,városok!$A$2:$C$346,3,0))^2)/1000,0)</f>
        <v>61</v>
      </c>
      <c r="AC278">
        <f ca="1">ROUND(SQRT((VLOOKUP($A278,városok!$A$2:$C$346,2,0)-VLOOKUP(AC$1,városok!$A$2:$C$346,2,0))^2+(VLOOKUP($A278,városok!$A$2:$C$346,3,0)-VLOOKUP(AC$1,városok!$A$2:$C$346,3,0))^2)/1000,0)</f>
        <v>75</v>
      </c>
      <c r="AD278">
        <f ca="1">ROUND(SQRT((VLOOKUP($A278,városok!$A$2:$C$346,2,0)-VLOOKUP(AD$1,városok!$A$2:$C$346,2,0))^2+(VLOOKUP($A278,városok!$A$2:$C$346,3,0)-VLOOKUP(AD$1,városok!$A$2:$C$346,3,0))^2)/1000,0)</f>
        <v>86</v>
      </c>
      <c r="AE278">
        <f ca="1">ROUND(SQRT((VLOOKUP($A278,városok!$A$2:$C$346,2,0)-VLOOKUP(AE$1,városok!$A$2:$C$346,2,0))^2+(VLOOKUP($A278,városok!$A$2:$C$346,3,0)-VLOOKUP(AE$1,városok!$A$2:$C$346,3,0))^2)/1000,0)</f>
        <v>99</v>
      </c>
      <c r="AF278">
        <f ca="1">ROUND(SQRT((VLOOKUP($A278,városok!$A$2:$C$346,2,0)-VLOOKUP(AF$1,városok!$A$2:$C$346,2,0))^2+(VLOOKUP($A278,városok!$A$2:$C$346,3,0)-VLOOKUP(AF$1,városok!$A$2:$C$346,3,0))^2)/1000,0)</f>
        <v>107</v>
      </c>
      <c r="AG278">
        <f ca="1">ROUND(SQRT((VLOOKUP($A278,városok!$A$2:$C$346,2,0)-VLOOKUP(AG$1,városok!$A$2:$C$346,2,0))^2+(VLOOKUP($A278,városok!$A$2:$C$346,3,0)-VLOOKUP(AG$1,városok!$A$2:$C$346,3,0))^2)/1000,0)</f>
        <v>143</v>
      </c>
      <c r="AH278">
        <f ca="1">ROUND(SQRT((VLOOKUP($A278,városok!$A$2:$C$346,2,0)-VLOOKUP(AH$1,városok!$A$2:$C$346,2,0))^2+(VLOOKUP($A278,városok!$A$2:$C$346,3,0)-VLOOKUP(AH$1,városok!$A$2:$C$346,3,0))^2)/1000,0)</f>
        <v>164</v>
      </c>
      <c r="AI278">
        <f ca="1">ROUND(SQRT((VLOOKUP($A278,városok!$A$2:$C$346,2,0)-VLOOKUP(AI$1,városok!$A$2:$C$346,2,0))^2+(VLOOKUP($A278,városok!$A$2:$C$346,3,0)-VLOOKUP(AI$1,városok!$A$2:$C$346,3,0))^2)/1000,0)</f>
        <v>127</v>
      </c>
      <c r="AJ278">
        <f ca="1">ROUND(SQRT((VLOOKUP($A278,városok!$A$2:$C$346,2,0)-VLOOKUP(AJ$1,városok!$A$2:$C$346,2,0))^2+(VLOOKUP($A278,városok!$A$2:$C$346,3,0)-VLOOKUP(AJ$1,városok!$A$2:$C$346,3,0))^2)/1000,0)</f>
        <v>144</v>
      </c>
      <c r="AK278">
        <f ca="1">ROUND(SQRT((VLOOKUP($A278,városok!$A$2:$C$346,2,0)-VLOOKUP(AK$1,városok!$A$2:$C$346,2,0))^2+(VLOOKUP($A278,városok!$A$2:$C$346,3,0)-VLOOKUP(AK$1,városok!$A$2:$C$346,3,0))^2)/1000,0)</f>
        <v>107</v>
      </c>
      <c r="AL278">
        <f ca="1">ROUND(SQRT((VLOOKUP($A278,városok!$A$2:$C$346,2,0)-VLOOKUP(AL$1,városok!$A$2:$C$346,2,0))^2+(VLOOKUP($A278,városok!$A$2:$C$346,3,0)-VLOOKUP(AL$1,városok!$A$2:$C$346,3,0))^2)/1000,0)</f>
        <v>117</v>
      </c>
      <c r="AM278">
        <f ca="1">ROUND(SQRT((VLOOKUP($A278,városok!$A$2:$C$346,2,0)-VLOOKUP(AM$1,városok!$A$2:$C$346,2,0))^2+(VLOOKUP($A278,városok!$A$2:$C$346,3,0)-VLOOKUP(AM$1,városok!$A$2:$C$346,3,0))^2)/1000,0)</f>
        <v>156</v>
      </c>
      <c r="AN278">
        <f ca="1">ROUND(SQRT((VLOOKUP($A278,városok!$A$2:$C$346,2,0)-VLOOKUP(AN$1,városok!$A$2:$C$346,2,0))^2+(VLOOKUP($A278,városok!$A$2:$C$346,3,0)-VLOOKUP(AN$1,városok!$A$2:$C$346,3,0))^2)/1000,0)</f>
        <v>230</v>
      </c>
      <c r="AO278">
        <f ca="1">ROUND(SQRT((VLOOKUP($A278,városok!$A$2:$C$346,2,0)-VLOOKUP(AO$1,városok!$A$2:$C$346,2,0))^2+(VLOOKUP($A278,városok!$A$2:$C$346,3,0)-VLOOKUP(AO$1,városok!$A$2:$C$346,3,0))^2)/1000,0)</f>
        <v>277</v>
      </c>
      <c r="AP278">
        <f ca="1">ROUND(SQRT((VLOOKUP($A278,városok!$A$2:$C$346,2,0)-VLOOKUP(AP$1,városok!$A$2:$C$346,2,0))^2+(VLOOKUP($A278,városok!$A$2:$C$346,3,0)-VLOOKUP(AP$1,városok!$A$2:$C$346,3,0))^2)/1000,0)</f>
        <v>263</v>
      </c>
      <c r="AQ278">
        <f ca="1">ROUND(SQRT((VLOOKUP($A278,városok!$A$2:$C$346,2,0)-VLOOKUP(AQ$1,városok!$A$2:$C$346,2,0))^2+(VLOOKUP($A278,városok!$A$2:$C$346,3,0)-VLOOKUP(AQ$1,városok!$A$2:$C$346,3,0))^2)/1000,0)</f>
        <v>259</v>
      </c>
      <c r="AR278">
        <f ca="1">ROUND(SQRT((VLOOKUP($A278,városok!$A$2:$C$346,2,0)-VLOOKUP(AR$1,városok!$A$2:$C$346,2,0))^2+(VLOOKUP($A278,városok!$A$2:$C$346,3,0)-VLOOKUP(AR$1,városok!$A$2:$C$346,3,0))^2)/1000,0)</f>
        <v>157</v>
      </c>
      <c r="AS278">
        <f ca="1">ROUND(SQRT((VLOOKUP($A278,városok!$A$2:$C$346,2,0)-VLOOKUP(AS$1,városok!$A$2:$C$346,2,0))^2+(VLOOKUP($A278,városok!$A$2:$C$346,3,0)-VLOOKUP(AS$1,városok!$A$2:$C$346,3,0))^2)/1000,0)</f>
        <v>148</v>
      </c>
      <c r="AT278">
        <f ca="1">ROUND(SQRT((VLOOKUP($A278,városok!$A$2:$C$346,2,0)-VLOOKUP(AT$1,városok!$A$2:$C$346,2,0))^2+(VLOOKUP($A278,városok!$A$2:$C$346,3,0)-VLOOKUP(AT$1,városok!$A$2:$C$346,3,0))^2)/1000,0)</f>
        <v>233</v>
      </c>
      <c r="AU278">
        <f ca="1">ROUND(SQRT((VLOOKUP($A278,városok!$A$2:$C$346,2,0)-VLOOKUP(AU$1,városok!$A$2:$C$346,2,0))^2+(VLOOKUP($A278,városok!$A$2:$C$346,3,0)-VLOOKUP(AU$1,városok!$A$2:$C$346,3,0))^2)/1000,0)</f>
        <v>223</v>
      </c>
      <c r="AV278">
        <f ca="1">ROUND(SQRT((VLOOKUP($A278,városok!$A$2:$C$346,2,0)-VLOOKUP(AV$1,városok!$A$2:$C$346,2,0))^2+(VLOOKUP($A278,városok!$A$2:$C$346,3,0)-VLOOKUP(AV$1,városok!$A$2:$C$346,3,0))^2)/1000,0)</f>
        <v>225</v>
      </c>
      <c r="AW278">
        <f ca="1">ROUND(SQRT((VLOOKUP($A278,városok!$A$2:$C$346,2,0)-VLOOKUP(AW$1,városok!$A$2:$C$346,2,0))^2+(VLOOKUP($A278,városok!$A$2:$C$346,3,0)-VLOOKUP(AW$1,városok!$A$2:$C$346,3,0))^2)/1000,0)</f>
        <v>229</v>
      </c>
      <c r="AX278">
        <f ca="1">ROUND(SQRT((VLOOKUP($A278,városok!$A$2:$C$346,2,0)-VLOOKUP(AX$1,városok!$A$2:$C$346,2,0))^2+(VLOOKUP($A278,városok!$A$2:$C$346,3,0)-VLOOKUP(AX$1,városok!$A$2:$C$346,3,0))^2)/1000,0)</f>
        <v>190</v>
      </c>
      <c r="AY278">
        <f ca="1">ROUND(SQRT((VLOOKUP($A278,városok!$A$2:$C$346,2,0)-VLOOKUP(AY$1,városok!$A$2:$C$346,2,0))^2+(VLOOKUP($A278,városok!$A$2:$C$346,3,0)-VLOOKUP(AY$1,városok!$A$2:$C$346,3,0))^2)/1000,0)</f>
        <v>209</v>
      </c>
      <c r="AZ278">
        <f ca="1">ROUND(SQRT((VLOOKUP($A278,városok!$A$2:$C$346,2,0)-VLOOKUP(AZ$1,városok!$A$2:$C$346,2,0))^2+(VLOOKUP($A278,városok!$A$2:$C$346,3,0)-VLOOKUP(AZ$1,városok!$A$2:$C$346,3,0))^2)/1000,0)</f>
        <v>213</v>
      </c>
      <c r="BA278">
        <f ca="1">ROUND(SQRT((VLOOKUP($A278,városok!$A$2:$C$346,2,0)-VLOOKUP(BA$1,városok!$A$2:$C$346,2,0))^2+(VLOOKUP($A278,városok!$A$2:$C$346,3,0)-VLOOKUP(BA$1,városok!$A$2:$C$346,3,0))^2)/1000,0)</f>
        <v>340</v>
      </c>
      <c r="BB278">
        <f ca="1">ROUND(SQRT((VLOOKUP($A278,városok!$A$2:$C$346,2,0)-VLOOKUP(BB$1,városok!$A$2:$C$346,2,0))^2+(VLOOKUP($A278,városok!$A$2:$C$346,3,0)-VLOOKUP(BB$1,városok!$A$2:$C$346,3,0))^2)/1000,0)</f>
        <v>337</v>
      </c>
      <c r="BC278">
        <f ca="1">ROUND(SQRT((VLOOKUP($A278,városok!$A$2:$C$346,2,0)-VLOOKUP(BC$1,városok!$A$2:$C$346,2,0))^2+(VLOOKUP($A278,városok!$A$2:$C$346,3,0)-VLOOKUP(BC$1,városok!$A$2:$C$346,3,0))^2)/1000,0)</f>
        <v>357</v>
      </c>
      <c r="BD278">
        <f ca="1">ROUND(SQRT((VLOOKUP($A278,városok!$A$2:$C$346,2,0)-VLOOKUP(BD$1,városok!$A$2:$C$346,2,0))^2+(VLOOKUP($A278,városok!$A$2:$C$346,3,0)-VLOOKUP(BD$1,városok!$A$2:$C$346,3,0))^2)/1000,0)</f>
        <v>309</v>
      </c>
      <c r="BE278">
        <f ca="1">ROUND(SQRT((VLOOKUP($A278,városok!$A$2:$C$346,2,0)-VLOOKUP(BE$1,városok!$A$2:$C$346,2,0))^2+(VLOOKUP($A278,városok!$A$2:$C$346,3,0)-VLOOKUP(BE$1,városok!$A$2:$C$346,3,0))^2)/1000,0)</f>
        <v>70</v>
      </c>
      <c r="BF278">
        <f ca="1">ROUND(SQRT((VLOOKUP($A278,városok!$A$2:$C$346,2,0)-VLOOKUP(BF$1,városok!$A$2:$C$346,2,0))^2+(VLOOKUP($A278,városok!$A$2:$C$346,3,0)-VLOOKUP(BF$1,városok!$A$2:$C$346,3,0))^2)/1000,0)</f>
        <v>27</v>
      </c>
      <c r="BG278">
        <f ca="1">ROUND(SQRT((VLOOKUP($A278,városok!$A$2:$C$346,2,0)-VLOOKUP(BG$1,városok!$A$2:$C$346,2,0))^2+(VLOOKUP($A278,városok!$A$2:$C$346,3,0)-VLOOKUP(BG$1,városok!$A$2:$C$346,3,0))^2)/1000,0)</f>
        <v>25</v>
      </c>
      <c r="BH278">
        <f ca="1">ROUND(SQRT((VLOOKUP($A278,városok!$A$2:$C$346,2,0)-VLOOKUP(BH$1,városok!$A$2:$C$346,2,0))^2+(VLOOKUP($A278,városok!$A$2:$C$346,3,0)-VLOOKUP(BH$1,városok!$A$2:$C$346,3,0))^2)/1000,0)</f>
        <v>25</v>
      </c>
      <c r="BI278">
        <f ca="1">ROUND(SQRT((VLOOKUP($A278,városok!$A$2:$C$346,2,0)-VLOOKUP(BI$1,városok!$A$2:$C$346,2,0))^2+(VLOOKUP($A278,városok!$A$2:$C$346,3,0)-VLOOKUP(BI$1,városok!$A$2:$C$346,3,0))^2)/1000,0)</f>
        <v>303</v>
      </c>
      <c r="BJ278">
        <f ca="1">ROUND(SQRT((VLOOKUP($A278,városok!$A$2:$C$346,2,0)-VLOOKUP(BJ$1,városok!$A$2:$C$346,2,0))^2+(VLOOKUP($A278,városok!$A$2:$C$346,3,0)-VLOOKUP(BJ$1,városok!$A$2:$C$346,3,0))^2)/1000,0)</f>
        <v>321</v>
      </c>
      <c r="BK278">
        <f ca="1">ROUND(SQRT((VLOOKUP($A278,városok!$A$2:$C$346,2,0)-VLOOKUP(BK$1,városok!$A$2:$C$346,2,0))^2+(VLOOKUP($A278,városok!$A$2:$C$346,3,0)-VLOOKUP(BK$1,városok!$A$2:$C$346,3,0))^2)/1000,0)</f>
        <v>302</v>
      </c>
      <c r="BL278">
        <f ca="1">ROUND(SQRT((VLOOKUP($A278,városok!$A$2:$C$346,2,0)-VLOOKUP(BL$1,városok!$A$2:$C$346,2,0))^2+(VLOOKUP($A278,városok!$A$2:$C$346,3,0)-VLOOKUP(BL$1,városok!$A$2:$C$346,3,0))^2)/1000,0)</f>
        <v>408</v>
      </c>
      <c r="BM278">
        <f ca="1">ROUND(SQRT((VLOOKUP($A278,városok!$A$2:$C$346,2,0)-VLOOKUP(BM$1,városok!$A$2:$C$346,2,0))^2+(VLOOKUP($A278,városok!$A$2:$C$346,3,0)-VLOOKUP(BM$1,városok!$A$2:$C$346,3,0))^2)/1000,0)</f>
        <v>376</v>
      </c>
      <c r="BN278">
        <f ca="1">ROUND(SQRT((VLOOKUP($A278,városok!$A$2:$C$346,2,0)-VLOOKUP(BN$1,városok!$A$2:$C$346,2,0))^2+(VLOOKUP($A278,városok!$A$2:$C$346,3,0)-VLOOKUP(BN$1,városok!$A$2:$C$346,3,0))^2)/1000,0)</f>
        <v>399</v>
      </c>
      <c r="BO278">
        <f ca="1">ROUND(SQRT((VLOOKUP($A278,városok!$A$2:$C$346,2,0)-VLOOKUP(BO$1,városok!$A$2:$C$346,2,0))^2+(VLOOKUP($A278,városok!$A$2:$C$346,3,0)-VLOOKUP(BO$1,városok!$A$2:$C$346,3,0))^2)/1000,0)</f>
        <v>307</v>
      </c>
      <c r="BP278">
        <f ca="1">ROUND(SQRT((VLOOKUP($A278,városok!$A$2:$C$346,2,0)-VLOOKUP(BP$1,városok!$A$2:$C$346,2,0))^2+(VLOOKUP($A278,városok!$A$2:$C$346,3,0)-VLOOKUP(BP$1,városok!$A$2:$C$346,3,0))^2)/1000,0)</f>
        <v>300</v>
      </c>
      <c r="BQ278">
        <f ca="1">ROUND(SQRT((VLOOKUP($A278,városok!$A$2:$C$346,2,0)-VLOOKUP(BQ$1,városok!$A$2:$C$346,2,0))^2+(VLOOKUP($A278,városok!$A$2:$C$346,3,0)-VLOOKUP(BQ$1,városok!$A$2:$C$346,3,0))^2)/1000,0)</f>
        <v>311</v>
      </c>
      <c r="BR278">
        <f ca="1">ROUND(SQRT((VLOOKUP($A278,városok!$A$2:$C$346,2,0)-VLOOKUP(BR$1,városok!$A$2:$C$346,2,0))^2+(VLOOKUP($A278,városok!$A$2:$C$346,3,0)-VLOOKUP(BR$1,városok!$A$2:$C$346,3,0))^2)/1000,0)</f>
        <v>371</v>
      </c>
      <c r="BS278">
        <f ca="1">ROUND(SQRT((VLOOKUP($A278,városok!$A$2:$C$346,2,0)-VLOOKUP(BS$1,városok!$A$2:$C$346,2,0))^2+(VLOOKUP($A278,városok!$A$2:$C$346,3,0)-VLOOKUP(BS$1,városok!$A$2:$C$346,3,0))^2)/1000,0)</f>
        <v>405</v>
      </c>
      <c r="BT278">
        <f ca="1">ROUND(SQRT((VLOOKUP($A278,városok!$A$2:$C$346,2,0)-VLOOKUP(BT$1,városok!$A$2:$C$346,2,0))^2+(VLOOKUP($A278,városok!$A$2:$C$346,3,0)-VLOOKUP(BT$1,városok!$A$2:$C$346,3,0))^2)/1000,0)</f>
        <v>398</v>
      </c>
    </row>
    <row r="279" spans="1:72" x14ac:dyDescent="0.2">
      <c r="A279" t="str">
        <f>városok!A279</f>
        <v>Kisvárda</v>
      </c>
      <c r="B279">
        <f ca="1">ROUND(SQRT((VLOOKUP($A279,városok!$A$2:$C$346,2,0)-VLOOKUP(B$1,városok!$A$2:$C$346,2,0))^2+(VLOOKUP($A279,városok!$A$2:$C$346,3,0)-VLOOKUP(B$1,városok!$A$2:$C$346,3,0))^2)/1000,0)</f>
        <v>327</v>
      </c>
      <c r="C279">
        <f ca="1">ROUND(SQRT((VLOOKUP($A279,városok!$A$2:$C$346,2,0)-VLOOKUP(C$1,városok!$A$2:$C$346,2,0))^2+(VLOOKUP($A279,városok!$A$2:$C$346,3,0)-VLOOKUP(C$1,városok!$A$2:$C$346,3,0))^2)/1000,0)</f>
        <v>300</v>
      </c>
      <c r="D279">
        <f ca="1">ROUND(SQRT((VLOOKUP($A279,városok!$A$2:$C$346,2,0)-VLOOKUP(D$1,városok!$A$2:$C$346,2,0))^2+(VLOOKUP($A279,városok!$A$2:$C$346,3,0)-VLOOKUP(D$1,városok!$A$2:$C$346,3,0))^2)/1000,0)</f>
        <v>231</v>
      </c>
      <c r="E279">
        <f ca="1">ROUND(SQRT((VLOOKUP($A279,városok!$A$2:$C$346,2,0)-VLOOKUP(E$1,városok!$A$2:$C$346,2,0))^2+(VLOOKUP($A279,városok!$A$2:$C$346,3,0)-VLOOKUP(E$1,városok!$A$2:$C$346,3,0))^2)/1000,0)</f>
        <v>367</v>
      </c>
      <c r="F279">
        <f ca="1">ROUND(SQRT((VLOOKUP($A279,városok!$A$2:$C$346,2,0)-VLOOKUP(F$1,városok!$A$2:$C$346,2,0))^2+(VLOOKUP($A279,városok!$A$2:$C$346,3,0)-VLOOKUP(F$1,városok!$A$2:$C$346,3,0))^2)/1000,0)</f>
        <v>357</v>
      </c>
      <c r="G279">
        <f ca="1">ROUND(SQRT((VLOOKUP($A279,városok!$A$2:$C$346,2,0)-VLOOKUP(G$1,városok!$A$2:$C$346,2,0))^2+(VLOOKUP($A279,városok!$A$2:$C$346,3,0)-VLOOKUP(G$1,városok!$A$2:$C$346,3,0))^2)/1000,0)</f>
        <v>376</v>
      </c>
      <c r="H279">
        <f ca="1">ROUND(SQRT((VLOOKUP($A279,városok!$A$2:$C$346,2,0)-VLOOKUP(H$1,városok!$A$2:$C$346,2,0))^2+(VLOOKUP($A279,városok!$A$2:$C$346,3,0)-VLOOKUP(H$1,városok!$A$2:$C$346,3,0))^2)/1000,0)</f>
        <v>405</v>
      </c>
      <c r="I279">
        <f ca="1">ROUND(SQRT((VLOOKUP($A279,városok!$A$2:$C$346,2,0)-VLOOKUP(I$1,városok!$A$2:$C$346,2,0))^2+(VLOOKUP($A279,városok!$A$2:$C$346,3,0)-VLOOKUP(I$1,városok!$A$2:$C$346,3,0))^2)/1000,0)</f>
        <v>188</v>
      </c>
      <c r="J279">
        <f ca="1">ROUND(SQRT((VLOOKUP($A279,városok!$A$2:$C$346,2,0)-VLOOKUP(J$1,városok!$A$2:$C$346,2,0))^2+(VLOOKUP($A279,városok!$A$2:$C$346,3,0)-VLOOKUP(J$1,városok!$A$2:$C$346,3,0))^2)/1000,0)</f>
        <v>186</v>
      </c>
      <c r="K279">
        <f ca="1">ROUND(SQRT((VLOOKUP($A279,városok!$A$2:$C$346,2,0)-VLOOKUP(K$1,városok!$A$2:$C$346,2,0))^2+(VLOOKUP($A279,városok!$A$2:$C$346,3,0)-VLOOKUP(K$1,városok!$A$2:$C$346,3,0))^2)/1000,0)</f>
        <v>213</v>
      </c>
      <c r="L279">
        <f ca="1">ROUND(SQRT((VLOOKUP($A279,városok!$A$2:$C$346,2,0)-VLOOKUP(L$1,városok!$A$2:$C$346,2,0))^2+(VLOOKUP($A279,városok!$A$2:$C$346,3,0)-VLOOKUP(L$1,városok!$A$2:$C$346,3,0))^2)/1000,0)</f>
        <v>107</v>
      </c>
      <c r="M279">
        <f ca="1">ROUND(SQRT((VLOOKUP($A279,városok!$A$2:$C$346,2,0)-VLOOKUP(M$1,városok!$A$2:$C$346,2,0))^2+(VLOOKUP($A279,városok!$A$2:$C$346,3,0)-VLOOKUP(M$1,városok!$A$2:$C$346,3,0))^2)/1000,0)</f>
        <v>96</v>
      </c>
      <c r="N279">
        <f ca="1">ROUND(SQRT((VLOOKUP($A279,városok!$A$2:$C$346,2,0)-VLOOKUP(N$1,városok!$A$2:$C$346,2,0))^2+(VLOOKUP($A279,városok!$A$2:$C$346,3,0)-VLOOKUP(N$1,városok!$A$2:$C$346,3,0))^2)/1000,0)</f>
        <v>133</v>
      </c>
      <c r="O279">
        <f ca="1">ROUND(SQRT((VLOOKUP($A279,városok!$A$2:$C$346,2,0)-VLOOKUP(O$1,városok!$A$2:$C$346,2,0))^2+(VLOOKUP($A279,városok!$A$2:$C$346,3,0)-VLOOKUP(O$1,városok!$A$2:$C$346,3,0))^2)/1000,0)</f>
        <v>37</v>
      </c>
      <c r="P279">
        <f ca="1">ROUND(SQRT((VLOOKUP($A279,városok!$A$2:$C$346,2,0)-VLOOKUP(P$1,városok!$A$2:$C$346,2,0))^2+(VLOOKUP($A279,városok!$A$2:$C$346,3,0)-VLOOKUP(P$1,városok!$A$2:$C$346,3,0))^2)/1000,0)</f>
        <v>37</v>
      </c>
      <c r="Q279">
        <f ca="1">ROUND(SQRT((VLOOKUP($A279,városok!$A$2:$C$346,2,0)-VLOOKUP(Q$1,városok!$A$2:$C$346,2,0))^2+(VLOOKUP($A279,városok!$A$2:$C$346,3,0)-VLOOKUP(Q$1,városok!$A$2:$C$346,3,0))^2)/1000,0)</f>
        <v>240</v>
      </c>
      <c r="R279">
        <f ca="1">ROUND(SQRT((VLOOKUP($A279,városok!$A$2:$C$346,2,0)-VLOOKUP(R$1,városok!$A$2:$C$346,2,0))^2+(VLOOKUP($A279,városok!$A$2:$C$346,3,0)-VLOOKUP(R$1,városok!$A$2:$C$346,3,0))^2)/1000,0)</f>
        <v>254</v>
      </c>
      <c r="S279">
        <f ca="1">ROUND(SQRT((VLOOKUP($A279,városok!$A$2:$C$346,2,0)-VLOOKUP(S$1,városok!$A$2:$C$346,2,0))^2+(VLOOKUP($A279,városok!$A$2:$C$346,3,0)-VLOOKUP(S$1,városok!$A$2:$C$346,3,0))^2)/1000,0)</f>
        <v>263</v>
      </c>
      <c r="T279">
        <f ca="1">ROUND(SQRT((VLOOKUP($A279,városok!$A$2:$C$346,2,0)-VLOOKUP(T$1,városok!$A$2:$C$346,2,0))^2+(VLOOKUP($A279,városok!$A$2:$C$346,3,0)-VLOOKUP(T$1,városok!$A$2:$C$346,3,0))^2)/1000,0)</f>
        <v>270</v>
      </c>
      <c r="U279">
        <f ca="1">ROUND(SQRT((VLOOKUP($A279,városok!$A$2:$C$346,2,0)-VLOOKUP(U$1,városok!$A$2:$C$346,2,0))^2+(VLOOKUP($A279,városok!$A$2:$C$346,3,0)-VLOOKUP(U$1,városok!$A$2:$C$346,3,0))^2)/1000,0)</f>
        <v>274</v>
      </c>
      <c r="V279">
        <f ca="1">ROUND(SQRT((VLOOKUP($A279,városok!$A$2:$C$346,2,0)-VLOOKUP(V$1,városok!$A$2:$C$346,2,0))^2+(VLOOKUP($A279,városok!$A$2:$C$346,3,0)-VLOOKUP(V$1,városok!$A$2:$C$346,3,0))^2)/1000,0)</f>
        <v>312</v>
      </c>
      <c r="W279">
        <f ca="1">ROUND(SQRT((VLOOKUP($A279,városok!$A$2:$C$346,2,0)-VLOOKUP(W$1,városok!$A$2:$C$346,2,0))^2+(VLOOKUP($A279,városok!$A$2:$C$346,3,0)-VLOOKUP(W$1,városok!$A$2:$C$346,3,0))^2)/1000,0)</f>
        <v>299</v>
      </c>
      <c r="X279">
        <f ca="1">ROUND(SQRT((VLOOKUP($A279,városok!$A$2:$C$346,2,0)-VLOOKUP(X$1,városok!$A$2:$C$346,2,0))^2+(VLOOKUP($A279,városok!$A$2:$C$346,3,0)-VLOOKUP(X$1,városok!$A$2:$C$346,3,0))^2)/1000,0)</f>
        <v>299</v>
      </c>
      <c r="Y279">
        <f ca="1">ROUND(SQRT((VLOOKUP($A279,városok!$A$2:$C$346,2,0)-VLOOKUP(Y$1,városok!$A$2:$C$346,2,0))^2+(VLOOKUP($A279,városok!$A$2:$C$346,3,0)-VLOOKUP(Y$1,városok!$A$2:$C$346,3,0))^2)/1000,0)</f>
        <v>337</v>
      </c>
      <c r="Z279">
        <f ca="1">ROUND(SQRT((VLOOKUP($A279,városok!$A$2:$C$346,2,0)-VLOOKUP(Z$1,városok!$A$2:$C$346,2,0))^2+(VLOOKUP($A279,városok!$A$2:$C$346,3,0)-VLOOKUP(Z$1,városok!$A$2:$C$346,3,0))^2)/1000,0)</f>
        <v>354</v>
      </c>
      <c r="AA279">
        <f ca="1">ROUND(SQRT((VLOOKUP($A279,városok!$A$2:$C$346,2,0)-VLOOKUP(AA$1,városok!$A$2:$C$346,2,0))^2+(VLOOKUP($A279,városok!$A$2:$C$346,3,0)-VLOOKUP(AA$1,városok!$A$2:$C$346,3,0))^2)/1000,0)</f>
        <v>414</v>
      </c>
      <c r="AB279">
        <f ca="1">ROUND(SQRT((VLOOKUP($A279,városok!$A$2:$C$346,2,0)-VLOOKUP(AB$1,városok!$A$2:$C$346,2,0))^2+(VLOOKUP($A279,városok!$A$2:$C$346,3,0)-VLOOKUP(AB$1,városok!$A$2:$C$346,3,0))^2)/1000,0)</f>
        <v>84</v>
      </c>
      <c r="AC279">
        <f ca="1">ROUND(SQRT((VLOOKUP($A279,városok!$A$2:$C$346,2,0)-VLOOKUP(AC$1,városok!$A$2:$C$346,2,0))^2+(VLOOKUP($A279,városok!$A$2:$C$346,3,0)-VLOOKUP(AC$1,városok!$A$2:$C$346,3,0))^2)/1000,0)</f>
        <v>101</v>
      </c>
      <c r="AD279">
        <f ca="1">ROUND(SQRT((VLOOKUP($A279,városok!$A$2:$C$346,2,0)-VLOOKUP(AD$1,városok!$A$2:$C$346,2,0))^2+(VLOOKUP($A279,városok!$A$2:$C$346,3,0)-VLOOKUP(AD$1,városok!$A$2:$C$346,3,0))^2)/1000,0)</f>
        <v>112</v>
      </c>
      <c r="AE279">
        <f ca="1">ROUND(SQRT((VLOOKUP($A279,városok!$A$2:$C$346,2,0)-VLOOKUP(AE$1,városok!$A$2:$C$346,2,0))^2+(VLOOKUP($A279,városok!$A$2:$C$346,3,0)-VLOOKUP(AE$1,városok!$A$2:$C$346,3,0))^2)/1000,0)</f>
        <v>125</v>
      </c>
      <c r="AF279">
        <f ca="1">ROUND(SQRT((VLOOKUP($A279,városok!$A$2:$C$346,2,0)-VLOOKUP(AF$1,városok!$A$2:$C$346,2,0))^2+(VLOOKUP($A279,városok!$A$2:$C$346,3,0)-VLOOKUP(AF$1,városok!$A$2:$C$346,3,0))^2)/1000,0)</f>
        <v>132</v>
      </c>
      <c r="AG279">
        <f ca="1">ROUND(SQRT((VLOOKUP($A279,városok!$A$2:$C$346,2,0)-VLOOKUP(AG$1,városok!$A$2:$C$346,2,0))^2+(VLOOKUP($A279,városok!$A$2:$C$346,3,0)-VLOOKUP(AG$1,városok!$A$2:$C$346,3,0))^2)/1000,0)</f>
        <v>168</v>
      </c>
      <c r="AH279">
        <f ca="1">ROUND(SQRT((VLOOKUP($A279,városok!$A$2:$C$346,2,0)-VLOOKUP(AH$1,városok!$A$2:$C$346,2,0))^2+(VLOOKUP($A279,városok!$A$2:$C$346,3,0)-VLOOKUP(AH$1,városok!$A$2:$C$346,3,0))^2)/1000,0)</f>
        <v>190</v>
      </c>
      <c r="AI279">
        <f ca="1">ROUND(SQRT((VLOOKUP($A279,városok!$A$2:$C$346,2,0)-VLOOKUP(AI$1,városok!$A$2:$C$346,2,0))^2+(VLOOKUP($A279,városok!$A$2:$C$346,3,0)-VLOOKUP(AI$1,városok!$A$2:$C$346,3,0))^2)/1000,0)</f>
        <v>149</v>
      </c>
      <c r="AJ279">
        <f ca="1">ROUND(SQRT((VLOOKUP($A279,városok!$A$2:$C$346,2,0)-VLOOKUP(AJ$1,városok!$A$2:$C$346,2,0))^2+(VLOOKUP($A279,városok!$A$2:$C$346,3,0)-VLOOKUP(AJ$1,városok!$A$2:$C$346,3,0))^2)/1000,0)</f>
        <v>170</v>
      </c>
      <c r="AK279">
        <f ca="1">ROUND(SQRT((VLOOKUP($A279,városok!$A$2:$C$346,2,0)-VLOOKUP(AK$1,városok!$A$2:$C$346,2,0))^2+(VLOOKUP($A279,városok!$A$2:$C$346,3,0)-VLOOKUP(AK$1,városok!$A$2:$C$346,3,0))^2)/1000,0)</f>
        <v>133</v>
      </c>
      <c r="AL279">
        <f ca="1">ROUND(SQRT((VLOOKUP($A279,városok!$A$2:$C$346,2,0)-VLOOKUP(AL$1,városok!$A$2:$C$346,2,0))^2+(VLOOKUP($A279,városok!$A$2:$C$346,3,0)-VLOOKUP(AL$1,városok!$A$2:$C$346,3,0))^2)/1000,0)</f>
        <v>144</v>
      </c>
      <c r="AM279">
        <f ca="1">ROUND(SQRT((VLOOKUP($A279,városok!$A$2:$C$346,2,0)-VLOOKUP(AM$1,városok!$A$2:$C$346,2,0))^2+(VLOOKUP($A279,városok!$A$2:$C$346,3,0)-VLOOKUP(AM$1,városok!$A$2:$C$346,3,0))^2)/1000,0)</f>
        <v>183</v>
      </c>
      <c r="AN279">
        <f ca="1">ROUND(SQRT((VLOOKUP($A279,városok!$A$2:$C$346,2,0)-VLOOKUP(AN$1,városok!$A$2:$C$346,2,0))^2+(VLOOKUP($A279,városok!$A$2:$C$346,3,0)-VLOOKUP(AN$1,városok!$A$2:$C$346,3,0))^2)/1000,0)</f>
        <v>253</v>
      </c>
      <c r="AO279">
        <f ca="1">ROUND(SQRT((VLOOKUP($A279,városok!$A$2:$C$346,2,0)-VLOOKUP(AO$1,városok!$A$2:$C$346,2,0))^2+(VLOOKUP($A279,városok!$A$2:$C$346,3,0)-VLOOKUP(AO$1,városok!$A$2:$C$346,3,0))^2)/1000,0)</f>
        <v>300</v>
      </c>
      <c r="AP279">
        <f ca="1">ROUND(SQRT((VLOOKUP($A279,városok!$A$2:$C$346,2,0)-VLOOKUP(AP$1,városok!$A$2:$C$346,2,0))^2+(VLOOKUP($A279,városok!$A$2:$C$346,3,0)-VLOOKUP(AP$1,városok!$A$2:$C$346,3,0))^2)/1000,0)</f>
        <v>287</v>
      </c>
      <c r="AQ279">
        <f ca="1">ROUND(SQRT((VLOOKUP($A279,városok!$A$2:$C$346,2,0)-VLOOKUP(AQ$1,városok!$A$2:$C$346,2,0))^2+(VLOOKUP($A279,városok!$A$2:$C$346,3,0)-VLOOKUP(AQ$1,városok!$A$2:$C$346,3,0))^2)/1000,0)</f>
        <v>284</v>
      </c>
      <c r="AR279">
        <f ca="1">ROUND(SQRT((VLOOKUP($A279,városok!$A$2:$C$346,2,0)-VLOOKUP(AR$1,városok!$A$2:$C$346,2,0))^2+(VLOOKUP($A279,városok!$A$2:$C$346,3,0)-VLOOKUP(AR$1,városok!$A$2:$C$346,3,0))^2)/1000,0)</f>
        <v>180</v>
      </c>
      <c r="AS279">
        <f ca="1">ROUND(SQRT((VLOOKUP($A279,városok!$A$2:$C$346,2,0)-VLOOKUP(AS$1,városok!$A$2:$C$346,2,0))^2+(VLOOKUP($A279,városok!$A$2:$C$346,3,0)-VLOOKUP(AS$1,városok!$A$2:$C$346,3,0))^2)/1000,0)</f>
        <v>169</v>
      </c>
      <c r="AT279">
        <f ca="1">ROUND(SQRT((VLOOKUP($A279,városok!$A$2:$C$346,2,0)-VLOOKUP(AT$1,városok!$A$2:$C$346,2,0))^2+(VLOOKUP($A279,városok!$A$2:$C$346,3,0)-VLOOKUP(AT$1,városok!$A$2:$C$346,3,0))^2)/1000,0)</f>
        <v>258</v>
      </c>
      <c r="AU279">
        <f ca="1">ROUND(SQRT((VLOOKUP($A279,városok!$A$2:$C$346,2,0)-VLOOKUP(AU$1,városok!$A$2:$C$346,2,0))^2+(VLOOKUP($A279,városok!$A$2:$C$346,3,0)-VLOOKUP(AU$1,városok!$A$2:$C$346,3,0))^2)/1000,0)</f>
        <v>248</v>
      </c>
      <c r="AV279">
        <f ca="1">ROUND(SQRT((VLOOKUP($A279,városok!$A$2:$C$346,2,0)-VLOOKUP(AV$1,városok!$A$2:$C$346,2,0))^2+(VLOOKUP($A279,városok!$A$2:$C$346,3,0)-VLOOKUP(AV$1,városok!$A$2:$C$346,3,0))^2)/1000,0)</f>
        <v>251</v>
      </c>
      <c r="AW279">
        <f ca="1">ROUND(SQRT((VLOOKUP($A279,városok!$A$2:$C$346,2,0)-VLOOKUP(AW$1,városok!$A$2:$C$346,2,0))^2+(VLOOKUP($A279,városok!$A$2:$C$346,3,0)-VLOOKUP(AW$1,városok!$A$2:$C$346,3,0))^2)/1000,0)</f>
        <v>254</v>
      </c>
      <c r="AX279">
        <f ca="1">ROUND(SQRT((VLOOKUP($A279,városok!$A$2:$C$346,2,0)-VLOOKUP(AX$1,városok!$A$2:$C$346,2,0))^2+(VLOOKUP($A279,városok!$A$2:$C$346,3,0)-VLOOKUP(AX$1,városok!$A$2:$C$346,3,0))^2)/1000,0)</f>
        <v>218</v>
      </c>
      <c r="AY279">
        <f ca="1">ROUND(SQRT((VLOOKUP($A279,városok!$A$2:$C$346,2,0)-VLOOKUP(AY$1,városok!$A$2:$C$346,2,0))^2+(VLOOKUP($A279,városok!$A$2:$C$346,3,0)-VLOOKUP(AY$1,városok!$A$2:$C$346,3,0))^2)/1000,0)</f>
        <v>233</v>
      </c>
      <c r="AZ279">
        <f ca="1">ROUND(SQRT((VLOOKUP($A279,városok!$A$2:$C$346,2,0)-VLOOKUP(AZ$1,városok!$A$2:$C$346,2,0))^2+(VLOOKUP($A279,városok!$A$2:$C$346,3,0)-VLOOKUP(AZ$1,városok!$A$2:$C$346,3,0))^2)/1000,0)</f>
        <v>237</v>
      </c>
      <c r="BA279">
        <f ca="1">ROUND(SQRT((VLOOKUP($A279,városok!$A$2:$C$346,2,0)-VLOOKUP(BA$1,városok!$A$2:$C$346,2,0))^2+(VLOOKUP($A279,városok!$A$2:$C$346,3,0)-VLOOKUP(BA$1,városok!$A$2:$C$346,3,0))^2)/1000,0)</f>
        <v>366</v>
      </c>
      <c r="BB279">
        <f ca="1">ROUND(SQRT((VLOOKUP($A279,városok!$A$2:$C$346,2,0)-VLOOKUP(BB$1,városok!$A$2:$C$346,2,0))^2+(VLOOKUP($A279,városok!$A$2:$C$346,3,0)-VLOOKUP(BB$1,városok!$A$2:$C$346,3,0))^2)/1000,0)</f>
        <v>364</v>
      </c>
      <c r="BC279">
        <f ca="1">ROUND(SQRT((VLOOKUP($A279,városok!$A$2:$C$346,2,0)-VLOOKUP(BC$1,városok!$A$2:$C$346,2,0))^2+(VLOOKUP($A279,városok!$A$2:$C$346,3,0)-VLOOKUP(BC$1,városok!$A$2:$C$346,3,0))^2)/1000,0)</f>
        <v>384</v>
      </c>
      <c r="BD279">
        <f ca="1">ROUND(SQRT((VLOOKUP($A279,városok!$A$2:$C$346,2,0)-VLOOKUP(BD$1,városok!$A$2:$C$346,2,0))^2+(VLOOKUP($A279,városok!$A$2:$C$346,3,0)-VLOOKUP(BD$1,városok!$A$2:$C$346,3,0))^2)/1000,0)</f>
        <v>335</v>
      </c>
      <c r="BE279">
        <f ca="1">ROUND(SQRT((VLOOKUP($A279,városok!$A$2:$C$346,2,0)-VLOOKUP(BE$1,városok!$A$2:$C$346,2,0))^2+(VLOOKUP($A279,városok!$A$2:$C$346,3,0)-VLOOKUP(BE$1,városok!$A$2:$C$346,3,0))^2)/1000,0)</f>
        <v>62</v>
      </c>
      <c r="BF279">
        <f ca="1">ROUND(SQRT((VLOOKUP($A279,városok!$A$2:$C$346,2,0)-VLOOKUP(BF$1,városok!$A$2:$C$346,2,0))^2+(VLOOKUP($A279,városok!$A$2:$C$346,3,0)-VLOOKUP(BF$1,városok!$A$2:$C$346,3,0))^2)/1000,0)</f>
        <v>0</v>
      </c>
      <c r="BG279">
        <f ca="1">ROUND(SQRT((VLOOKUP($A279,városok!$A$2:$C$346,2,0)-VLOOKUP(BG$1,városok!$A$2:$C$346,2,0))^2+(VLOOKUP($A279,városok!$A$2:$C$346,3,0)-VLOOKUP(BG$1,városok!$A$2:$C$346,3,0))^2)/1000,0)</f>
        <v>46</v>
      </c>
      <c r="BH279">
        <f ca="1">ROUND(SQRT((VLOOKUP($A279,városok!$A$2:$C$346,2,0)-VLOOKUP(BH$1,városok!$A$2:$C$346,2,0))^2+(VLOOKUP($A279,városok!$A$2:$C$346,3,0)-VLOOKUP(BH$1,városok!$A$2:$C$346,3,0))^2)/1000,0)</f>
        <v>47</v>
      </c>
      <c r="BI279">
        <f ca="1">ROUND(SQRT((VLOOKUP($A279,városok!$A$2:$C$346,2,0)-VLOOKUP(BI$1,városok!$A$2:$C$346,2,0))^2+(VLOOKUP($A279,városok!$A$2:$C$346,3,0)-VLOOKUP(BI$1,városok!$A$2:$C$346,3,0))^2)/1000,0)</f>
        <v>331</v>
      </c>
      <c r="BJ279">
        <f ca="1">ROUND(SQRT((VLOOKUP($A279,városok!$A$2:$C$346,2,0)-VLOOKUP(BJ$1,városok!$A$2:$C$346,2,0))^2+(VLOOKUP($A279,városok!$A$2:$C$346,3,0)-VLOOKUP(BJ$1,városok!$A$2:$C$346,3,0))^2)/1000,0)</f>
        <v>348</v>
      </c>
      <c r="BK279">
        <f ca="1">ROUND(SQRT((VLOOKUP($A279,városok!$A$2:$C$346,2,0)-VLOOKUP(BK$1,városok!$A$2:$C$346,2,0))^2+(VLOOKUP($A279,városok!$A$2:$C$346,3,0)-VLOOKUP(BK$1,városok!$A$2:$C$346,3,0))^2)/1000,0)</f>
        <v>329</v>
      </c>
      <c r="BL279">
        <f ca="1">ROUND(SQRT((VLOOKUP($A279,városok!$A$2:$C$346,2,0)-VLOOKUP(BL$1,városok!$A$2:$C$346,2,0))^2+(VLOOKUP($A279,városok!$A$2:$C$346,3,0)-VLOOKUP(BL$1,városok!$A$2:$C$346,3,0))^2)/1000,0)</f>
        <v>433</v>
      </c>
      <c r="BM279">
        <f ca="1">ROUND(SQRT((VLOOKUP($A279,városok!$A$2:$C$346,2,0)-VLOOKUP(BM$1,városok!$A$2:$C$346,2,0))^2+(VLOOKUP($A279,városok!$A$2:$C$346,3,0)-VLOOKUP(BM$1,városok!$A$2:$C$346,3,0))^2)/1000,0)</f>
        <v>400</v>
      </c>
      <c r="BN279">
        <f ca="1">ROUND(SQRT((VLOOKUP($A279,városok!$A$2:$C$346,2,0)-VLOOKUP(BN$1,városok!$A$2:$C$346,2,0))^2+(VLOOKUP($A279,városok!$A$2:$C$346,3,0)-VLOOKUP(BN$1,városok!$A$2:$C$346,3,0))^2)/1000,0)</f>
        <v>423</v>
      </c>
      <c r="BO279">
        <f ca="1">ROUND(SQRT((VLOOKUP($A279,városok!$A$2:$C$346,2,0)-VLOOKUP(BO$1,városok!$A$2:$C$346,2,0))^2+(VLOOKUP($A279,városok!$A$2:$C$346,3,0)-VLOOKUP(BO$1,városok!$A$2:$C$346,3,0))^2)/1000,0)</f>
        <v>333</v>
      </c>
      <c r="BP279">
        <f ca="1">ROUND(SQRT((VLOOKUP($A279,városok!$A$2:$C$346,2,0)-VLOOKUP(BP$1,városok!$A$2:$C$346,2,0))^2+(VLOOKUP($A279,városok!$A$2:$C$346,3,0)-VLOOKUP(BP$1,városok!$A$2:$C$346,3,0))^2)/1000,0)</f>
        <v>326</v>
      </c>
      <c r="BQ279">
        <f ca="1">ROUND(SQRT((VLOOKUP($A279,városok!$A$2:$C$346,2,0)-VLOOKUP(BQ$1,városok!$A$2:$C$346,2,0))^2+(VLOOKUP($A279,városok!$A$2:$C$346,3,0)-VLOOKUP(BQ$1,városok!$A$2:$C$346,3,0))^2)/1000,0)</f>
        <v>337</v>
      </c>
      <c r="BR279">
        <f ca="1">ROUND(SQRT((VLOOKUP($A279,városok!$A$2:$C$346,2,0)-VLOOKUP(BR$1,városok!$A$2:$C$346,2,0))^2+(VLOOKUP($A279,városok!$A$2:$C$346,3,0)-VLOOKUP(BR$1,városok!$A$2:$C$346,3,0))^2)/1000,0)</f>
        <v>397</v>
      </c>
      <c r="BS279">
        <f ca="1">ROUND(SQRT((VLOOKUP($A279,városok!$A$2:$C$346,2,0)-VLOOKUP(BS$1,városok!$A$2:$C$346,2,0))^2+(VLOOKUP($A279,városok!$A$2:$C$346,3,0)-VLOOKUP(BS$1,városok!$A$2:$C$346,3,0))^2)/1000,0)</f>
        <v>432</v>
      </c>
      <c r="BT279">
        <f ca="1">ROUND(SQRT((VLOOKUP($A279,városok!$A$2:$C$346,2,0)-VLOOKUP(BT$1,városok!$A$2:$C$346,2,0))^2+(VLOOKUP($A279,városok!$A$2:$C$346,3,0)-VLOOKUP(BT$1,városok!$A$2:$C$346,3,0))^2)/1000,0)</f>
        <v>423</v>
      </c>
    </row>
    <row r="280" spans="1:72" x14ac:dyDescent="0.2">
      <c r="A280" t="str">
        <f>városok!A280</f>
        <v>Mándok</v>
      </c>
      <c r="B280">
        <f ca="1">ROUND(SQRT((VLOOKUP($A280,városok!$A$2:$C$346,2,0)-VLOOKUP(B$1,városok!$A$2:$C$346,2,0))^2+(VLOOKUP($A280,városok!$A$2:$C$346,3,0)-VLOOKUP(B$1,városok!$A$2:$C$346,3,0))^2)/1000,0)</f>
        <v>340</v>
      </c>
      <c r="C280">
        <f ca="1">ROUND(SQRT((VLOOKUP($A280,városok!$A$2:$C$346,2,0)-VLOOKUP(C$1,városok!$A$2:$C$346,2,0))^2+(VLOOKUP($A280,városok!$A$2:$C$346,3,0)-VLOOKUP(C$1,városok!$A$2:$C$346,3,0))^2)/1000,0)</f>
        <v>313</v>
      </c>
      <c r="D280">
        <f ca="1">ROUND(SQRT((VLOOKUP($A280,városok!$A$2:$C$346,2,0)-VLOOKUP(D$1,városok!$A$2:$C$346,2,0))^2+(VLOOKUP($A280,városok!$A$2:$C$346,3,0)-VLOOKUP(D$1,városok!$A$2:$C$346,3,0))^2)/1000,0)</f>
        <v>244</v>
      </c>
      <c r="E280">
        <f ca="1">ROUND(SQRT((VLOOKUP($A280,városok!$A$2:$C$346,2,0)-VLOOKUP(E$1,városok!$A$2:$C$346,2,0))^2+(VLOOKUP($A280,városok!$A$2:$C$346,3,0)-VLOOKUP(E$1,városok!$A$2:$C$346,3,0))^2)/1000,0)</f>
        <v>379</v>
      </c>
      <c r="F280">
        <f ca="1">ROUND(SQRT((VLOOKUP($A280,városok!$A$2:$C$346,2,0)-VLOOKUP(F$1,városok!$A$2:$C$346,2,0))^2+(VLOOKUP($A280,városok!$A$2:$C$346,3,0)-VLOOKUP(F$1,városok!$A$2:$C$346,3,0))^2)/1000,0)</f>
        <v>370</v>
      </c>
      <c r="G280">
        <f ca="1">ROUND(SQRT((VLOOKUP($A280,városok!$A$2:$C$346,2,0)-VLOOKUP(G$1,városok!$A$2:$C$346,2,0))^2+(VLOOKUP($A280,városok!$A$2:$C$346,3,0)-VLOOKUP(G$1,városok!$A$2:$C$346,3,0))^2)/1000,0)</f>
        <v>388</v>
      </c>
      <c r="H280">
        <f ca="1">ROUND(SQRT((VLOOKUP($A280,városok!$A$2:$C$346,2,0)-VLOOKUP(H$1,városok!$A$2:$C$346,2,0))^2+(VLOOKUP($A280,városok!$A$2:$C$346,3,0)-VLOOKUP(H$1,városok!$A$2:$C$346,3,0))^2)/1000,0)</f>
        <v>417</v>
      </c>
      <c r="I280">
        <f ca="1">ROUND(SQRT((VLOOKUP($A280,városok!$A$2:$C$346,2,0)-VLOOKUP(I$1,városok!$A$2:$C$346,2,0))^2+(VLOOKUP($A280,városok!$A$2:$C$346,3,0)-VLOOKUP(I$1,városok!$A$2:$C$346,3,0))^2)/1000,0)</f>
        <v>201</v>
      </c>
      <c r="J280">
        <f ca="1">ROUND(SQRT((VLOOKUP($A280,városok!$A$2:$C$346,2,0)-VLOOKUP(J$1,városok!$A$2:$C$346,2,0))^2+(VLOOKUP($A280,városok!$A$2:$C$346,3,0)-VLOOKUP(J$1,városok!$A$2:$C$346,3,0))^2)/1000,0)</f>
        <v>198</v>
      </c>
      <c r="K280">
        <f ca="1">ROUND(SQRT((VLOOKUP($A280,városok!$A$2:$C$346,2,0)-VLOOKUP(K$1,városok!$A$2:$C$346,2,0))^2+(VLOOKUP($A280,városok!$A$2:$C$346,3,0)-VLOOKUP(K$1,városok!$A$2:$C$346,3,0))^2)/1000,0)</f>
        <v>226</v>
      </c>
      <c r="L280">
        <f ca="1">ROUND(SQRT((VLOOKUP($A280,városok!$A$2:$C$346,2,0)-VLOOKUP(L$1,városok!$A$2:$C$346,2,0))^2+(VLOOKUP($A280,városok!$A$2:$C$346,3,0)-VLOOKUP(L$1,városok!$A$2:$C$346,3,0))^2)/1000,0)</f>
        <v>115</v>
      </c>
      <c r="M280">
        <f ca="1">ROUND(SQRT((VLOOKUP($A280,városok!$A$2:$C$346,2,0)-VLOOKUP(M$1,városok!$A$2:$C$346,2,0))^2+(VLOOKUP($A280,városok!$A$2:$C$346,3,0)-VLOOKUP(M$1,városok!$A$2:$C$346,3,0))^2)/1000,0)</f>
        <v>106</v>
      </c>
      <c r="N280">
        <f ca="1">ROUND(SQRT((VLOOKUP($A280,városok!$A$2:$C$346,2,0)-VLOOKUP(N$1,városok!$A$2:$C$346,2,0))^2+(VLOOKUP($A280,városok!$A$2:$C$346,3,0)-VLOOKUP(N$1,városok!$A$2:$C$346,3,0))^2)/1000,0)</f>
        <v>140</v>
      </c>
      <c r="O280">
        <f ca="1">ROUND(SQRT((VLOOKUP($A280,városok!$A$2:$C$346,2,0)-VLOOKUP(O$1,városok!$A$2:$C$346,2,0))^2+(VLOOKUP($A280,városok!$A$2:$C$346,3,0)-VLOOKUP(O$1,városok!$A$2:$C$346,3,0))^2)/1000,0)</f>
        <v>40</v>
      </c>
      <c r="P280">
        <f ca="1">ROUND(SQRT((VLOOKUP($A280,városok!$A$2:$C$346,2,0)-VLOOKUP(P$1,városok!$A$2:$C$346,2,0))^2+(VLOOKUP($A280,városok!$A$2:$C$346,3,0)-VLOOKUP(P$1,városok!$A$2:$C$346,3,0))^2)/1000,0)</f>
        <v>40</v>
      </c>
      <c r="Q280">
        <f ca="1">ROUND(SQRT((VLOOKUP($A280,városok!$A$2:$C$346,2,0)-VLOOKUP(Q$1,városok!$A$2:$C$346,2,0))^2+(VLOOKUP($A280,városok!$A$2:$C$346,3,0)-VLOOKUP(Q$1,városok!$A$2:$C$346,3,0))^2)/1000,0)</f>
        <v>254</v>
      </c>
      <c r="R280">
        <f ca="1">ROUND(SQRT((VLOOKUP($A280,városok!$A$2:$C$346,2,0)-VLOOKUP(R$1,városok!$A$2:$C$346,2,0))^2+(VLOOKUP($A280,városok!$A$2:$C$346,3,0)-VLOOKUP(R$1,városok!$A$2:$C$346,3,0))^2)/1000,0)</f>
        <v>267</v>
      </c>
      <c r="S280">
        <f ca="1">ROUND(SQRT((VLOOKUP($A280,városok!$A$2:$C$346,2,0)-VLOOKUP(S$1,városok!$A$2:$C$346,2,0))^2+(VLOOKUP($A280,városok!$A$2:$C$346,3,0)-VLOOKUP(S$1,városok!$A$2:$C$346,3,0))^2)/1000,0)</f>
        <v>276</v>
      </c>
      <c r="T280">
        <f ca="1">ROUND(SQRT((VLOOKUP($A280,városok!$A$2:$C$346,2,0)-VLOOKUP(T$1,városok!$A$2:$C$346,2,0))^2+(VLOOKUP($A280,városok!$A$2:$C$346,3,0)-VLOOKUP(T$1,városok!$A$2:$C$346,3,0))^2)/1000,0)</f>
        <v>281</v>
      </c>
      <c r="U280">
        <f ca="1">ROUND(SQRT((VLOOKUP($A280,városok!$A$2:$C$346,2,0)-VLOOKUP(U$1,városok!$A$2:$C$346,2,0))^2+(VLOOKUP($A280,városok!$A$2:$C$346,3,0)-VLOOKUP(U$1,városok!$A$2:$C$346,3,0))^2)/1000,0)</f>
        <v>286</v>
      </c>
      <c r="V280">
        <f ca="1">ROUND(SQRT((VLOOKUP($A280,városok!$A$2:$C$346,2,0)-VLOOKUP(V$1,városok!$A$2:$C$346,2,0))^2+(VLOOKUP($A280,városok!$A$2:$C$346,3,0)-VLOOKUP(V$1,városok!$A$2:$C$346,3,0))^2)/1000,0)</f>
        <v>323</v>
      </c>
      <c r="W280">
        <f ca="1">ROUND(SQRT((VLOOKUP($A280,városok!$A$2:$C$346,2,0)-VLOOKUP(W$1,városok!$A$2:$C$346,2,0))^2+(VLOOKUP($A280,városok!$A$2:$C$346,3,0)-VLOOKUP(W$1,városok!$A$2:$C$346,3,0))^2)/1000,0)</f>
        <v>311</v>
      </c>
      <c r="X280">
        <f ca="1">ROUND(SQRT((VLOOKUP($A280,városok!$A$2:$C$346,2,0)-VLOOKUP(X$1,városok!$A$2:$C$346,2,0))^2+(VLOOKUP($A280,városok!$A$2:$C$346,3,0)-VLOOKUP(X$1,városok!$A$2:$C$346,3,0))^2)/1000,0)</f>
        <v>310</v>
      </c>
      <c r="Y280">
        <f ca="1">ROUND(SQRT((VLOOKUP($A280,városok!$A$2:$C$346,2,0)-VLOOKUP(Y$1,városok!$A$2:$C$346,2,0))^2+(VLOOKUP($A280,városok!$A$2:$C$346,3,0)-VLOOKUP(Y$1,városok!$A$2:$C$346,3,0))^2)/1000,0)</f>
        <v>346</v>
      </c>
      <c r="Z280">
        <f ca="1">ROUND(SQRT((VLOOKUP($A280,városok!$A$2:$C$346,2,0)-VLOOKUP(Z$1,városok!$A$2:$C$346,2,0))^2+(VLOOKUP($A280,városok!$A$2:$C$346,3,0)-VLOOKUP(Z$1,városok!$A$2:$C$346,3,0))^2)/1000,0)</f>
        <v>363</v>
      </c>
      <c r="AA280">
        <f ca="1">ROUND(SQRT((VLOOKUP($A280,városok!$A$2:$C$346,2,0)-VLOOKUP(AA$1,városok!$A$2:$C$346,2,0))^2+(VLOOKUP($A280,városok!$A$2:$C$346,3,0)-VLOOKUP(AA$1,városok!$A$2:$C$346,3,0))^2)/1000,0)</f>
        <v>423</v>
      </c>
      <c r="AB280">
        <f ca="1">ROUND(SQRT((VLOOKUP($A280,városok!$A$2:$C$346,2,0)-VLOOKUP(AB$1,városok!$A$2:$C$346,2,0))^2+(VLOOKUP($A280,városok!$A$2:$C$346,3,0)-VLOOKUP(AB$1,városok!$A$2:$C$346,3,0))^2)/1000,0)</f>
        <v>97</v>
      </c>
      <c r="AC280">
        <f ca="1">ROUND(SQRT((VLOOKUP($A280,városok!$A$2:$C$346,2,0)-VLOOKUP(AC$1,városok!$A$2:$C$346,2,0))^2+(VLOOKUP($A280,városok!$A$2:$C$346,3,0)-VLOOKUP(AC$1,városok!$A$2:$C$346,3,0))^2)/1000,0)</f>
        <v>114</v>
      </c>
      <c r="AD280">
        <f ca="1">ROUND(SQRT((VLOOKUP($A280,városok!$A$2:$C$346,2,0)-VLOOKUP(AD$1,városok!$A$2:$C$346,2,0))^2+(VLOOKUP($A280,városok!$A$2:$C$346,3,0)-VLOOKUP(AD$1,városok!$A$2:$C$346,3,0))^2)/1000,0)</f>
        <v>125</v>
      </c>
      <c r="AE280">
        <f ca="1">ROUND(SQRT((VLOOKUP($A280,városok!$A$2:$C$346,2,0)-VLOOKUP(AE$1,városok!$A$2:$C$346,2,0))^2+(VLOOKUP($A280,városok!$A$2:$C$346,3,0)-VLOOKUP(AE$1,városok!$A$2:$C$346,3,0))^2)/1000,0)</f>
        <v>138</v>
      </c>
      <c r="AF280">
        <f ca="1">ROUND(SQRT((VLOOKUP($A280,városok!$A$2:$C$346,2,0)-VLOOKUP(AF$1,városok!$A$2:$C$346,2,0))^2+(VLOOKUP($A280,városok!$A$2:$C$346,3,0)-VLOOKUP(AF$1,városok!$A$2:$C$346,3,0))^2)/1000,0)</f>
        <v>142</v>
      </c>
      <c r="AG280">
        <f ca="1">ROUND(SQRT((VLOOKUP($A280,városok!$A$2:$C$346,2,0)-VLOOKUP(AG$1,városok!$A$2:$C$346,2,0))^2+(VLOOKUP($A280,városok!$A$2:$C$346,3,0)-VLOOKUP(AG$1,városok!$A$2:$C$346,3,0))^2)/1000,0)</f>
        <v>178</v>
      </c>
      <c r="AH280">
        <f ca="1">ROUND(SQRT((VLOOKUP($A280,városok!$A$2:$C$346,2,0)-VLOOKUP(AH$1,városok!$A$2:$C$346,2,0))^2+(VLOOKUP($A280,városok!$A$2:$C$346,3,0)-VLOOKUP(AH$1,városok!$A$2:$C$346,3,0))^2)/1000,0)</f>
        <v>200</v>
      </c>
      <c r="AI280">
        <f ca="1">ROUND(SQRT((VLOOKUP($A280,városok!$A$2:$C$346,2,0)-VLOOKUP(AI$1,városok!$A$2:$C$346,2,0))^2+(VLOOKUP($A280,városok!$A$2:$C$346,3,0)-VLOOKUP(AI$1,városok!$A$2:$C$346,3,0))^2)/1000,0)</f>
        <v>158</v>
      </c>
      <c r="AJ280">
        <f ca="1">ROUND(SQRT((VLOOKUP($A280,városok!$A$2:$C$346,2,0)-VLOOKUP(AJ$1,városok!$A$2:$C$346,2,0))^2+(VLOOKUP($A280,városok!$A$2:$C$346,3,0)-VLOOKUP(AJ$1,városok!$A$2:$C$346,3,0))^2)/1000,0)</f>
        <v>181</v>
      </c>
      <c r="AK280">
        <f ca="1">ROUND(SQRT((VLOOKUP($A280,városok!$A$2:$C$346,2,0)-VLOOKUP(AK$1,városok!$A$2:$C$346,2,0))^2+(VLOOKUP($A280,városok!$A$2:$C$346,3,0)-VLOOKUP(AK$1,városok!$A$2:$C$346,3,0))^2)/1000,0)</f>
        <v>146</v>
      </c>
      <c r="AL280">
        <f ca="1">ROUND(SQRT((VLOOKUP($A280,városok!$A$2:$C$346,2,0)-VLOOKUP(AL$1,városok!$A$2:$C$346,2,0))^2+(VLOOKUP($A280,városok!$A$2:$C$346,3,0)-VLOOKUP(AL$1,városok!$A$2:$C$346,3,0))^2)/1000,0)</f>
        <v>157</v>
      </c>
      <c r="AM280">
        <f ca="1">ROUND(SQRT((VLOOKUP($A280,városok!$A$2:$C$346,2,0)-VLOOKUP(AM$1,városok!$A$2:$C$346,2,0))^2+(VLOOKUP($A280,városok!$A$2:$C$346,3,0)-VLOOKUP(AM$1,városok!$A$2:$C$346,3,0))^2)/1000,0)</f>
        <v>196</v>
      </c>
      <c r="AN280">
        <f ca="1">ROUND(SQRT((VLOOKUP($A280,városok!$A$2:$C$346,2,0)-VLOOKUP(AN$1,városok!$A$2:$C$346,2,0))^2+(VLOOKUP($A280,városok!$A$2:$C$346,3,0)-VLOOKUP(AN$1,városok!$A$2:$C$346,3,0))^2)/1000,0)</f>
        <v>263</v>
      </c>
      <c r="AO280">
        <f ca="1">ROUND(SQRT((VLOOKUP($A280,városok!$A$2:$C$346,2,0)-VLOOKUP(AO$1,városok!$A$2:$C$346,2,0))^2+(VLOOKUP($A280,városok!$A$2:$C$346,3,0)-VLOOKUP(AO$1,városok!$A$2:$C$346,3,0))^2)/1000,0)</f>
        <v>309</v>
      </c>
      <c r="AP280">
        <f ca="1">ROUND(SQRT((VLOOKUP($A280,városok!$A$2:$C$346,2,0)-VLOOKUP(AP$1,városok!$A$2:$C$346,2,0))^2+(VLOOKUP($A280,városok!$A$2:$C$346,3,0)-VLOOKUP(AP$1,városok!$A$2:$C$346,3,0))^2)/1000,0)</f>
        <v>297</v>
      </c>
      <c r="AQ280">
        <f ca="1">ROUND(SQRT((VLOOKUP($A280,városok!$A$2:$C$346,2,0)-VLOOKUP(AQ$1,városok!$A$2:$C$346,2,0))^2+(VLOOKUP($A280,városok!$A$2:$C$346,3,0)-VLOOKUP(AQ$1,városok!$A$2:$C$346,3,0))^2)/1000,0)</f>
        <v>294</v>
      </c>
      <c r="AR280">
        <f ca="1">ROUND(SQRT((VLOOKUP($A280,városok!$A$2:$C$346,2,0)-VLOOKUP(AR$1,városok!$A$2:$C$346,2,0))^2+(VLOOKUP($A280,városok!$A$2:$C$346,3,0)-VLOOKUP(AR$1,városok!$A$2:$C$346,3,0))^2)/1000,0)</f>
        <v>190</v>
      </c>
      <c r="AS280">
        <f ca="1">ROUND(SQRT((VLOOKUP($A280,városok!$A$2:$C$346,2,0)-VLOOKUP(AS$1,városok!$A$2:$C$346,2,0))^2+(VLOOKUP($A280,városok!$A$2:$C$346,3,0)-VLOOKUP(AS$1,városok!$A$2:$C$346,3,0))^2)/1000,0)</f>
        <v>177</v>
      </c>
      <c r="AT280">
        <f ca="1">ROUND(SQRT((VLOOKUP($A280,városok!$A$2:$C$346,2,0)-VLOOKUP(AT$1,városok!$A$2:$C$346,2,0))^2+(VLOOKUP($A280,városok!$A$2:$C$346,3,0)-VLOOKUP(AT$1,városok!$A$2:$C$346,3,0))^2)/1000,0)</f>
        <v>268</v>
      </c>
      <c r="AU280">
        <f ca="1">ROUND(SQRT((VLOOKUP($A280,városok!$A$2:$C$346,2,0)-VLOOKUP(AU$1,városok!$A$2:$C$346,2,0))^2+(VLOOKUP($A280,városok!$A$2:$C$346,3,0)-VLOOKUP(AU$1,városok!$A$2:$C$346,3,0))^2)/1000,0)</f>
        <v>259</v>
      </c>
      <c r="AV280">
        <f ca="1">ROUND(SQRT((VLOOKUP($A280,városok!$A$2:$C$346,2,0)-VLOOKUP(AV$1,városok!$A$2:$C$346,2,0))^2+(VLOOKUP($A280,városok!$A$2:$C$346,3,0)-VLOOKUP(AV$1,városok!$A$2:$C$346,3,0))^2)/1000,0)</f>
        <v>262</v>
      </c>
      <c r="AW280">
        <f ca="1">ROUND(SQRT((VLOOKUP($A280,városok!$A$2:$C$346,2,0)-VLOOKUP(AW$1,városok!$A$2:$C$346,2,0))^2+(VLOOKUP($A280,városok!$A$2:$C$346,3,0)-VLOOKUP(AW$1,városok!$A$2:$C$346,3,0))^2)/1000,0)</f>
        <v>265</v>
      </c>
      <c r="AX280">
        <f ca="1">ROUND(SQRT((VLOOKUP($A280,városok!$A$2:$C$346,2,0)-VLOOKUP(AX$1,városok!$A$2:$C$346,2,0))^2+(VLOOKUP($A280,városok!$A$2:$C$346,3,0)-VLOOKUP(AX$1,városok!$A$2:$C$346,3,0))^2)/1000,0)</f>
        <v>230</v>
      </c>
      <c r="AY280">
        <f ca="1">ROUND(SQRT((VLOOKUP($A280,városok!$A$2:$C$346,2,0)-VLOOKUP(AY$1,városok!$A$2:$C$346,2,0))^2+(VLOOKUP($A280,városok!$A$2:$C$346,3,0)-VLOOKUP(AY$1,városok!$A$2:$C$346,3,0))^2)/1000,0)</f>
        <v>243</v>
      </c>
      <c r="AZ280">
        <f ca="1">ROUND(SQRT((VLOOKUP($A280,városok!$A$2:$C$346,2,0)-VLOOKUP(AZ$1,városok!$A$2:$C$346,2,0))^2+(VLOOKUP($A280,városok!$A$2:$C$346,3,0)-VLOOKUP(AZ$1,városok!$A$2:$C$346,3,0))^2)/1000,0)</f>
        <v>246</v>
      </c>
      <c r="BA280">
        <f ca="1">ROUND(SQRT((VLOOKUP($A280,városok!$A$2:$C$346,2,0)-VLOOKUP(BA$1,városok!$A$2:$C$346,2,0))^2+(VLOOKUP($A280,városok!$A$2:$C$346,3,0)-VLOOKUP(BA$1,városok!$A$2:$C$346,3,0))^2)/1000,0)</f>
        <v>378</v>
      </c>
      <c r="BB280">
        <f ca="1">ROUND(SQRT((VLOOKUP($A280,városok!$A$2:$C$346,2,0)-VLOOKUP(BB$1,városok!$A$2:$C$346,2,0))^2+(VLOOKUP($A280,városok!$A$2:$C$346,3,0)-VLOOKUP(BB$1,városok!$A$2:$C$346,3,0))^2)/1000,0)</f>
        <v>376</v>
      </c>
      <c r="BC280">
        <f ca="1">ROUND(SQRT((VLOOKUP($A280,városok!$A$2:$C$346,2,0)-VLOOKUP(BC$1,városok!$A$2:$C$346,2,0))^2+(VLOOKUP($A280,városok!$A$2:$C$346,3,0)-VLOOKUP(BC$1,városok!$A$2:$C$346,3,0))^2)/1000,0)</f>
        <v>397</v>
      </c>
      <c r="BD280">
        <f ca="1">ROUND(SQRT((VLOOKUP($A280,városok!$A$2:$C$346,2,0)-VLOOKUP(BD$1,városok!$A$2:$C$346,2,0))^2+(VLOOKUP($A280,városok!$A$2:$C$346,3,0)-VLOOKUP(BD$1,városok!$A$2:$C$346,3,0))^2)/1000,0)</f>
        <v>347</v>
      </c>
      <c r="BE280">
        <f ca="1">ROUND(SQRT((VLOOKUP($A280,városok!$A$2:$C$346,2,0)-VLOOKUP(BE$1,városok!$A$2:$C$346,2,0))^2+(VLOOKUP($A280,városok!$A$2:$C$346,3,0)-VLOOKUP(BE$1,városok!$A$2:$C$346,3,0))^2)/1000,0)</f>
        <v>65</v>
      </c>
      <c r="BF280">
        <f ca="1">ROUND(SQRT((VLOOKUP($A280,városok!$A$2:$C$346,2,0)-VLOOKUP(BF$1,városok!$A$2:$C$346,2,0))^2+(VLOOKUP($A280,városok!$A$2:$C$346,3,0)-VLOOKUP(BF$1,városok!$A$2:$C$346,3,0))^2)/1000,0)</f>
        <v>13</v>
      </c>
      <c r="BG280">
        <f ca="1">ROUND(SQRT((VLOOKUP($A280,városok!$A$2:$C$346,2,0)-VLOOKUP(BG$1,városok!$A$2:$C$346,2,0))^2+(VLOOKUP($A280,városok!$A$2:$C$346,3,0)-VLOOKUP(BG$1,városok!$A$2:$C$346,3,0))^2)/1000,0)</f>
        <v>57</v>
      </c>
      <c r="BH280">
        <f ca="1">ROUND(SQRT((VLOOKUP($A280,városok!$A$2:$C$346,2,0)-VLOOKUP(BH$1,városok!$A$2:$C$346,2,0))^2+(VLOOKUP($A280,városok!$A$2:$C$346,3,0)-VLOOKUP(BH$1,városok!$A$2:$C$346,3,0))^2)/1000,0)</f>
        <v>57</v>
      </c>
      <c r="BI280">
        <f ca="1">ROUND(SQRT((VLOOKUP($A280,városok!$A$2:$C$346,2,0)-VLOOKUP(BI$1,városok!$A$2:$C$346,2,0))^2+(VLOOKUP($A280,városok!$A$2:$C$346,3,0)-VLOOKUP(BI$1,városok!$A$2:$C$346,3,0))^2)/1000,0)</f>
        <v>343</v>
      </c>
      <c r="BJ280">
        <f ca="1">ROUND(SQRT((VLOOKUP($A280,városok!$A$2:$C$346,2,0)-VLOOKUP(BJ$1,városok!$A$2:$C$346,2,0))^2+(VLOOKUP($A280,városok!$A$2:$C$346,3,0)-VLOOKUP(BJ$1,városok!$A$2:$C$346,3,0))^2)/1000,0)</f>
        <v>361</v>
      </c>
      <c r="BK280">
        <f ca="1">ROUND(SQRT((VLOOKUP($A280,városok!$A$2:$C$346,2,0)-VLOOKUP(BK$1,városok!$A$2:$C$346,2,0))^2+(VLOOKUP($A280,városok!$A$2:$C$346,3,0)-VLOOKUP(BK$1,városok!$A$2:$C$346,3,0))^2)/1000,0)</f>
        <v>342</v>
      </c>
      <c r="BL280">
        <f ca="1">ROUND(SQRT((VLOOKUP($A280,városok!$A$2:$C$346,2,0)-VLOOKUP(BL$1,városok!$A$2:$C$346,2,0))^2+(VLOOKUP($A280,városok!$A$2:$C$346,3,0)-VLOOKUP(BL$1,városok!$A$2:$C$346,3,0))^2)/1000,0)</f>
        <v>443</v>
      </c>
      <c r="BM280">
        <f ca="1">ROUND(SQRT((VLOOKUP($A280,városok!$A$2:$C$346,2,0)-VLOOKUP(BM$1,városok!$A$2:$C$346,2,0))^2+(VLOOKUP($A280,városok!$A$2:$C$346,3,0)-VLOOKUP(BM$1,városok!$A$2:$C$346,3,0))^2)/1000,0)</f>
        <v>410</v>
      </c>
      <c r="BN280">
        <f ca="1">ROUND(SQRT((VLOOKUP($A280,városok!$A$2:$C$346,2,0)-VLOOKUP(BN$1,városok!$A$2:$C$346,2,0))^2+(VLOOKUP($A280,városok!$A$2:$C$346,3,0)-VLOOKUP(BN$1,városok!$A$2:$C$346,3,0))^2)/1000,0)</f>
        <v>433</v>
      </c>
      <c r="BO280">
        <f ca="1">ROUND(SQRT((VLOOKUP($A280,városok!$A$2:$C$346,2,0)-VLOOKUP(BO$1,városok!$A$2:$C$346,2,0))^2+(VLOOKUP($A280,városok!$A$2:$C$346,3,0)-VLOOKUP(BO$1,városok!$A$2:$C$346,3,0))^2)/1000,0)</f>
        <v>344</v>
      </c>
      <c r="BP280">
        <f ca="1">ROUND(SQRT((VLOOKUP($A280,városok!$A$2:$C$346,2,0)-VLOOKUP(BP$1,városok!$A$2:$C$346,2,0))^2+(VLOOKUP($A280,városok!$A$2:$C$346,3,0)-VLOOKUP(BP$1,városok!$A$2:$C$346,3,0))^2)/1000,0)</f>
        <v>337</v>
      </c>
      <c r="BQ280">
        <f ca="1">ROUND(SQRT((VLOOKUP($A280,városok!$A$2:$C$346,2,0)-VLOOKUP(BQ$1,városok!$A$2:$C$346,2,0))^2+(VLOOKUP($A280,városok!$A$2:$C$346,3,0)-VLOOKUP(BQ$1,városok!$A$2:$C$346,3,0))^2)/1000,0)</f>
        <v>348</v>
      </c>
      <c r="BR280">
        <f ca="1">ROUND(SQRT((VLOOKUP($A280,városok!$A$2:$C$346,2,0)-VLOOKUP(BR$1,városok!$A$2:$C$346,2,0))^2+(VLOOKUP($A280,városok!$A$2:$C$346,3,0)-VLOOKUP(BR$1,városok!$A$2:$C$346,3,0))^2)/1000,0)</f>
        <v>409</v>
      </c>
      <c r="BS280">
        <f ca="1">ROUND(SQRT((VLOOKUP($A280,városok!$A$2:$C$346,2,0)-VLOOKUP(BS$1,városok!$A$2:$C$346,2,0))^2+(VLOOKUP($A280,városok!$A$2:$C$346,3,0)-VLOOKUP(BS$1,városok!$A$2:$C$346,3,0))^2)/1000,0)</f>
        <v>443</v>
      </c>
      <c r="BT280">
        <f ca="1">ROUND(SQRT((VLOOKUP($A280,városok!$A$2:$C$346,2,0)-VLOOKUP(BT$1,városok!$A$2:$C$346,2,0))^2+(VLOOKUP($A280,városok!$A$2:$C$346,3,0)-VLOOKUP(BT$1,városok!$A$2:$C$346,3,0))^2)/1000,0)</f>
        <v>434</v>
      </c>
    </row>
    <row r="281" spans="1:72" x14ac:dyDescent="0.2">
      <c r="A281" t="str">
        <f>városok!A281</f>
        <v>Máriapócs</v>
      </c>
      <c r="B281">
        <f ca="1">ROUND(SQRT((VLOOKUP($A281,városok!$A$2:$C$346,2,0)-VLOOKUP(B$1,városok!$A$2:$C$346,2,0))^2+(VLOOKUP($A281,városok!$A$2:$C$346,3,0)-VLOOKUP(B$1,városok!$A$2:$C$346,3,0))^2)/1000,0)</f>
        <v>299</v>
      </c>
      <c r="C281">
        <f ca="1">ROUND(SQRT((VLOOKUP($A281,városok!$A$2:$C$346,2,0)-VLOOKUP(C$1,városok!$A$2:$C$346,2,0))^2+(VLOOKUP($A281,városok!$A$2:$C$346,3,0)-VLOOKUP(C$1,városok!$A$2:$C$346,3,0))^2)/1000,0)</f>
        <v>275</v>
      </c>
      <c r="D281">
        <f ca="1">ROUND(SQRT((VLOOKUP($A281,városok!$A$2:$C$346,2,0)-VLOOKUP(D$1,városok!$A$2:$C$346,2,0))^2+(VLOOKUP($A281,városok!$A$2:$C$346,3,0)-VLOOKUP(D$1,városok!$A$2:$C$346,3,0))^2)/1000,0)</f>
        <v>206</v>
      </c>
      <c r="E281">
        <f ca="1">ROUND(SQRT((VLOOKUP($A281,városok!$A$2:$C$346,2,0)-VLOOKUP(E$1,városok!$A$2:$C$346,2,0))^2+(VLOOKUP($A281,városok!$A$2:$C$346,3,0)-VLOOKUP(E$1,városok!$A$2:$C$346,3,0))^2)/1000,0)</f>
        <v>342</v>
      </c>
      <c r="F281">
        <f ca="1">ROUND(SQRT((VLOOKUP($A281,városok!$A$2:$C$346,2,0)-VLOOKUP(F$1,városok!$A$2:$C$346,2,0))^2+(VLOOKUP($A281,városok!$A$2:$C$346,3,0)-VLOOKUP(F$1,városok!$A$2:$C$346,3,0))^2)/1000,0)</f>
        <v>329</v>
      </c>
      <c r="G281">
        <f ca="1">ROUND(SQRT((VLOOKUP($A281,városok!$A$2:$C$346,2,0)-VLOOKUP(G$1,városok!$A$2:$C$346,2,0))^2+(VLOOKUP($A281,városok!$A$2:$C$346,3,0)-VLOOKUP(G$1,városok!$A$2:$C$346,3,0))^2)/1000,0)</f>
        <v>350</v>
      </c>
      <c r="H281">
        <f ca="1">ROUND(SQRT((VLOOKUP($A281,városok!$A$2:$C$346,2,0)-VLOOKUP(H$1,városok!$A$2:$C$346,2,0))^2+(VLOOKUP($A281,városok!$A$2:$C$346,3,0)-VLOOKUP(H$1,városok!$A$2:$C$346,3,0))^2)/1000,0)</f>
        <v>380</v>
      </c>
      <c r="I281">
        <f ca="1">ROUND(SQRT((VLOOKUP($A281,városok!$A$2:$C$346,2,0)-VLOOKUP(I$1,városok!$A$2:$C$346,2,0))^2+(VLOOKUP($A281,városok!$A$2:$C$346,3,0)-VLOOKUP(I$1,városok!$A$2:$C$346,3,0))^2)/1000,0)</f>
        <v>151</v>
      </c>
      <c r="J281">
        <f ca="1">ROUND(SQRT((VLOOKUP($A281,városok!$A$2:$C$346,2,0)-VLOOKUP(J$1,városok!$A$2:$C$346,2,0))^2+(VLOOKUP($A281,városok!$A$2:$C$346,3,0)-VLOOKUP(J$1,városok!$A$2:$C$346,3,0))^2)/1000,0)</f>
        <v>148</v>
      </c>
      <c r="K281">
        <f ca="1">ROUND(SQRT((VLOOKUP($A281,városok!$A$2:$C$346,2,0)-VLOOKUP(K$1,városok!$A$2:$C$346,2,0))^2+(VLOOKUP($A281,városok!$A$2:$C$346,3,0)-VLOOKUP(K$1,városok!$A$2:$C$346,3,0))^2)/1000,0)</f>
        <v>178</v>
      </c>
      <c r="L281">
        <f ca="1">ROUND(SQRT((VLOOKUP($A281,városok!$A$2:$C$346,2,0)-VLOOKUP(L$1,városok!$A$2:$C$346,2,0))^2+(VLOOKUP($A281,városok!$A$2:$C$346,3,0)-VLOOKUP(L$1,városok!$A$2:$C$346,3,0))^2)/1000,0)</f>
        <v>111</v>
      </c>
      <c r="M281">
        <f ca="1">ROUND(SQRT((VLOOKUP($A281,városok!$A$2:$C$346,2,0)-VLOOKUP(M$1,városok!$A$2:$C$346,2,0))^2+(VLOOKUP($A281,városok!$A$2:$C$346,3,0)-VLOOKUP(M$1,városok!$A$2:$C$346,3,0))^2)/1000,0)</f>
        <v>95</v>
      </c>
      <c r="N281">
        <f ca="1">ROUND(SQRT((VLOOKUP($A281,városok!$A$2:$C$346,2,0)-VLOOKUP(N$1,városok!$A$2:$C$346,2,0))^2+(VLOOKUP($A281,városok!$A$2:$C$346,3,0)-VLOOKUP(N$1,városok!$A$2:$C$346,3,0))^2)/1000,0)</f>
        <v>134</v>
      </c>
      <c r="O281">
        <f ca="1">ROUND(SQRT((VLOOKUP($A281,városok!$A$2:$C$346,2,0)-VLOOKUP(O$1,városok!$A$2:$C$346,2,0))^2+(VLOOKUP($A281,városok!$A$2:$C$346,3,0)-VLOOKUP(O$1,városok!$A$2:$C$346,3,0))^2)/1000,0)</f>
        <v>64</v>
      </c>
      <c r="P281">
        <f ca="1">ROUND(SQRT((VLOOKUP($A281,városok!$A$2:$C$346,2,0)-VLOOKUP(P$1,városok!$A$2:$C$346,2,0))^2+(VLOOKUP($A281,városok!$A$2:$C$346,3,0)-VLOOKUP(P$1,városok!$A$2:$C$346,3,0))^2)/1000,0)</f>
        <v>64</v>
      </c>
      <c r="Q281">
        <f ca="1">ROUND(SQRT((VLOOKUP($A281,városok!$A$2:$C$346,2,0)-VLOOKUP(Q$1,városok!$A$2:$C$346,2,0))^2+(VLOOKUP($A281,városok!$A$2:$C$346,3,0)-VLOOKUP(Q$1,városok!$A$2:$C$346,3,0))^2)/1000,0)</f>
        <v>207</v>
      </c>
      <c r="R281">
        <f ca="1">ROUND(SQRT((VLOOKUP($A281,városok!$A$2:$C$346,2,0)-VLOOKUP(R$1,városok!$A$2:$C$346,2,0))^2+(VLOOKUP($A281,városok!$A$2:$C$346,3,0)-VLOOKUP(R$1,városok!$A$2:$C$346,3,0))^2)/1000,0)</f>
        <v>218</v>
      </c>
      <c r="S281">
        <f ca="1">ROUND(SQRT((VLOOKUP($A281,városok!$A$2:$C$346,2,0)-VLOOKUP(S$1,városok!$A$2:$C$346,2,0))^2+(VLOOKUP($A281,városok!$A$2:$C$346,3,0)-VLOOKUP(S$1,városok!$A$2:$C$346,3,0))^2)/1000,0)</f>
        <v>230</v>
      </c>
      <c r="T281">
        <f ca="1">ROUND(SQRT((VLOOKUP($A281,városok!$A$2:$C$346,2,0)-VLOOKUP(T$1,városok!$A$2:$C$346,2,0))^2+(VLOOKUP($A281,városok!$A$2:$C$346,3,0)-VLOOKUP(T$1,városok!$A$2:$C$346,3,0))^2)/1000,0)</f>
        <v>258</v>
      </c>
      <c r="U281">
        <f ca="1">ROUND(SQRT((VLOOKUP($A281,városok!$A$2:$C$346,2,0)-VLOOKUP(U$1,városok!$A$2:$C$346,2,0))^2+(VLOOKUP($A281,városok!$A$2:$C$346,3,0)-VLOOKUP(U$1,városok!$A$2:$C$346,3,0))^2)/1000,0)</f>
        <v>254</v>
      </c>
      <c r="V281">
        <f ca="1">ROUND(SQRT((VLOOKUP($A281,városok!$A$2:$C$346,2,0)-VLOOKUP(V$1,városok!$A$2:$C$346,2,0))^2+(VLOOKUP($A281,városok!$A$2:$C$346,3,0)-VLOOKUP(V$1,városok!$A$2:$C$346,3,0))^2)/1000,0)</f>
        <v>294</v>
      </c>
      <c r="W281">
        <f ca="1">ROUND(SQRT((VLOOKUP($A281,városok!$A$2:$C$346,2,0)-VLOOKUP(W$1,városok!$A$2:$C$346,2,0))^2+(VLOOKUP($A281,városok!$A$2:$C$346,3,0)-VLOOKUP(W$1,városok!$A$2:$C$346,3,0))^2)/1000,0)</f>
        <v>279</v>
      </c>
      <c r="X281">
        <f ca="1">ROUND(SQRT((VLOOKUP($A281,városok!$A$2:$C$346,2,0)-VLOOKUP(X$1,városok!$A$2:$C$346,2,0))^2+(VLOOKUP($A281,városok!$A$2:$C$346,3,0)-VLOOKUP(X$1,városok!$A$2:$C$346,3,0))^2)/1000,0)</f>
        <v>285</v>
      </c>
      <c r="Y281">
        <f ca="1">ROUND(SQRT((VLOOKUP($A281,városok!$A$2:$C$346,2,0)-VLOOKUP(Y$1,városok!$A$2:$C$346,2,0))^2+(VLOOKUP($A281,városok!$A$2:$C$346,3,0)-VLOOKUP(Y$1,városok!$A$2:$C$346,3,0))^2)/1000,0)</f>
        <v>329</v>
      </c>
      <c r="Z281">
        <f ca="1">ROUND(SQRT((VLOOKUP($A281,városok!$A$2:$C$346,2,0)-VLOOKUP(Z$1,városok!$A$2:$C$346,2,0))^2+(VLOOKUP($A281,városok!$A$2:$C$346,3,0)-VLOOKUP(Z$1,városok!$A$2:$C$346,3,0))^2)/1000,0)</f>
        <v>347</v>
      </c>
      <c r="AA281">
        <f ca="1">ROUND(SQRT((VLOOKUP($A281,városok!$A$2:$C$346,2,0)-VLOOKUP(AA$1,városok!$A$2:$C$346,2,0))^2+(VLOOKUP($A281,városok!$A$2:$C$346,3,0)-VLOOKUP(AA$1,városok!$A$2:$C$346,3,0))^2)/1000,0)</f>
        <v>408</v>
      </c>
      <c r="AB281">
        <f ca="1">ROUND(SQRT((VLOOKUP($A281,városok!$A$2:$C$346,2,0)-VLOOKUP(AB$1,városok!$A$2:$C$346,2,0))^2+(VLOOKUP($A281,városok!$A$2:$C$346,3,0)-VLOOKUP(AB$1,városok!$A$2:$C$346,3,0))^2)/1000,0)</f>
        <v>48</v>
      </c>
      <c r="AC281">
        <f ca="1">ROUND(SQRT((VLOOKUP($A281,városok!$A$2:$C$346,2,0)-VLOOKUP(AC$1,városok!$A$2:$C$346,2,0))^2+(VLOOKUP($A281,városok!$A$2:$C$346,3,0)-VLOOKUP(AC$1,városok!$A$2:$C$346,3,0))^2)/1000,0)</f>
        <v>67</v>
      </c>
      <c r="AD281">
        <f ca="1">ROUND(SQRT((VLOOKUP($A281,városok!$A$2:$C$346,2,0)-VLOOKUP(AD$1,városok!$A$2:$C$346,2,0))^2+(VLOOKUP($A281,városok!$A$2:$C$346,3,0)-VLOOKUP(AD$1,városok!$A$2:$C$346,3,0))^2)/1000,0)</f>
        <v>82</v>
      </c>
      <c r="AE281">
        <f ca="1">ROUND(SQRT((VLOOKUP($A281,városok!$A$2:$C$346,2,0)-VLOOKUP(AE$1,városok!$A$2:$C$346,2,0))^2+(VLOOKUP($A281,városok!$A$2:$C$346,3,0)-VLOOKUP(AE$1,városok!$A$2:$C$346,3,0))^2)/1000,0)</f>
        <v>92</v>
      </c>
      <c r="AF281">
        <f ca="1">ROUND(SQRT((VLOOKUP($A281,városok!$A$2:$C$346,2,0)-VLOOKUP(AF$1,városok!$A$2:$C$346,2,0))^2+(VLOOKUP($A281,városok!$A$2:$C$346,3,0)-VLOOKUP(AF$1,városok!$A$2:$C$346,3,0))^2)/1000,0)</f>
        <v>123</v>
      </c>
      <c r="AG281">
        <f ca="1">ROUND(SQRT((VLOOKUP($A281,városok!$A$2:$C$346,2,0)-VLOOKUP(AG$1,városok!$A$2:$C$346,2,0))^2+(VLOOKUP($A281,városok!$A$2:$C$346,3,0)-VLOOKUP(AG$1,városok!$A$2:$C$346,3,0))^2)/1000,0)</f>
        <v>157</v>
      </c>
      <c r="AH281">
        <f ca="1">ROUND(SQRT((VLOOKUP($A281,városok!$A$2:$C$346,2,0)-VLOOKUP(AH$1,városok!$A$2:$C$346,2,0))^2+(VLOOKUP($A281,városok!$A$2:$C$346,3,0)-VLOOKUP(AH$1,városok!$A$2:$C$346,3,0))^2)/1000,0)</f>
        <v>177</v>
      </c>
      <c r="AI281">
        <f ca="1">ROUND(SQRT((VLOOKUP($A281,városok!$A$2:$C$346,2,0)-VLOOKUP(AI$1,városok!$A$2:$C$346,2,0))^2+(VLOOKUP($A281,városok!$A$2:$C$346,3,0)-VLOOKUP(AI$1,városok!$A$2:$C$346,3,0))^2)/1000,0)</f>
        <v>144</v>
      </c>
      <c r="AJ281">
        <f ca="1">ROUND(SQRT((VLOOKUP($A281,városok!$A$2:$C$346,2,0)-VLOOKUP(AJ$1,városok!$A$2:$C$346,2,0))^2+(VLOOKUP($A281,városok!$A$2:$C$346,3,0)-VLOOKUP(AJ$1,városok!$A$2:$C$346,3,0))^2)/1000,0)</f>
        <v>155</v>
      </c>
      <c r="AK281">
        <f ca="1">ROUND(SQRT((VLOOKUP($A281,városok!$A$2:$C$346,2,0)-VLOOKUP(AK$1,városok!$A$2:$C$346,2,0))^2+(VLOOKUP($A281,városok!$A$2:$C$346,3,0)-VLOOKUP(AK$1,városok!$A$2:$C$346,3,0))^2)/1000,0)</f>
        <v>103</v>
      </c>
      <c r="AL281">
        <f ca="1">ROUND(SQRT((VLOOKUP($A281,városok!$A$2:$C$346,2,0)-VLOOKUP(AL$1,városok!$A$2:$C$346,2,0))^2+(VLOOKUP($A281,városok!$A$2:$C$346,3,0)-VLOOKUP(AL$1,városok!$A$2:$C$346,3,0))^2)/1000,0)</f>
        <v>119</v>
      </c>
      <c r="AM281">
        <f ca="1">ROUND(SQRT((VLOOKUP($A281,városok!$A$2:$C$346,2,0)-VLOOKUP(AM$1,városok!$A$2:$C$346,2,0))^2+(VLOOKUP($A281,városok!$A$2:$C$346,3,0)-VLOOKUP(AM$1,városok!$A$2:$C$346,3,0))^2)/1000,0)</f>
        <v>158</v>
      </c>
      <c r="AN281">
        <f ca="1">ROUND(SQRT((VLOOKUP($A281,városok!$A$2:$C$346,2,0)-VLOOKUP(AN$1,városok!$A$2:$C$346,2,0))^2+(VLOOKUP($A281,városok!$A$2:$C$346,3,0)-VLOOKUP(AN$1,városok!$A$2:$C$346,3,0))^2)/1000,0)</f>
        <v>245</v>
      </c>
      <c r="AO281">
        <f ca="1">ROUND(SQRT((VLOOKUP($A281,városok!$A$2:$C$346,2,0)-VLOOKUP(AO$1,városok!$A$2:$C$346,2,0))^2+(VLOOKUP($A281,városok!$A$2:$C$346,3,0)-VLOOKUP(AO$1,városok!$A$2:$C$346,3,0))^2)/1000,0)</f>
        <v>292</v>
      </c>
      <c r="AP281">
        <f ca="1">ROUND(SQRT((VLOOKUP($A281,városok!$A$2:$C$346,2,0)-VLOOKUP(AP$1,városok!$A$2:$C$346,2,0))^2+(VLOOKUP($A281,városok!$A$2:$C$346,3,0)-VLOOKUP(AP$1,városok!$A$2:$C$346,3,0))^2)/1000,0)</f>
        <v>277</v>
      </c>
      <c r="AQ281">
        <f ca="1">ROUND(SQRT((VLOOKUP($A281,városok!$A$2:$C$346,2,0)-VLOOKUP(AQ$1,városok!$A$2:$C$346,2,0))^2+(VLOOKUP($A281,városok!$A$2:$C$346,3,0)-VLOOKUP(AQ$1,városok!$A$2:$C$346,3,0))^2)/1000,0)</f>
        <v>273</v>
      </c>
      <c r="AR281">
        <f ca="1">ROUND(SQRT((VLOOKUP($A281,városok!$A$2:$C$346,2,0)-VLOOKUP(AR$1,városok!$A$2:$C$346,2,0))^2+(VLOOKUP($A281,városok!$A$2:$C$346,3,0)-VLOOKUP(AR$1,városok!$A$2:$C$346,3,0))^2)/1000,0)</f>
        <v>174</v>
      </c>
      <c r="AS281">
        <f ca="1">ROUND(SQRT((VLOOKUP($A281,városok!$A$2:$C$346,2,0)-VLOOKUP(AS$1,városok!$A$2:$C$346,2,0))^2+(VLOOKUP($A281,városok!$A$2:$C$346,3,0)-VLOOKUP(AS$1,városok!$A$2:$C$346,3,0))^2)/1000,0)</f>
        <v>167</v>
      </c>
      <c r="AT281">
        <f ca="1">ROUND(SQRT((VLOOKUP($A281,városok!$A$2:$C$346,2,0)-VLOOKUP(AT$1,városok!$A$2:$C$346,2,0))^2+(VLOOKUP($A281,városok!$A$2:$C$346,3,0)-VLOOKUP(AT$1,városok!$A$2:$C$346,3,0))^2)/1000,0)</f>
        <v>244</v>
      </c>
      <c r="AU281">
        <f ca="1">ROUND(SQRT((VLOOKUP($A281,városok!$A$2:$C$346,2,0)-VLOOKUP(AU$1,városok!$A$2:$C$346,2,0))^2+(VLOOKUP($A281,városok!$A$2:$C$346,3,0)-VLOOKUP(AU$1,városok!$A$2:$C$346,3,0))^2)/1000,0)</f>
        <v>234</v>
      </c>
      <c r="AV281">
        <f ca="1">ROUND(SQRT((VLOOKUP($A281,városok!$A$2:$C$346,2,0)-VLOOKUP(AV$1,városok!$A$2:$C$346,2,0))^2+(VLOOKUP($A281,városok!$A$2:$C$346,3,0)-VLOOKUP(AV$1,városok!$A$2:$C$346,3,0))^2)/1000,0)</f>
        <v>236</v>
      </c>
      <c r="AW281">
        <f ca="1">ROUND(SQRT((VLOOKUP($A281,városok!$A$2:$C$346,2,0)-VLOOKUP(AW$1,városok!$A$2:$C$346,2,0))^2+(VLOOKUP($A281,városok!$A$2:$C$346,3,0)-VLOOKUP(AW$1,városok!$A$2:$C$346,3,0))^2)/1000,0)</f>
        <v>240</v>
      </c>
      <c r="AX281">
        <f ca="1">ROUND(SQRT((VLOOKUP($A281,városok!$A$2:$C$346,2,0)-VLOOKUP(AX$1,városok!$A$2:$C$346,2,0))^2+(VLOOKUP($A281,városok!$A$2:$C$346,3,0)-VLOOKUP(AX$1,városok!$A$2:$C$346,3,0))^2)/1000,0)</f>
        <v>193</v>
      </c>
      <c r="AY281">
        <f ca="1">ROUND(SQRT((VLOOKUP($A281,városok!$A$2:$C$346,2,0)-VLOOKUP(AY$1,városok!$A$2:$C$346,2,0))^2+(VLOOKUP($A281,városok!$A$2:$C$346,3,0)-VLOOKUP(AY$1,városok!$A$2:$C$346,3,0))^2)/1000,0)</f>
        <v>223</v>
      </c>
      <c r="AZ281">
        <f ca="1">ROUND(SQRT((VLOOKUP($A281,városok!$A$2:$C$346,2,0)-VLOOKUP(AZ$1,városok!$A$2:$C$346,2,0))^2+(VLOOKUP($A281,városok!$A$2:$C$346,3,0)-VLOOKUP(AZ$1,városok!$A$2:$C$346,3,0))^2)/1000,0)</f>
        <v>228</v>
      </c>
      <c r="BA281">
        <f ca="1">ROUND(SQRT((VLOOKUP($A281,városok!$A$2:$C$346,2,0)-VLOOKUP(BA$1,városok!$A$2:$C$346,2,0))^2+(VLOOKUP($A281,városok!$A$2:$C$346,3,0)-VLOOKUP(BA$1,városok!$A$2:$C$346,3,0))^2)/1000,0)</f>
        <v>348</v>
      </c>
      <c r="BB281">
        <f ca="1">ROUND(SQRT((VLOOKUP($A281,városok!$A$2:$C$346,2,0)-VLOOKUP(BB$1,városok!$A$2:$C$346,2,0))^2+(VLOOKUP($A281,városok!$A$2:$C$346,3,0)-VLOOKUP(BB$1,városok!$A$2:$C$346,3,0))^2)/1000,0)</f>
        <v>343</v>
      </c>
      <c r="BC281">
        <f ca="1">ROUND(SQRT((VLOOKUP($A281,városok!$A$2:$C$346,2,0)-VLOOKUP(BC$1,városok!$A$2:$C$346,2,0))^2+(VLOOKUP($A281,városok!$A$2:$C$346,3,0)-VLOOKUP(BC$1,városok!$A$2:$C$346,3,0))^2)/1000,0)</f>
        <v>362</v>
      </c>
      <c r="BD281">
        <f ca="1">ROUND(SQRT((VLOOKUP($A281,városok!$A$2:$C$346,2,0)-VLOOKUP(BD$1,városok!$A$2:$C$346,2,0))^2+(VLOOKUP($A281,városok!$A$2:$C$346,3,0)-VLOOKUP(BD$1,városok!$A$2:$C$346,3,0))^2)/1000,0)</f>
        <v>317</v>
      </c>
      <c r="BE281">
        <f ca="1">ROUND(SQRT((VLOOKUP($A281,városok!$A$2:$C$346,2,0)-VLOOKUP(BE$1,városok!$A$2:$C$346,2,0))^2+(VLOOKUP($A281,városok!$A$2:$C$346,3,0)-VLOOKUP(BE$1,városok!$A$2:$C$346,3,0))^2)/1000,0)</f>
        <v>49</v>
      </c>
      <c r="BF281">
        <f ca="1">ROUND(SQRT((VLOOKUP($A281,városok!$A$2:$C$346,2,0)-VLOOKUP(BF$1,városok!$A$2:$C$346,2,0))^2+(VLOOKUP($A281,városok!$A$2:$C$346,3,0)-VLOOKUP(BF$1,városok!$A$2:$C$346,3,0))^2)/1000,0)</f>
        <v>39</v>
      </c>
      <c r="BG281">
        <f ca="1">ROUND(SQRT((VLOOKUP($A281,városok!$A$2:$C$346,2,0)-VLOOKUP(BG$1,városok!$A$2:$C$346,2,0))^2+(VLOOKUP($A281,városok!$A$2:$C$346,3,0)-VLOOKUP(BG$1,városok!$A$2:$C$346,3,0))^2)/1000,0)</f>
        <v>50</v>
      </c>
      <c r="BH281">
        <f ca="1">ROUND(SQRT((VLOOKUP($A281,városok!$A$2:$C$346,2,0)-VLOOKUP(BH$1,városok!$A$2:$C$346,2,0))^2+(VLOOKUP($A281,városok!$A$2:$C$346,3,0)-VLOOKUP(BH$1,városok!$A$2:$C$346,3,0))^2)/1000,0)</f>
        <v>50</v>
      </c>
      <c r="BI281">
        <f ca="1">ROUND(SQRT((VLOOKUP($A281,városok!$A$2:$C$346,2,0)-VLOOKUP(BI$1,városok!$A$2:$C$346,2,0))^2+(VLOOKUP($A281,városok!$A$2:$C$346,3,0)-VLOOKUP(BI$1,városok!$A$2:$C$346,3,0))^2)/1000,0)</f>
        <v>306</v>
      </c>
      <c r="BJ281">
        <f ca="1">ROUND(SQRT((VLOOKUP($A281,városok!$A$2:$C$346,2,0)-VLOOKUP(BJ$1,városok!$A$2:$C$346,2,0))^2+(VLOOKUP($A281,városok!$A$2:$C$346,3,0)-VLOOKUP(BJ$1,városok!$A$2:$C$346,3,0))^2)/1000,0)</f>
        <v>323</v>
      </c>
      <c r="BK281">
        <f ca="1">ROUND(SQRT((VLOOKUP($A281,városok!$A$2:$C$346,2,0)-VLOOKUP(BK$1,városok!$A$2:$C$346,2,0))^2+(VLOOKUP($A281,városok!$A$2:$C$346,3,0)-VLOOKUP(BK$1,városok!$A$2:$C$346,3,0))^2)/1000,0)</f>
        <v>303</v>
      </c>
      <c r="BL281">
        <f ca="1">ROUND(SQRT((VLOOKUP($A281,városok!$A$2:$C$346,2,0)-VLOOKUP(BL$1,városok!$A$2:$C$346,2,0))^2+(VLOOKUP($A281,városok!$A$2:$C$346,3,0)-VLOOKUP(BL$1,városok!$A$2:$C$346,3,0))^2)/1000,0)</f>
        <v>419</v>
      </c>
      <c r="BM281">
        <f ca="1">ROUND(SQRT((VLOOKUP($A281,városok!$A$2:$C$346,2,0)-VLOOKUP(BM$1,városok!$A$2:$C$346,2,0))^2+(VLOOKUP($A281,városok!$A$2:$C$346,3,0)-VLOOKUP(BM$1,városok!$A$2:$C$346,3,0))^2)/1000,0)</f>
        <v>389</v>
      </c>
      <c r="BN281">
        <f ca="1">ROUND(SQRT((VLOOKUP($A281,városok!$A$2:$C$346,2,0)-VLOOKUP(BN$1,városok!$A$2:$C$346,2,0))^2+(VLOOKUP($A281,városok!$A$2:$C$346,3,0)-VLOOKUP(BN$1,városok!$A$2:$C$346,3,0))^2)/1000,0)</f>
        <v>412</v>
      </c>
      <c r="BO281">
        <f ca="1">ROUND(SQRT((VLOOKUP($A281,városok!$A$2:$C$346,2,0)-VLOOKUP(BO$1,városok!$A$2:$C$346,2,0))^2+(VLOOKUP($A281,városok!$A$2:$C$346,3,0)-VLOOKUP(BO$1,városok!$A$2:$C$346,3,0))^2)/1000,0)</f>
        <v>316</v>
      </c>
      <c r="BP281">
        <f ca="1">ROUND(SQRT((VLOOKUP($A281,városok!$A$2:$C$346,2,0)-VLOOKUP(BP$1,városok!$A$2:$C$346,2,0))^2+(VLOOKUP($A281,városok!$A$2:$C$346,3,0)-VLOOKUP(BP$1,városok!$A$2:$C$346,3,0))^2)/1000,0)</f>
        <v>309</v>
      </c>
      <c r="BQ281">
        <f ca="1">ROUND(SQRT((VLOOKUP($A281,városok!$A$2:$C$346,2,0)-VLOOKUP(BQ$1,városok!$A$2:$C$346,2,0))^2+(VLOOKUP($A281,városok!$A$2:$C$346,3,0)-VLOOKUP(BQ$1,városok!$A$2:$C$346,3,0))^2)/1000,0)</f>
        <v>322</v>
      </c>
      <c r="BR281">
        <f ca="1">ROUND(SQRT((VLOOKUP($A281,városok!$A$2:$C$346,2,0)-VLOOKUP(BR$1,városok!$A$2:$C$346,2,0))^2+(VLOOKUP($A281,városok!$A$2:$C$346,3,0)-VLOOKUP(BR$1,városok!$A$2:$C$346,3,0))^2)/1000,0)</f>
        <v>380</v>
      </c>
      <c r="BS281">
        <f ca="1">ROUND(SQRT((VLOOKUP($A281,városok!$A$2:$C$346,2,0)-VLOOKUP(BS$1,városok!$A$2:$C$346,2,0))^2+(VLOOKUP($A281,városok!$A$2:$C$346,3,0)-VLOOKUP(BS$1,városok!$A$2:$C$346,3,0))^2)/1000,0)</f>
        <v>413</v>
      </c>
      <c r="BT281">
        <f ca="1">ROUND(SQRT((VLOOKUP($A281,városok!$A$2:$C$346,2,0)-VLOOKUP(BT$1,városok!$A$2:$C$346,2,0))^2+(VLOOKUP($A281,városok!$A$2:$C$346,3,0)-VLOOKUP(BT$1,városok!$A$2:$C$346,3,0))^2)/1000,0)</f>
        <v>408</v>
      </c>
    </row>
    <row r="282" spans="1:72" x14ac:dyDescent="0.2">
      <c r="A282" t="str">
        <f>városok!A282</f>
        <v>Mátészalka</v>
      </c>
      <c r="B282">
        <f ca="1">ROUND(SQRT((VLOOKUP($A282,városok!$A$2:$C$346,2,0)-VLOOKUP(B$1,városok!$A$2:$C$346,2,0))^2+(VLOOKUP($A282,városok!$A$2:$C$346,3,0)-VLOOKUP(B$1,városok!$A$2:$C$346,3,0))^2)/1000,0)</f>
        <v>322</v>
      </c>
      <c r="C282">
        <f ca="1">ROUND(SQRT((VLOOKUP($A282,városok!$A$2:$C$346,2,0)-VLOOKUP(C$1,városok!$A$2:$C$346,2,0))^2+(VLOOKUP($A282,városok!$A$2:$C$346,3,0)-VLOOKUP(C$1,városok!$A$2:$C$346,3,0))^2)/1000,0)</f>
        <v>298</v>
      </c>
      <c r="D282">
        <f ca="1">ROUND(SQRT((VLOOKUP($A282,városok!$A$2:$C$346,2,0)-VLOOKUP(D$1,városok!$A$2:$C$346,2,0))^2+(VLOOKUP($A282,városok!$A$2:$C$346,3,0)-VLOOKUP(D$1,városok!$A$2:$C$346,3,0))^2)/1000,0)</f>
        <v>230</v>
      </c>
      <c r="E282">
        <f ca="1">ROUND(SQRT((VLOOKUP($A282,városok!$A$2:$C$346,2,0)-VLOOKUP(E$1,városok!$A$2:$C$346,2,0))^2+(VLOOKUP($A282,városok!$A$2:$C$346,3,0)-VLOOKUP(E$1,városok!$A$2:$C$346,3,0))^2)/1000,0)</f>
        <v>365</v>
      </c>
      <c r="F282">
        <f ca="1">ROUND(SQRT((VLOOKUP($A282,városok!$A$2:$C$346,2,0)-VLOOKUP(F$1,városok!$A$2:$C$346,2,0))^2+(VLOOKUP($A282,városok!$A$2:$C$346,3,0)-VLOOKUP(F$1,városok!$A$2:$C$346,3,0))^2)/1000,0)</f>
        <v>352</v>
      </c>
      <c r="G282">
        <f ca="1">ROUND(SQRT((VLOOKUP($A282,városok!$A$2:$C$346,2,0)-VLOOKUP(G$1,városok!$A$2:$C$346,2,0))^2+(VLOOKUP($A282,városok!$A$2:$C$346,3,0)-VLOOKUP(G$1,városok!$A$2:$C$346,3,0))^2)/1000,0)</f>
        <v>373</v>
      </c>
      <c r="H282">
        <f ca="1">ROUND(SQRT((VLOOKUP($A282,városok!$A$2:$C$346,2,0)-VLOOKUP(H$1,városok!$A$2:$C$346,2,0))^2+(VLOOKUP($A282,városok!$A$2:$C$346,3,0)-VLOOKUP(H$1,városok!$A$2:$C$346,3,0))^2)/1000,0)</f>
        <v>404</v>
      </c>
      <c r="I282">
        <f ca="1">ROUND(SQRT((VLOOKUP($A282,városok!$A$2:$C$346,2,0)-VLOOKUP(I$1,városok!$A$2:$C$346,2,0))^2+(VLOOKUP($A282,városok!$A$2:$C$346,3,0)-VLOOKUP(I$1,városok!$A$2:$C$346,3,0))^2)/1000,0)</f>
        <v>170</v>
      </c>
      <c r="J282">
        <f ca="1">ROUND(SQRT((VLOOKUP($A282,városok!$A$2:$C$346,2,0)-VLOOKUP(J$1,városok!$A$2:$C$346,2,0))^2+(VLOOKUP($A282,városok!$A$2:$C$346,3,0)-VLOOKUP(J$1,városok!$A$2:$C$346,3,0))^2)/1000,0)</f>
        <v>166</v>
      </c>
      <c r="K282">
        <f ca="1">ROUND(SQRT((VLOOKUP($A282,városok!$A$2:$C$346,2,0)-VLOOKUP(K$1,városok!$A$2:$C$346,2,0))^2+(VLOOKUP($A282,városok!$A$2:$C$346,3,0)-VLOOKUP(K$1,városok!$A$2:$C$346,3,0))^2)/1000,0)</f>
        <v>199</v>
      </c>
      <c r="L282">
        <f ca="1">ROUND(SQRT((VLOOKUP($A282,városok!$A$2:$C$346,2,0)-VLOOKUP(L$1,városok!$A$2:$C$346,2,0))^2+(VLOOKUP($A282,városok!$A$2:$C$346,3,0)-VLOOKUP(L$1,városok!$A$2:$C$346,3,0))^2)/1000,0)</f>
        <v>129</v>
      </c>
      <c r="M282">
        <f ca="1">ROUND(SQRT((VLOOKUP($A282,városok!$A$2:$C$346,2,0)-VLOOKUP(M$1,városok!$A$2:$C$346,2,0))^2+(VLOOKUP($A282,városok!$A$2:$C$346,3,0)-VLOOKUP(M$1,városok!$A$2:$C$346,3,0))^2)/1000,0)</f>
        <v>114</v>
      </c>
      <c r="N282">
        <f ca="1">ROUND(SQRT((VLOOKUP($A282,városok!$A$2:$C$346,2,0)-VLOOKUP(N$1,városok!$A$2:$C$346,2,0))^2+(VLOOKUP($A282,városok!$A$2:$C$346,3,0)-VLOOKUP(N$1,városok!$A$2:$C$346,3,0))^2)/1000,0)</f>
        <v>154</v>
      </c>
      <c r="O282">
        <f ca="1">ROUND(SQRT((VLOOKUP($A282,városok!$A$2:$C$346,2,0)-VLOOKUP(O$1,városok!$A$2:$C$346,2,0))^2+(VLOOKUP($A282,városok!$A$2:$C$346,3,0)-VLOOKUP(O$1,városok!$A$2:$C$346,3,0))^2)/1000,0)</f>
        <v>69</v>
      </c>
      <c r="P282">
        <f ca="1">ROUND(SQRT((VLOOKUP($A282,városok!$A$2:$C$346,2,0)-VLOOKUP(P$1,városok!$A$2:$C$346,2,0))^2+(VLOOKUP($A282,városok!$A$2:$C$346,3,0)-VLOOKUP(P$1,városok!$A$2:$C$346,3,0))^2)/1000,0)</f>
        <v>70</v>
      </c>
      <c r="Q282">
        <f ca="1">ROUND(SQRT((VLOOKUP($A282,városok!$A$2:$C$346,2,0)-VLOOKUP(Q$1,városok!$A$2:$C$346,2,0))^2+(VLOOKUP($A282,városok!$A$2:$C$346,3,0)-VLOOKUP(Q$1,városok!$A$2:$C$346,3,0))^2)/1000,0)</f>
        <v>228</v>
      </c>
      <c r="R282">
        <f ca="1">ROUND(SQRT((VLOOKUP($A282,városok!$A$2:$C$346,2,0)-VLOOKUP(R$1,városok!$A$2:$C$346,2,0))^2+(VLOOKUP($A282,városok!$A$2:$C$346,3,0)-VLOOKUP(R$1,városok!$A$2:$C$346,3,0))^2)/1000,0)</f>
        <v>238</v>
      </c>
      <c r="S282">
        <f ca="1">ROUND(SQRT((VLOOKUP($A282,városok!$A$2:$C$346,2,0)-VLOOKUP(S$1,városok!$A$2:$C$346,2,0))^2+(VLOOKUP($A282,városok!$A$2:$C$346,3,0)-VLOOKUP(S$1,városok!$A$2:$C$346,3,0))^2)/1000,0)</f>
        <v>251</v>
      </c>
      <c r="T282">
        <f ca="1">ROUND(SQRT((VLOOKUP($A282,városok!$A$2:$C$346,2,0)-VLOOKUP(T$1,városok!$A$2:$C$346,2,0))^2+(VLOOKUP($A282,városok!$A$2:$C$346,3,0)-VLOOKUP(T$1,városok!$A$2:$C$346,3,0))^2)/1000,0)</f>
        <v>281</v>
      </c>
      <c r="U282">
        <f ca="1">ROUND(SQRT((VLOOKUP($A282,városok!$A$2:$C$346,2,0)-VLOOKUP(U$1,városok!$A$2:$C$346,2,0))^2+(VLOOKUP($A282,városok!$A$2:$C$346,3,0)-VLOOKUP(U$1,városok!$A$2:$C$346,3,0))^2)/1000,0)</f>
        <v>278</v>
      </c>
      <c r="V282">
        <f ca="1">ROUND(SQRT((VLOOKUP($A282,városok!$A$2:$C$346,2,0)-VLOOKUP(V$1,városok!$A$2:$C$346,2,0))^2+(VLOOKUP($A282,városok!$A$2:$C$346,3,0)-VLOOKUP(V$1,városok!$A$2:$C$346,3,0))^2)/1000,0)</f>
        <v>318</v>
      </c>
      <c r="W282">
        <f ca="1">ROUND(SQRT((VLOOKUP($A282,városok!$A$2:$C$346,2,0)-VLOOKUP(W$1,városok!$A$2:$C$346,2,0))^2+(VLOOKUP($A282,városok!$A$2:$C$346,3,0)-VLOOKUP(W$1,városok!$A$2:$C$346,3,0))^2)/1000,0)</f>
        <v>303</v>
      </c>
      <c r="X282">
        <f ca="1">ROUND(SQRT((VLOOKUP($A282,városok!$A$2:$C$346,2,0)-VLOOKUP(X$1,városok!$A$2:$C$346,2,0))^2+(VLOOKUP($A282,városok!$A$2:$C$346,3,0)-VLOOKUP(X$1,városok!$A$2:$C$346,3,0))^2)/1000,0)</f>
        <v>309</v>
      </c>
      <c r="Y282">
        <f ca="1">ROUND(SQRT((VLOOKUP($A282,városok!$A$2:$C$346,2,0)-VLOOKUP(Y$1,városok!$A$2:$C$346,2,0))^2+(VLOOKUP($A282,városok!$A$2:$C$346,3,0)-VLOOKUP(Y$1,városok!$A$2:$C$346,3,0))^2)/1000,0)</f>
        <v>352</v>
      </c>
      <c r="Z282">
        <f ca="1">ROUND(SQRT((VLOOKUP($A282,városok!$A$2:$C$346,2,0)-VLOOKUP(Z$1,városok!$A$2:$C$346,2,0))^2+(VLOOKUP($A282,városok!$A$2:$C$346,3,0)-VLOOKUP(Z$1,városok!$A$2:$C$346,3,0))^2)/1000,0)</f>
        <v>369</v>
      </c>
      <c r="AA282">
        <f ca="1">ROUND(SQRT((VLOOKUP($A282,városok!$A$2:$C$346,2,0)-VLOOKUP(AA$1,városok!$A$2:$C$346,2,0))^2+(VLOOKUP($A282,városok!$A$2:$C$346,3,0)-VLOOKUP(AA$1,városok!$A$2:$C$346,3,0))^2)/1000,0)</f>
        <v>430</v>
      </c>
      <c r="AB282">
        <f ca="1">ROUND(SQRT((VLOOKUP($A282,városok!$A$2:$C$346,2,0)-VLOOKUP(AB$1,városok!$A$2:$C$346,2,0))^2+(VLOOKUP($A282,városok!$A$2:$C$346,3,0)-VLOOKUP(AB$1,városok!$A$2:$C$346,3,0))^2)/1000,0)</f>
        <v>70</v>
      </c>
      <c r="AC282">
        <f ca="1">ROUND(SQRT((VLOOKUP($A282,városok!$A$2:$C$346,2,0)-VLOOKUP(AC$1,városok!$A$2:$C$346,2,0))^2+(VLOOKUP($A282,városok!$A$2:$C$346,3,0)-VLOOKUP(AC$1,városok!$A$2:$C$346,3,0))^2)/1000,0)</f>
        <v>90</v>
      </c>
      <c r="AD282">
        <f ca="1">ROUND(SQRT((VLOOKUP($A282,városok!$A$2:$C$346,2,0)-VLOOKUP(AD$1,városok!$A$2:$C$346,2,0))^2+(VLOOKUP($A282,városok!$A$2:$C$346,3,0)-VLOOKUP(AD$1,városok!$A$2:$C$346,3,0))^2)/1000,0)</f>
        <v>105</v>
      </c>
      <c r="AE282">
        <f ca="1">ROUND(SQRT((VLOOKUP($A282,városok!$A$2:$C$346,2,0)-VLOOKUP(AE$1,városok!$A$2:$C$346,2,0))^2+(VLOOKUP($A282,városok!$A$2:$C$346,3,0)-VLOOKUP(AE$1,városok!$A$2:$C$346,3,0))^2)/1000,0)</f>
        <v>114</v>
      </c>
      <c r="AF282">
        <f ca="1">ROUND(SQRT((VLOOKUP($A282,városok!$A$2:$C$346,2,0)-VLOOKUP(AF$1,városok!$A$2:$C$346,2,0))^2+(VLOOKUP($A282,városok!$A$2:$C$346,3,0)-VLOOKUP(AF$1,városok!$A$2:$C$346,3,0))^2)/1000,0)</f>
        <v>145</v>
      </c>
      <c r="AG282">
        <f ca="1">ROUND(SQRT((VLOOKUP($A282,városok!$A$2:$C$346,2,0)-VLOOKUP(AG$1,városok!$A$2:$C$346,2,0))^2+(VLOOKUP($A282,városok!$A$2:$C$346,3,0)-VLOOKUP(AG$1,városok!$A$2:$C$346,3,0))^2)/1000,0)</f>
        <v>180</v>
      </c>
      <c r="AH282">
        <f ca="1">ROUND(SQRT((VLOOKUP($A282,városok!$A$2:$C$346,2,0)-VLOOKUP(AH$1,városok!$A$2:$C$346,2,0))^2+(VLOOKUP($A282,városok!$A$2:$C$346,3,0)-VLOOKUP(AH$1,városok!$A$2:$C$346,3,0))^2)/1000,0)</f>
        <v>200</v>
      </c>
      <c r="AI282">
        <f ca="1">ROUND(SQRT((VLOOKUP($A282,városok!$A$2:$C$346,2,0)-VLOOKUP(AI$1,városok!$A$2:$C$346,2,0))^2+(VLOOKUP($A282,városok!$A$2:$C$346,3,0)-VLOOKUP(AI$1,városok!$A$2:$C$346,3,0))^2)/1000,0)</f>
        <v>166</v>
      </c>
      <c r="AJ282">
        <f ca="1">ROUND(SQRT((VLOOKUP($A282,városok!$A$2:$C$346,2,0)-VLOOKUP(AJ$1,városok!$A$2:$C$346,2,0))^2+(VLOOKUP($A282,városok!$A$2:$C$346,3,0)-VLOOKUP(AJ$1,városok!$A$2:$C$346,3,0))^2)/1000,0)</f>
        <v>179</v>
      </c>
      <c r="AK282">
        <f ca="1">ROUND(SQRT((VLOOKUP($A282,városok!$A$2:$C$346,2,0)-VLOOKUP(AK$1,városok!$A$2:$C$346,2,0))^2+(VLOOKUP($A282,városok!$A$2:$C$346,3,0)-VLOOKUP(AK$1,városok!$A$2:$C$346,3,0))^2)/1000,0)</f>
        <v>126</v>
      </c>
      <c r="AL282">
        <f ca="1">ROUND(SQRT((VLOOKUP($A282,városok!$A$2:$C$346,2,0)-VLOOKUP(AL$1,városok!$A$2:$C$346,2,0))^2+(VLOOKUP($A282,városok!$A$2:$C$346,3,0)-VLOOKUP(AL$1,városok!$A$2:$C$346,3,0))^2)/1000,0)</f>
        <v>143</v>
      </c>
      <c r="AM282">
        <f ca="1">ROUND(SQRT((VLOOKUP($A282,városok!$A$2:$C$346,2,0)-VLOOKUP(AM$1,városok!$A$2:$C$346,2,0))^2+(VLOOKUP($A282,városok!$A$2:$C$346,3,0)-VLOOKUP(AM$1,városok!$A$2:$C$346,3,0))^2)/1000,0)</f>
        <v>182</v>
      </c>
      <c r="AN282">
        <f ca="1">ROUND(SQRT((VLOOKUP($A282,városok!$A$2:$C$346,2,0)-VLOOKUP(AN$1,városok!$A$2:$C$346,2,0))^2+(VLOOKUP($A282,városok!$A$2:$C$346,3,0)-VLOOKUP(AN$1,városok!$A$2:$C$346,3,0))^2)/1000,0)</f>
        <v>268</v>
      </c>
      <c r="AO282">
        <f ca="1">ROUND(SQRT((VLOOKUP($A282,városok!$A$2:$C$346,2,0)-VLOOKUP(AO$1,városok!$A$2:$C$346,2,0))^2+(VLOOKUP($A282,városok!$A$2:$C$346,3,0)-VLOOKUP(AO$1,városok!$A$2:$C$346,3,0))^2)/1000,0)</f>
        <v>315</v>
      </c>
      <c r="AP282">
        <f ca="1">ROUND(SQRT((VLOOKUP($A282,városok!$A$2:$C$346,2,0)-VLOOKUP(AP$1,városok!$A$2:$C$346,2,0))^2+(VLOOKUP($A282,városok!$A$2:$C$346,3,0)-VLOOKUP(AP$1,városok!$A$2:$C$346,3,0))^2)/1000,0)</f>
        <v>300</v>
      </c>
      <c r="AQ282">
        <f ca="1">ROUND(SQRT((VLOOKUP($A282,városok!$A$2:$C$346,2,0)-VLOOKUP(AQ$1,városok!$A$2:$C$346,2,0))^2+(VLOOKUP($A282,városok!$A$2:$C$346,3,0)-VLOOKUP(AQ$1,városok!$A$2:$C$346,3,0))^2)/1000,0)</f>
        <v>296</v>
      </c>
      <c r="AR282">
        <f ca="1">ROUND(SQRT((VLOOKUP($A282,városok!$A$2:$C$346,2,0)-VLOOKUP(AR$1,városok!$A$2:$C$346,2,0))^2+(VLOOKUP($A282,városok!$A$2:$C$346,3,0)-VLOOKUP(AR$1,városok!$A$2:$C$346,3,0))^2)/1000,0)</f>
        <v>196</v>
      </c>
      <c r="AS282">
        <f ca="1">ROUND(SQRT((VLOOKUP($A282,városok!$A$2:$C$346,2,0)-VLOOKUP(AS$1,városok!$A$2:$C$346,2,0))^2+(VLOOKUP($A282,városok!$A$2:$C$346,3,0)-VLOOKUP(AS$1,városok!$A$2:$C$346,3,0))^2)/1000,0)</f>
        <v>187</v>
      </c>
      <c r="AT282">
        <f ca="1">ROUND(SQRT((VLOOKUP($A282,városok!$A$2:$C$346,2,0)-VLOOKUP(AT$1,városok!$A$2:$C$346,2,0))^2+(VLOOKUP($A282,városok!$A$2:$C$346,3,0)-VLOOKUP(AT$1,városok!$A$2:$C$346,3,0))^2)/1000,0)</f>
        <v>268</v>
      </c>
      <c r="AU282">
        <f ca="1">ROUND(SQRT((VLOOKUP($A282,városok!$A$2:$C$346,2,0)-VLOOKUP(AU$1,városok!$A$2:$C$346,2,0))^2+(VLOOKUP($A282,városok!$A$2:$C$346,3,0)-VLOOKUP(AU$1,városok!$A$2:$C$346,3,0))^2)/1000,0)</f>
        <v>258</v>
      </c>
      <c r="AV282">
        <f ca="1">ROUND(SQRT((VLOOKUP($A282,városok!$A$2:$C$346,2,0)-VLOOKUP(AV$1,városok!$A$2:$C$346,2,0))^2+(VLOOKUP($A282,városok!$A$2:$C$346,3,0)-VLOOKUP(AV$1,városok!$A$2:$C$346,3,0))^2)/1000,0)</f>
        <v>260</v>
      </c>
      <c r="AW282">
        <f ca="1">ROUND(SQRT((VLOOKUP($A282,városok!$A$2:$C$346,2,0)-VLOOKUP(AW$1,városok!$A$2:$C$346,2,0))^2+(VLOOKUP($A282,városok!$A$2:$C$346,3,0)-VLOOKUP(AW$1,városok!$A$2:$C$346,3,0))^2)/1000,0)</f>
        <v>263</v>
      </c>
      <c r="AX282">
        <f ca="1">ROUND(SQRT((VLOOKUP($A282,városok!$A$2:$C$346,2,0)-VLOOKUP(AX$1,városok!$A$2:$C$346,2,0))^2+(VLOOKUP($A282,városok!$A$2:$C$346,3,0)-VLOOKUP(AX$1,városok!$A$2:$C$346,3,0))^2)/1000,0)</f>
        <v>217</v>
      </c>
      <c r="AY282">
        <f ca="1">ROUND(SQRT((VLOOKUP($A282,városok!$A$2:$C$346,2,0)-VLOOKUP(AY$1,városok!$A$2:$C$346,2,0))^2+(VLOOKUP($A282,városok!$A$2:$C$346,3,0)-VLOOKUP(AY$1,városok!$A$2:$C$346,3,0))^2)/1000,0)</f>
        <v>245</v>
      </c>
      <c r="AZ282">
        <f ca="1">ROUND(SQRT((VLOOKUP($A282,városok!$A$2:$C$346,2,0)-VLOOKUP(AZ$1,városok!$A$2:$C$346,2,0))^2+(VLOOKUP($A282,városok!$A$2:$C$346,3,0)-VLOOKUP(AZ$1,városok!$A$2:$C$346,3,0))^2)/1000,0)</f>
        <v>251</v>
      </c>
      <c r="BA282">
        <f ca="1">ROUND(SQRT((VLOOKUP($A282,városok!$A$2:$C$346,2,0)-VLOOKUP(BA$1,városok!$A$2:$C$346,2,0))^2+(VLOOKUP($A282,városok!$A$2:$C$346,3,0)-VLOOKUP(BA$1,városok!$A$2:$C$346,3,0))^2)/1000,0)</f>
        <v>372</v>
      </c>
      <c r="BB282">
        <f ca="1">ROUND(SQRT((VLOOKUP($A282,városok!$A$2:$C$346,2,0)-VLOOKUP(BB$1,városok!$A$2:$C$346,2,0))^2+(VLOOKUP($A282,városok!$A$2:$C$346,3,0)-VLOOKUP(BB$1,városok!$A$2:$C$346,3,0))^2)/1000,0)</f>
        <v>367</v>
      </c>
      <c r="BC282">
        <f ca="1">ROUND(SQRT((VLOOKUP($A282,városok!$A$2:$C$346,2,0)-VLOOKUP(BC$1,városok!$A$2:$C$346,2,0))^2+(VLOOKUP($A282,városok!$A$2:$C$346,3,0)-VLOOKUP(BC$1,városok!$A$2:$C$346,3,0))^2)/1000,0)</f>
        <v>386</v>
      </c>
      <c r="BD282">
        <f ca="1">ROUND(SQRT((VLOOKUP($A282,városok!$A$2:$C$346,2,0)-VLOOKUP(BD$1,városok!$A$2:$C$346,2,0))^2+(VLOOKUP($A282,városok!$A$2:$C$346,3,0)-VLOOKUP(BD$1,városok!$A$2:$C$346,3,0))^2)/1000,0)</f>
        <v>341</v>
      </c>
      <c r="BE282">
        <f ca="1">ROUND(SQRT((VLOOKUP($A282,városok!$A$2:$C$346,2,0)-VLOOKUP(BE$1,városok!$A$2:$C$346,2,0))^2+(VLOOKUP($A282,városok!$A$2:$C$346,3,0)-VLOOKUP(BE$1,városok!$A$2:$C$346,3,0))^2)/1000,0)</f>
        <v>30</v>
      </c>
      <c r="BF282">
        <f ca="1">ROUND(SQRT((VLOOKUP($A282,városok!$A$2:$C$346,2,0)-VLOOKUP(BF$1,városok!$A$2:$C$346,2,0))^2+(VLOOKUP($A282,városok!$A$2:$C$346,3,0)-VLOOKUP(BF$1,városok!$A$2:$C$346,3,0))^2)/1000,0)</f>
        <v>35</v>
      </c>
      <c r="BG282">
        <f ca="1">ROUND(SQRT((VLOOKUP($A282,városok!$A$2:$C$346,2,0)-VLOOKUP(BG$1,városok!$A$2:$C$346,2,0))^2+(VLOOKUP($A282,városok!$A$2:$C$346,3,0)-VLOOKUP(BG$1,városok!$A$2:$C$346,3,0))^2)/1000,0)</f>
        <v>66</v>
      </c>
      <c r="BH282">
        <f ca="1">ROUND(SQRT((VLOOKUP($A282,városok!$A$2:$C$346,2,0)-VLOOKUP(BH$1,városok!$A$2:$C$346,2,0))^2+(VLOOKUP($A282,városok!$A$2:$C$346,3,0)-VLOOKUP(BH$1,városok!$A$2:$C$346,3,0))^2)/1000,0)</f>
        <v>66</v>
      </c>
      <c r="BI282">
        <f ca="1">ROUND(SQRT((VLOOKUP($A282,városok!$A$2:$C$346,2,0)-VLOOKUP(BI$1,városok!$A$2:$C$346,2,0))^2+(VLOOKUP($A282,városok!$A$2:$C$346,3,0)-VLOOKUP(BI$1,városok!$A$2:$C$346,3,0))^2)/1000,0)</f>
        <v>329</v>
      </c>
      <c r="BJ282">
        <f ca="1">ROUND(SQRT((VLOOKUP($A282,városok!$A$2:$C$346,2,0)-VLOOKUP(BJ$1,városok!$A$2:$C$346,2,0))^2+(VLOOKUP($A282,városok!$A$2:$C$346,3,0)-VLOOKUP(BJ$1,városok!$A$2:$C$346,3,0))^2)/1000,0)</f>
        <v>347</v>
      </c>
      <c r="BK282">
        <f ca="1">ROUND(SQRT((VLOOKUP($A282,városok!$A$2:$C$346,2,0)-VLOOKUP(BK$1,városok!$A$2:$C$346,2,0))^2+(VLOOKUP($A282,városok!$A$2:$C$346,3,0)-VLOOKUP(BK$1,városok!$A$2:$C$346,3,0))^2)/1000,0)</f>
        <v>327</v>
      </c>
      <c r="BL282">
        <f ca="1">ROUND(SQRT((VLOOKUP($A282,városok!$A$2:$C$346,2,0)-VLOOKUP(BL$1,városok!$A$2:$C$346,2,0))^2+(VLOOKUP($A282,városok!$A$2:$C$346,3,0)-VLOOKUP(BL$1,városok!$A$2:$C$346,3,0))^2)/1000,0)</f>
        <v>443</v>
      </c>
      <c r="BM282">
        <f ca="1">ROUND(SQRT((VLOOKUP($A282,városok!$A$2:$C$346,2,0)-VLOOKUP(BM$1,városok!$A$2:$C$346,2,0))^2+(VLOOKUP($A282,városok!$A$2:$C$346,3,0)-VLOOKUP(BM$1,városok!$A$2:$C$346,3,0))^2)/1000,0)</f>
        <v>412</v>
      </c>
      <c r="BN282">
        <f ca="1">ROUND(SQRT((VLOOKUP($A282,városok!$A$2:$C$346,2,0)-VLOOKUP(BN$1,városok!$A$2:$C$346,2,0))^2+(VLOOKUP($A282,városok!$A$2:$C$346,3,0)-VLOOKUP(BN$1,városok!$A$2:$C$346,3,0))^2)/1000,0)</f>
        <v>435</v>
      </c>
      <c r="BO282">
        <f ca="1">ROUND(SQRT((VLOOKUP($A282,városok!$A$2:$C$346,2,0)-VLOOKUP(BO$1,városok!$A$2:$C$346,2,0))^2+(VLOOKUP($A282,városok!$A$2:$C$346,3,0)-VLOOKUP(BO$1,városok!$A$2:$C$346,3,0))^2)/1000,0)</f>
        <v>340</v>
      </c>
      <c r="BP282">
        <f ca="1">ROUND(SQRT((VLOOKUP($A282,városok!$A$2:$C$346,2,0)-VLOOKUP(BP$1,városok!$A$2:$C$346,2,0))^2+(VLOOKUP($A282,városok!$A$2:$C$346,3,0)-VLOOKUP(BP$1,városok!$A$2:$C$346,3,0))^2)/1000,0)</f>
        <v>333</v>
      </c>
      <c r="BQ282">
        <f ca="1">ROUND(SQRT((VLOOKUP($A282,városok!$A$2:$C$346,2,0)-VLOOKUP(BQ$1,városok!$A$2:$C$346,2,0))^2+(VLOOKUP($A282,városok!$A$2:$C$346,3,0)-VLOOKUP(BQ$1,városok!$A$2:$C$346,3,0))^2)/1000,0)</f>
        <v>345</v>
      </c>
      <c r="BR282">
        <f ca="1">ROUND(SQRT((VLOOKUP($A282,városok!$A$2:$C$346,2,0)-VLOOKUP(BR$1,városok!$A$2:$C$346,2,0))^2+(VLOOKUP($A282,városok!$A$2:$C$346,3,0)-VLOOKUP(BR$1,városok!$A$2:$C$346,3,0))^2)/1000,0)</f>
        <v>404</v>
      </c>
      <c r="BS282">
        <f ca="1">ROUND(SQRT((VLOOKUP($A282,városok!$A$2:$C$346,2,0)-VLOOKUP(BS$1,városok!$A$2:$C$346,2,0))^2+(VLOOKUP($A282,városok!$A$2:$C$346,3,0)-VLOOKUP(BS$1,városok!$A$2:$C$346,3,0))^2)/1000,0)</f>
        <v>437</v>
      </c>
      <c r="BT282">
        <f ca="1">ROUND(SQRT((VLOOKUP($A282,városok!$A$2:$C$346,2,0)-VLOOKUP(BT$1,városok!$A$2:$C$346,2,0))^2+(VLOOKUP($A282,városok!$A$2:$C$346,3,0)-VLOOKUP(BT$1,városok!$A$2:$C$346,3,0))^2)/1000,0)</f>
        <v>432</v>
      </c>
    </row>
    <row r="283" spans="1:72" x14ac:dyDescent="0.2">
      <c r="A283" t="str">
        <f>városok!A283</f>
        <v>Nagyecsed</v>
      </c>
      <c r="B283">
        <f ca="1">ROUND(SQRT((VLOOKUP($A283,városok!$A$2:$C$346,2,0)-VLOOKUP(B$1,városok!$A$2:$C$346,2,0))^2+(VLOOKUP($A283,városok!$A$2:$C$346,3,0)-VLOOKUP(B$1,városok!$A$2:$C$346,3,0))^2)/1000,0)</f>
        <v>320</v>
      </c>
      <c r="C283">
        <f ca="1">ROUND(SQRT((VLOOKUP($A283,városok!$A$2:$C$346,2,0)-VLOOKUP(C$1,városok!$A$2:$C$346,2,0))^2+(VLOOKUP($A283,városok!$A$2:$C$346,3,0)-VLOOKUP(C$1,városok!$A$2:$C$346,3,0))^2)/1000,0)</f>
        <v>298</v>
      </c>
      <c r="D283">
        <f ca="1">ROUND(SQRT((VLOOKUP($A283,városok!$A$2:$C$346,2,0)-VLOOKUP(D$1,városok!$A$2:$C$346,2,0))^2+(VLOOKUP($A283,városok!$A$2:$C$346,3,0)-VLOOKUP(D$1,városok!$A$2:$C$346,3,0))^2)/1000,0)</f>
        <v>230</v>
      </c>
      <c r="E283">
        <f ca="1">ROUND(SQRT((VLOOKUP($A283,városok!$A$2:$C$346,2,0)-VLOOKUP(E$1,városok!$A$2:$C$346,2,0))^2+(VLOOKUP($A283,városok!$A$2:$C$346,3,0)-VLOOKUP(E$1,városok!$A$2:$C$346,3,0))^2)/1000,0)</f>
        <v>365</v>
      </c>
      <c r="F283">
        <f ca="1">ROUND(SQRT((VLOOKUP($A283,városok!$A$2:$C$346,2,0)-VLOOKUP(F$1,városok!$A$2:$C$346,2,0))^2+(VLOOKUP($A283,városok!$A$2:$C$346,3,0)-VLOOKUP(F$1,városok!$A$2:$C$346,3,0))^2)/1000,0)</f>
        <v>350</v>
      </c>
      <c r="G283">
        <f ca="1">ROUND(SQRT((VLOOKUP($A283,városok!$A$2:$C$346,2,0)-VLOOKUP(G$1,városok!$A$2:$C$346,2,0))^2+(VLOOKUP($A283,városok!$A$2:$C$346,3,0)-VLOOKUP(G$1,városok!$A$2:$C$346,3,0))^2)/1000,0)</f>
        <v>372</v>
      </c>
      <c r="H283">
        <f ca="1">ROUND(SQRT((VLOOKUP($A283,városok!$A$2:$C$346,2,0)-VLOOKUP(H$1,városok!$A$2:$C$346,2,0))^2+(VLOOKUP($A283,városok!$A$2:$C$346,3,0)-VLOOKUP(H$1,városok!$A$2:$C$346,3,0))^2)/1000,0)</f>
        <v>403</v>
      </c>
      <c r="I283">
        <f ca="1">ROUND(SQRT((VLOOKUP($A283,városok!$A$2:$C$346,2,0)-VLOOKUP(I$1,városok!$A$2:$C$346,2,0))^2+(VLOOKUP($A283,városok!$A$2:$C$346,3,0)-VLOOKUP(I$1,városok!$A$2:$C$346,3,0))^2)/1000,0)</f>
        <v>165</v>
      </c>
      <c r="J283">
        <f ca="1">ROUND(SQRT((VLOOKUP($A283,városok!$A$2:$C$346,2,0)-VLOOKUP(J$1,városok!$A$2:$C$346,2,0))^2+(VLOOKUP($A283,városok!$A$2:$C$346,3,0)-VLOOKUP(J$1,városok!$A$2:$C$346,3,0))^2)/1000,0)</f>
        <v>160</v>
      </c>
      <c r="K283">
        <f ca="1">ROUND(SQRT((VLOOKUP($A283,városok!$A$2:$C$346,2,0)-VLOOKUP(K$1,városok!$A$2:$C$346,2,0))^2+(VLOOKUP($A283,városok!$A$2:$C$346,3,0)-VLOOKUP(K$1,városok!$A$2:$C$346,3,0))^2)/1000,0)</f>
        <v>195</v>
      </c>
      <c r="L283">
        <f ca="1">ROUND(SQRT((VLOOKUP($A283,városok!$A$2:$C$346,2,0)-VLOOKUP(L$1,városok!$A$2:$C$346,2,0))^2+(VLOOKUP($A283,városok!$A$2:$C$346,3,0)-VLOOKUP(L$1,városok!$A$2:$C$346,3,0))^2)/1000,0)</f>
        <v>137</v>
      </c>
      <c r="M283">
        <f ca="1">ROUND(SQRT((VLOOKUP($A283,városok!$A$2:$C$346,2,0)-VLOOKUP(M$1,városok!$A$2:$C$346,2,0))^2+(VLOOKUP($A283,városok!$A$2:$C$346,3,0)-VLOOKUP(M$1,városok!$A$2:$C$346,3,0))^2)/1000,0)</f>
        <v>121</v>
      </c>
      <c r="N283">
        <f ca="1">ROUND(SQRT((VLOOKUP($A283,városok!$A$2:$C$346,2,0)-VLOOKUP(N$1,városok!$A$2:$C$346,2,0))^2+(VLOOKUP($A283,városok!$A$2:$C$346,3,0)-VLOOKUP(N$1,városok!$A$2:$C$346,3,0))^2)/1000,0)</f>
        <v>161</v>
      </c>
      <c r="O283">
        <f ca="1">ROUND(SQRT((VLOOKUP($A283,városok!$A$2:$C$346,2,0)-VLOOKUP(O$1,városok!$A$2:$C$346,2,0))^2+(VLOOKUP($A283,városok!$A$2:$C$346,3,0)-VLOOKUP(O$1,városok!$A$2:$C$346,3,0))^2)/1000,0)</f>
        <v>80</v>
      </c>
      <c r="P283">
        <f ca="1">ROUND(SQRT((VLOOKUP($A283,városok!$A$2:$C$346,2,0)-VLOOKUP(P$1,városok!$A$2:$C$346,2,0))^2+(VLOOKUP($A283,városok!$A$2:$C$346,3,0)-VLOOKUP(P$1,városok!$A$2:$C$346,3,0))^2)/1000,0)</f>
        <v>80</v>
      </c>
      <c r="Q283">
        <f ca="1">ROUND(SQRT((VLOOKUP($A283,városok!$A$2:$C$346,2,0)-VLOOKUP(Q$1,városok!$A$2:$C$346,2,0))^2+(VLOOKUP($A283,városok!$A$2:$C$346,3,0)-VLOOKUP(Q$1,városok!$A$2:$C$346,3,0))^2)/1000,0)</f>
        <v>224</v>
      </c>
      <c r="R283">
        <f ca="1">ROUND(SQRT((VLOOKUP($A283,városok!$A$2:$C$346,2,0)-VLOOKUP(R$1,városok!$A$2:$C$346,2,0))^2+(VLOOKUP($A283,városok!$A$2:$C$346,3,0)-VLOOKUP(R$1,városok!$A$2:$C$346,3,0))^2)/1000,0)</f>
        <v>234</v>
      </c>
      <c r="S283">
        <f ca="1">ROUND(SQRT((VLOOKUP($A283,városok!$A$2:$C$346,2,0)-VLOOKUP(S$1,városok!$A$2:$C$346,2,0))^2+(VLOOKUP($A283,városok!$A$2:$C$346,3,0)-VLOOKUP(S$1,városok!$A$2:$C$346,3,0))^2)/1000,0)</f>
        <v>247</v>
      </c>
      <c r="T283">
        <f ca="1">ROUND(SQRT((VLOOKUP($A283,városok!$A$2:$C$346,2,0)-VLOOKUP(T$1,városok!$A$2:$C$346,2,0))^2+(VLOOKUP($A283,városok!$A$2:$C$346,3,0)-VLOOKUP(T$1,városok!$A$2:$C$346,3,0))^2)/1000,0)</f>
        <v>285</v>
      </c>
      <c r="U283">
        <f ca="1">ROUND(SQRT((VLOOKUP($A283,városok!$A$2:$C$346,2,0)-VLOOKUP(U$1,városok!$A$2:$C$346,2,0))^2+(VLOOKUP($A283,városok!$A$2:$C$346,3,0)-VLOOKUP(U$1,városok!$A$2:$C$346,3,0))^2)/1000,0)</f>
        <v>279</v>
      </c>
      <c r="V283">
        <f ca="1">ROUND(SQRT((VLOOKUP($A283,városok!$A$2:$C$346,2,0)-VLOOKUP(V$1,városok!$A$2:$C$346,2,0))^2+(VLOOKUP($A283,városok!$A$2:$C$346,3,0)-VLOOKUP(V$1,városok!$A$2:$C$346,3,0))^2)/1000,0)</f>
        <v>320</v>
      </c>
      <c r="W283">
        <f ca="1">ROUND(SQRT((VLOOKUP($A283,városok!$A$2:$C$346,2,0)-VLOOKUP(W$1,városok!$A$2:$C$346,2,0))^2+(VLOOKUP($A283,városok!$A$2:$C$346,3,0)-VLOOKUP(W$1,városok!$A$2:$C$346,3,0))^2)/1000,0)</f>
        <v>304</v>
      </c>
      <c r="X283">
        <f ca="1">ROUND(SQRT((VLOOKUP($A283,városok!$A$2:$C$346,2,0)-VLOOKUP(X$1,városok!$A$2:$C$346,2,0))^2+(VLOOKUP($A283,városok!$A$2:$C$346,3,0)-VLOOKUP(X$1,városok!$A$2:$C$346,3,0))^2)/1000,0)</f>
        <v>312</v>
      </c>
      <c r="Y283">
        <f ca="1">ROUND(SQRT((VLOOKUP($A283,városok!$A$2:$C$346,2,0)-VLOOKUP(Y$1,városok!$A$2:$C$346,2,0))^2+(VLOOKUP($A283,városok!$A$2:$C$346,3,0)-VLOOKUP(Y$1,városok!$A$2:$C$346,3,0))^2)/1000,0)</f>
        <v>356</v>
      </c>
      <c r="Z283">
        <f ca="1">ROUND(SQRT((VLOOKUP($A283,városok!$A$2:$C$346,2,0)-VLOOKUP(Z$1,városok!$A$2:$C$346,2,0))^2+(VLOOKUP($A283,városok!$A$2:$C$346,3,0)-VLOOKUP(Z$1,városok!$A$2:$C$346,3,0))^2)/1000,0)</f>
        <v>374</v>
      </c>
      <c r="AA283">
        <f ca="1">ROUND(SQRT((VLOOKUP($A283,városok!$A$2:$C$346,2,0)-VLOOKUP(AA$1,városok!$A$2:$C$346,2,0))^2+(VLOOKUP($A283,városok!$A$2:$C$346,3,0)-VLOOKUP(AA$1,városok!$A$2:$C$346,3,0))^2)/1000,0)</f>
        <v>435</v>
      </c>
      <c r="AB283">
        <f ca="1">ROUND(SQRT((VLOOKUP($A283,városok!$A$2:$C$346,2,0)-VLOOKUP(AB$1,városok!$A$2:$C$346,2,0))^2+(VLOOKUP($A283,városok!$A$2:$C$346,3,0)-VLOOKUP(AB$1,városok!$A$2:$C$346,3,0))^2)/1000,0)</f>
        <v>68</v>
      </c>
      <c r="AC283">
        <f ca="1">ROUND(SQRT((VLOOKUP($A283,városok!$A$2:$C$346,2,0)-VLOOKUP(AC$1,városok!$A$2:$C$346,2,0))^2+(VLOOKUP($A283,városok!$A$2:$C$346,3,0)-VLOOKUP(AC$1,városok!$A$2:$C$346,3,0))^2)/1000,0)</f>
        <v>88</v>
      </c>
      <c r="AD283">
        <f ca="1">ROUND(SQRT((VLOOKUP($A283,városok!$A$2:$C$346,2,0)-VLOOKUP(AD$1,városok!$A$2:$C$346,2,0))^2+(VLOOKUP($A283,városok!$A$2:$C$346,3,0)-VLOOKUP(AD$1,városok!$A$2:$C$346,3,0))^2)/1000,0)</f>
        <v>104</v>
      </c>
      <c r="AE283">
        <f ca="1">ROUND(SQRT((VLOOKUP($A283,városok!$A$2:$C$346,2,0)-VLOOKUP(AE$1,városok!$A$2:$C$346,2,0))^2+(VLOOKUP($A283,városok!$A$2:$C$346,3,0)-VLOOKUP(AE$1,városok!$A$2:$C$346,3,0))^2)/1000,0)</f>
        <v>112</v>
      </c>
      <c r="AF283">
        <f ca="1">ROUND(SQRT((VLOOKUP($A283,városok!$A$2:$C$346,2,0)-VLOOKUP(AF$1,városok!$A$2:$C$346,2,0))^2+(VLOOKUP($A283,városok!$A$2:$C$346,3,0)-VLOOKUP(AF$1,városok!$A$2:$C$346,3,0))^2)/1000,0)</f>
        <v>150</v>
      </c>
      <c r="AG283">
        <f ca="1">ROUND(SQRT((VLOOKUP($A283,városok!$A$2:$C$346,2,0)-VLOOKUP(AG$1,városok!$A$2:$C$346,2,0))^2+(VLOOKUP($A283,városok!$A$2:$C$346,3,0)-VLOOKUP(AG$1,városok!$A$2:$C$346,3,0))^2)/1000,0)</f>
        <v>184</v>
      </c>
      <c r="AH283">
        <f ca="1">ROUND(SQRT((VLOOKUP($A283,városok!$A$2:$C$346,2,0)-VLOOKUP(AH$1,városok!$A$2:$C$346,2,0))^2+(VLOOKUP($A283,városok!$A$2:$C$346,3,0)-VLOOKUP(AH$1,városok!$A$2:$C$346,3,0))^2)/1000,0)</f>
        <v>204</v>
      </c>
      <c r="AI283">
        <f ca="1">ROUND(SQRT((VLOOKUP($A283,városok!$A$2:$C$346,2,0)-VLOOKUP(AI$1,városok!$A$2:$C$346,2,0))^2+(VLOOKUP($A283,városok!$A$2:$C$346,3,0)-VLOOKUP(AI$1,városok!$A$2:$C$346,3,0))^2)/1000,0)</f>
        <v>172</v>
      </c>
      <c r="AJ283">
        <f ca="1">ROUND(SQRT((VLOOKUP($A283,városok!$A$2:$C$346,2,0)-VLOOKUP(AJ$1,városok!$A$2:$C$346,2,0))^2+(VLOOKUP($A283,városok!$A$2:$C$346,3,0)-VLOOKUP(AJ$1,városok!$A$2:$C$346,3,0))^2)/1000,0)</f>
        <v>182</v>
      </c>
      <c r="AK283">
        <f ca="1">ROUND(SQRT((VLOOKUP($A283,városok!$A$2:$C$346,2,0)-VLOOKUP(AK$1,városok!$A$2:$C$346,2,0))^2+(VLOOKUP($A283,városok!$A$2:$C$346,3,0)-VLOOKUP(AK$1,városok!$A$2:$C$346,3,0))^2)/1000,0)</f>
        <v>124</v>
      </c>
      <c r="AL283">
        <f ca="1">ROUND(SQRT((VLOOKUP($A283,városok!$A$2:$C$346,2,0)-VLOOKUP(AL$1,városok!$A$2:$C$346,2,0))^2+(VLOOKUP($A283,városok!$A$2:$C$346,3,0)-VLOOKUP(AL$1,városok!$A$2:$C$346,3,0))^2)/1000,0)</f>
        <v>143</v>
      </c>
      <c r="AM283">
        <f ca="1">ROUND(SQRT((VLOOKUP($A283,városok!$A$2:$C$346,2,0)-VLOOKUP(AM$1,városok!$A$2:$C$346,2,0))^2+(VLOOKUP($A283,városok!$A$2:$C$346,3,0)-VLOOKUP(AM$1,városok!$A$2:$C$346,3,0))^2)/1000,0)</f>
        <v>182</v>
      </c>
      <c r="AN283">
        <f ca="1">ROUND(SQRT((VLOOKUP($A283,városok!$A$2:$C$346,2,0)-VLOOKUP(AN$1,városok!$A$2:$C$346,2,0))^2+(VLOOKUP($A283,városok!$A$2:$C$346,3,0)-VLOOKUP(AN$1,városok!$A$2:$C$346,3,0))^2)/1000,0)</f>
        <v>273</v>
      </c>
      <c r="AO283">
        <f ca="1">ROUND(SQRT((VLOOKUP($A283,városok!$A$2:$C$346,2,0)-VLOOKUP(AO$1,városok!$A$2:$C$346,2,0))^2+(VLOOKUP($A283,városok!$A$2:$C$346,3,0)-VLOOKUP(AO$1,városok!$A$2:$C$346,3,0))^2)/1000,0)</f>
        <v>319</v>
      </c>
      <c r="AP283">
        <f ca="1">ROUND(SQRT((VLOOKUP($A283,városok!$A$2:$C$346,2,0)-VLOOKUP(AP$1,városok!$A$2:$C$346,2,0))^2+(VLOOKUP($A283,városok!$A$2:$C$346,3,0)-VLOOKUP(AP$1,városok!$A$2:$C$346,3,0))^2)/1000,0)</f>
        <v>305</v>
      </c>
      <c r="AQ283">
        <f ca="1">ROUND(SQRT((VLOOKUP($A283,városok!$A$2:$C$346,2,0)-VLOOKUP(AQ$1,városok!$A$2:$C$346,2,0))^2+(VLOOKUP($A283,városok!$A$2:$C$346,3,0)-VLOOKUP(AQ$1,városok!$A$2:$C$346,3,0))^2)/1000,0)</f>
        <v>300</v>
      </c>
      <c r="AR283">
        <f ca="1">ROUND(SQRT((VLOOKUP($A283,városok!$A$2:$C$346,2,0)-VLOOKUP(AR$1,városok!$A$2:$C$346,2,0))^2+(VLOOKUP($A283,városok!$A$2:$C$346,3,0)-VLOOKUP(AR$1,városok!$A$2:$C$346,3,0))^2)/1000,0)</f>
        <v>201</v>
      </c>
      <c r="AS283">
        <f ca="1">ROUND(SQRT((VLOOKUP($A283,városok!$A$2:$C$346,2,0)-VLOOKUP(AS$1,városok!$A$2:$C$346,2,0))^2+(VLOOKUP($A283,városok!$A$2:$C$346,3,0)-VLOOKUP(AS$1,városok!$A$2:$C$346,3,0))^2)/1000,0)</f>
        <v>194</v>
      </c>
      <c r="AT283">
        <f ca="1">ROUND(SQRT((VLOOKUP($A283,városok!$A$2:$C$346,2,0)-VLOOKUP(AT$1,városok!$A$2:$C$346,2,0))^2+(VLOOKUP($A283,városok!$A$2:$C$346,3,0)-VLOOKUP(AT$1,városok!$A$2:$C$346,3,0))^2)/1000,0)</f>
        <v>271</v>
      </c>
      <c r="AU283">
        <f ca="1">ROUND(SQRT((VLOOKUP($A283,városok!$A$2:$C$346,2,0)-VLOOKUP(AU$1,városok!$A$2:$C$346,2,0))^2+(VLOOKUP($A283,városok!$A$2:$C$346,3,0)-VLOOKUP(AU$1,városok!$A$2:$C$346,3,0))^2)/1000,0)</f>
        <v>261</v>
      </c>
      <c r="AV283">
        <f ca="1">ROUND(SQRT((VLOOKUP($A283,városok!$A$2:$C$346,2,0)-VLOOKUP(AV$1,városok!$A$2:$C$346,2,0))^2+(VLOOKUP($A283,városok!$A$2:$C$346,3,0)-VLOOKUP(AV$1,városok!$A$2:$C$346,3,0))^2)/1000,0)</f>
        <v>263</v>
      </c>
      <c r="AW283">
        <f ca="1">ROUND(SQRT((VLOOKUP($A283,városok!$A$2:$C$346,2,0)-VLOOKUP(AW$1,városok!$A$2:$C$346,2,0))^2+(VLOOKUP($A283,városok!$A$2:$C$346,3,0)-VLOOKUP(AW$1,városok!$A$2:$C$346,3,0))^2)/1000,0)</f>
        <v>266</v>
      </c>
      <c r="AX283">
        <f ca="1">ROUND(SQRT((VLOOKUP($A283,városok!$A$2:$C$346,2,0)-VLOOKUP(AX$1,városok!$A$2:$C$346,2,0))^2+(VLOOKUP($A283,városok!$A$2:$C$346,3,0)-VLOOKUP(AX$1,városok!$A$2:$C$346,3,0))^2)/1000,0)</f>
        <v>217</v>
      </c>
      <c r="AY283">
        <f ca="1">ROUND(SQRT((VLOOKUP($A283,városok!$A$2:$C$346,2,0)-VLOOKUP(AY$1,városok!$A$2:$C$346,2,0))^2+(VLOOKUP($A283,városok!$A$2:$C$346,3,0)-VLOOKUP(AY$1,városok!$A$2:$C$346,3,0))^2)/1000,0)</f>
        <v>250</v>
      </c>
      <c r="AZ283">
        <f ca="1">ROUND(SQRT((VLOOKUP($A283,városok!$A$2:$C$346,2,0)-VLOOKUP(AZ$1,városok!$A$2:$C$346,2,0))^2+(VLOOKUP($A283,városok!$A$2:$C$346,3,0)-VLOOKUP(AZ$1,városok!$A$2:$C$346,3,0))^2)/1000,0)</f>
        <v>256</v>
      </c>
      <c r="BA283">
        <f ca="1">ROUND(SQRT((VLOOKUP($A283,városok!$A$2:$C$346,2,0)-VLOOKUP(BA$1,városok!$A$2:$C$346,2,0))^2+(VLOOKUP($A283,városok!$A$2:$C$346,3,0)-VLOOKUP(BA$1,városok!$A$2:$C$346,3,0))^2)/1000,0)</f>
        <v>374</v>
      </c>
      <c r="BB283">
        <f ca="1">ROUND(SQRT((VLOOKUP($A283,városok!$A$2:$C$346,2,0)-VLOOKUP(BB$1,városok!$A$2:$C$346,2,0))^2+(VLOOKUP($A283,városok!$A$2:$C$346,3,0)-VLOOKUP(BB$1,városok!$A$2:$C$346,3,0))^2)/1000,0)</f>
        <v>367</v>
      </c>
      <c r="BC283">
        <f ca="1">ROUND(SQRT((VLOOKUP($A283,városok!$A$2:$C$346,2,0)-VLOOKUP(BC$1,városok!$A$2:$C$346,2,0))^2+(VLOOKUP($A283,városok!$A$2:$C$346,3,0)-VLOOKUP(BC$1,városok!$A$2:$C$346,3,0))^2)/1000,0)</f>
        <v>386</v>
      </c>
      <c r="BD283">
        <f ca="1">ROUND(SQRT((VLOOKUP($A283,városok!$A$2:$C$346,2,0)-VLOOKUP(BD$1,városok!$A$2:$C$346,2,0))^2+(VLOOKUP($A283,városok!$A$2:$C$346,3,0)-VLOOKUP(BD$1,városok!$A$2:$C$346,3,0))^2)/1000,0)</f>
        <v>343</v>
      </c>
      <c r="BE283">
        <f ca="1">ROUND(SQRT((VLOOKUP($A283,városok!$A$2:$C$346,2,0)-VLOOKUP(BE$1,városok!$A$2:$C$346,2,0))^2+(VLOOKUP($A283,városok!$A$2:$C$346,3,0)-VLOOKUP(BE$1,városok!$A$2:$C$346,3,0))^2)/1000,0)</f>
        <v>22</v>
      </c>
      <c r="BF283">
        <f ca="1">ROUND(SQRT((VLOOKUP($A283,városok!$A$2:$C$346,2,0)-VLOOKUP(BF$1,városok!$A$2:$C$346,2,0))^2+(VLOOKUP($A283,városok!$A$2:$C$346,3,0)-VLOOKUP(BF$1,városok!$A$2:$C$346,3,0))^2)/1000,0)</f>
        <v>46</v>
      </c>
      <c r="BG283">
        <f ca="1">ROUND(SQRT((VLOOKUP($A283,városok!$A$2:$C$346,2,0)-VLOOKUP(BG$1,városok!$A$2:$C$346,2,0))^2+(VLOOKUP($A283,városok!$A$2:$C$346,3,0)-VLOOKUP(BG$1,városok!$A$2:$C$346,3,0))^2)/1000,0)</f>
        <v>74</v>
      </c>
      <c r="BH283">
        <f ca="1">ROUND(SQRT((VLOOKUP($A283,városok!$A$2:$C$346,2,0)-VLOOKUP(BH$1,városok!$A$2:$C$346,2,0))^2+(VLOOKUP($A283,városok!$A$2:$C$346,3,0)-VLOOKUP(BH$1,városok!$A$2:$C$346,3,0))^2)/1000,0)</f>
        <v>74</v>
      </c>
      <c r="BI283">
        <f ca="1">ROUND(SQRT((VLOOKUP($A283,városok!$A$2:$C$346,2,0)-VLOOKUP(BI$1,városok!$A$2:$C$346,2,0))^2+(VLOOKUP($A283,városok!$A$2:$C$346,3,0)-VLOOKUP(BI$1,városok!$A$2:$C$346,3,0))^2)/1000,0)</f>
        <v>329</v>
      </c>
      <c r="BJ283">
        <f ca="1">ROUND(SQRT((VLOOKUP($A283,városok!$A$2:$C$346,2,0)-VLOOKUP(BJ$1,városok!$A$2:$C$346,2,0))^2+(VLOOKUP($A283,városok!$A$2:$C$346,3,0)-VLOOKUP(BJ$1,városok!$A$2:$C$346,3,0))^2)/1000,0)</f>
        <v>346</v>
      </c>
      <c r="BK283">
        <f ca="1">ROUND(SQRT((VLOOKUP($A283,városok!$A$2:$C$346,2,0)-VLOOKUP(BK$1,városok!$A$2:$C$346,2,0))^2+(VLOOKUP($A283,városok!$A$2:$C$346,3,0)-VLOOKUP(BK$1,városok!$A$2:$C$346,3,0))^2)/1000,0)</f>
        <v>326</v>
      </c>
      <c r="BL283">
        <f ca="1">ROUND(SQRT((VLOOKUP($A283,városok!$A$2:$C$346,2,0)-VLOOKUP(BL$1,városok!$A$2:$C$346,2,0))^2+(VLOOKUP($A283,városok!$A$2:$C$346,3,0)-VLOOKUP(BL$1,városok!$A$2:$C$346,3,0))^2)/1000,0)</f>
        <v>446</v>
      </c>
      <c r="BM283">
        <f ca="1">ROUND(SQRT((VLOOKUP($A283,városok!$A$2:$C$346,2,0)-VLOOKUP(BM$1,városok!$A$2:$C$346,2,0))^2+(VLOOKUP($A283,városok!$A$2:$C$346,3,0)-VLOOKUP(BM$1,városok!$A$2:$C$346,3,0))^2)/1000,0)</f>
        <v>416</v>
      </c>
      <c r="BN283">
        <f ca="1">ROUND(SQRT((VLOOKUP($A283,városok!$A$2:$C$346,2,0)-VLOOKUP(BN$1,városok!$A$2:$C$346,2,0))^2+(VLOOKUP($A283,városok!$A$2:$C$346,3,0)-VLOOKUP(BN$1,városok!$A$2:$C$346,3,0))^2)/1000,0)</f>
        <v>439</v>
      </c>
      <c r="BO283">
        <f ca="1">ROUND(SQRT((VLOOKUP($A283,városok!$A$2:$C$346,2,0)-VLOOKUP(BO$1,városok!$A$2:$C$346,2,0))^2+(VLOOKUP($A283,városok!$A$2:$C$346,3,0)-VLOOKUP(BO$1,városok!$A$2:$C$346,3,0))^2)/1000,0)</f>
        <v>342</v>
      </c>
      <c r="BP283">
        <f ca="1">ROUND(SQRT((VLOOKUP($A283,városok!$A$2:$C$346,2,0)-VLOOKUP(BP$1,városok!$A$2:$C$346,2,0))^2+(VLOOKUP($A283,városok!$A$2:$C$346,3,0)-VLOOKUP(BP$1,városok!$A$2:$C$346,3,0))^2)/1000,0)</f>
        <v>335</v>
      </c>
      <c r="BQ283">
        <f ca="1">ROUND(SQRT((VLOOKUP($A283,városok!$A$2:$C$346,2,0)-VLOOKUP(BQ$1,városok!$A$2:$C$346,2,0))^2+(VLOOKUP($A283,városok!$A$2:$C$346,3,0)-VLOOKUP(BQ$1,városok!$A$2:$C$346,3,0))^2)/1000,0)</f>
        <v>348</v>
      </c>
      <c r="BR283">
        <f ca="1">ROUND(SQRT((VLOOKUP($A283,városok!$A$2:$C$346,2,0)-VLOOKUP(BR$1,városok!$A$2:$C$346,2,0))^2+(VLOOKUP($A283,városok!$A$2:$C$346,3,0)-VLOOKUP(BR$1,városok!$A$2:$C$346,3,0))^2)/1000,0)</f>
        <v>406</v>
      </c>
      <c r="BS283">
        <f ca="1">ROUND(SQRT((VLOOKUP($A283,városok!$A$2:$C$346,2,0)-VLOOKUP(BS$1,városok!$A$2:$C$346,2,0))^2+(VLOOKUP($A283,városok!$A$2:$C$346,3,0)-VLOOKUP(BS$1,városok!$A$2:$C$346,3,0))^2)/1000,0)</f>
        <v>438</v>
      </c>
      <c r="BT283">
        <f ca="1">ROUND(SQRT((VLOOKUP($A283,városok!$A$2:$C$346,2,0)-VLOOKUP(BT$1,városok!$A$2:$C$346,2,0))^2+(VLOOKUP($A283,városok!$A$2:$C$346,3,0)-VLOOKUP(BT$1,városok!$A$2:$C$346,3,0))^2)/1000,0)</f>
        <v>434</v>
      </c>
    </row>
    <row r="284" spans="1:72" x14ac:dyDescent="0.2">
      <c r="A284" t="str">
        <f>városok!A284</f>
        <v>Nagyhalász</v>
      </c>
      <c r="B284">
        <f ca="1">ROUND(SQRT((VLOOKUP($A284,városok!$A$2:$C$346,2,0)-VLOOKUP(B$1,városok!$A$2:$C$346,2,0))^2+(VLOOKUP($A284,városok!$A$2:$C$346,3,0)-VLOOKUP(B$1,városok!$A$2:$C$346,3,0))^2)/1000,0)</f>
        <v>303</v>
      </c>
      <c r="C284">
        <f ca="1">ROUND(SQRT((VLOOKUP($A284,városok!$A$2:$C$346,2,0)-VLOOKUP(C$1,városok!$A$2:$C$346,2,0))^2+(VLOOKUP($A284,városok!$A$2:$C$346,3,0)-VLOOKUP(C$1,városok!$A$2:$C$346,3,0))^2)/1000,0)</f>
        <v>276</v>
      </c>
      <c r="D284">
        <f ca="1">ROUND(SQRT((VLOOKUP($A284,városok!$A$2:$C$346,2,0)-VLOOKUP(D$1,városok!$A$2:$C$346,2,0))^2+(VLOOKUP($A284,városok!$A$2:$C$346,3,0)-VLOOKUP(D$1,városok!$A$2:$C$346,3,0))^2)/1000,0)</f>
        <v>207</v>
      </c>
      <c r="E284">
        <f ca="1">ROUND(SQRT((VLOOKUP($A284,városok!$A$2:$C$346,2,0)-VLOOKUP(E$1,városok!$A$2:$C$346,2,0))^2+(VLOOKUP($A284,városok!$A$2:$C$346,3,0)-VLOOKUP(E$1,városok!$A$2:$C$346,3,0))^2)/1000,0)</f>
        <v>342</v>
      </c>
      <c r="F284">
        <f ca="1">ROUND(SQRT((VLOOKUP($A284,városok!$A$2:$C$346,2,0)-VLOOKUP(F$1,városok!$A$2:$C$346,2,0))^2+(VLOOKUP($A284,városok!$A$2:$C$346,3,0)-VLOOKUP(F$1,városok!$A$2:$C$346,3,0))^2)/1000,0)</f>
        <v>333</v>
      </c>
      <c r="G284">
        <f ca="1">ROUND(SQRT((VLOOKUP($A284,városok!$A$2:$C$346,2,0)-VLOOKUP(G$1,városok!$A$2:$C$346,2,0))^2+(VLOOKUP($A284,városok!$A$2:$C$346,3,0)-VLOOKUP(G$1,városok!$A$2:$C$346,3,0))^2)/1000,0)</f>
        <v>351</v>
      </c>
      <c r="H284">
        <f ca="1">ROUND(SQRT((VLOOKUP($A284,városok!$A$2:$C$346,2,0)-VLOOKUP(H$1,városok!$A$2:$C$346,2,0))^2+(VLOOKUP($A284,városok!$A$2:$C$346,3,0)-VLOOKUP(H$1,városok!$A$2:$C$346,3,0))^2)/1000,0)</f>
        <v>380</v>
      </c>
      <c r="I284">
        <f ca="1">ROUND(SQRT((VLOOKUP($A284,városok!$A$2:$C$346,2,0)-VLOOKUP(I$1,városok!$A$2:$C$346,2,0))^2+(VLOOKUP($A284,városok!$A$2:$C$346,3,0)-VLOOKUP(I$1,városok!$A$2:$C$346,3,0))^2)/1000,0)</f>
        <v>170</v>
      </c>
      <c r="J284">
        <f ca="1">ROUND(SQRT((VLOOKUP($A284,városok!$A$2:$C$346,2,0)-VLOOKUP(J$1,városok!$A$2:$C$346,2,0))^2+(VLOOKUP($A284,városok!$A$2:$C$346,3,0)-VLOOKUP(J$1,városok!$A$2:$C$346,3,0))^2)/1000,0)</f>
        <v>170</v>
      </c>
      <c r="K284">
        <f ca="1">ROUND(SQRT((VLOOKUP($A284,városok!$A$2:$C$346,2,0)-VLOOKUP(K$1,városok!$A$2:$C$346,2,0))^2+(VLOOKUP($A284,városok!$A$2:$C$346,3,0)-VLOOKUP(K$1,városok!$A$2:$C$346,3,0))^2)/1000,0)</f>
        <v>193</v>
      </c>
      <c r="L284">
        <f ca="1">ROUND(SQRT((VLOOKUP($A284,városok!$A$2:$C$346,2,0)-VLOOKUP(L$1,városok!$A$2:$C$346,2,0))^2+(VLOOKUP($A284,városok!$A$2:$C$346,3,0)-VLOOKUP(L$1,városok!$A$2:$C$346,3,0))^2)/1000,0)</f>
        <v>84</v>
      </c>
      <c r="M284">
        <f ca="1">ROUND(SQRT((VLOOKUP($A284,városok!$A$2:$C$346,2,0)-VLOOKUP(M$1,városok!$A$2:$C$346,2,0))^2+(VLOOKUP($A284,városok!$A$2:$C$346,3,0)-VLOOKUP(M$1,városok!$A$2:$C$346,3,0))^2)/1000,0)</f>
        <v>71</v>
      </c>
      <c r="N284">
        <f ca="1">ROUND(SQRT((VLOOKUP($A284,városok!$A$2:$C$346,2,0)-VLOOKUP(N$1,városok!$A$2:$C$346,2,0))^2+(VLOOKUP($A284,városok!$A$2:$C$346,3,0)-VLOOKUP(N$1,városok!$A$2:$C$346,3,0))^2)/1000,0)</f>
        <v>109</v>
      </c>
      <c r="O284">
        <f ca="1">ROUND(SQRT((VLOOKUP($A284,városok!$A$2:$C$346,2,0)-VLOOKUP(O$1,városok!$A$2:$C$346,2,0))^2+(VLOOKUP($A284,városok!$A$2:$C$346,3,0)-VLOOKUP(O$1,városok!$A$2:$C$346,3,0))^2)/1000,0)</f>
        <v>30</v>
      </c>
      <c r="P284">
        <f ca="1">ROUND(SQRT((VLOOKUP($A284,városok!$A$2:$C$346,2,0)-VLOOKUP(P$1,városok!$A$2:$C$346,2,0))^2+(VLOOKUP($A284,városok!$A$2:$C$346,3,0)-VLOOKUP(P$1,városok!$A$2:$C$346,3,0))^2)/1000,0)</f>
        <v>30</v>
      </c>
      <c r="Q284">
        <f ca="1">ROUND(SQRT((VLOOKUP($A284,városok!$A$2:$C$346,2,0)-VLOOKUP(Q$1,városok!$A$2:$C$346,2,0))^2+(VLOOKUP($A284,városok!$A$2:$C$346,3,0)-VLOOKUP(Q$1,városok!$A$2:$C$346,3,0))^2)/1000,0)</f>
        <v>220</v>
      </c>
      <c r="R284">
        <f ca="1">ROUND(SQRT((VLOOKUP($A284,városok!$A$2:$C$346,2,0)-VLOOKUP(R$1,városok!$A$2:$C$346,2,0))^2+(VLOOKUP($A284,városok!$A$2:$C$346,3,0)-VLOOKUP(R$1,városok!$A$2:$C$346,3,0))^2)/1000,0)</f>
        <v>234</v>
      </c>
      <c r="S284">
        <f ca="1">ROUND(SQRT((VLOOKUP($A284,városok!$A$2:$C$346,2,0)-VLOOKUP(S$1,városok!$A$2:$C$346,2,0))^2+(VLOOKUP($A284,városok!$A$2:$C$346,3,0)-VLOOKUP(S$1,városok!$A$2:$C$346,3,0))^2)/1000,0)</f>
        <v>242</v>
      </c>
      <c r="T284">
        <f ca="1">ROUND(SQRT((VLOOKUP($A284,városok!$A$2:$C$346,2,0)-VLOOKUP(T$1,városok!$A$2:$C$346,2,0))^2+(VLOOKUP($A284,városok!$A$2:$C$346,3,0)-VLOOKUP(T$1,városok!$A$2:$C$346,3,0))^2)/1000,0)</f>
        <v>244</v>
      </c>
      <c r="U284">
        <f ca="1">ROUND(SQRT((VLOOKUP($A284,városok!$A$2:$C$346,2,0)-VLOOKUP(U$1,városok!$A$2:$C$346,2,0))^2+(VLOOKUP($A284,városok!$A$2:$C$346,3,0)-VLOOKUP(U$1,városok!$A$2:$C$346,3,0))^2)/1000,0)</f>
        <v>249</v>
      </c>
      <c r="V284">
        <f ca="1">ROUND(SQRT((VLOOKUP($A284,városok!$A$2:$C$346,2,0)-VLOOKUP(V$1,városok!$A$2:$C$346,2,0))^2+(VLOOKUP($A284,városok!$A$2:$C$346,3,0)-VLOOKUP(V$1,városok!$A$2:$C$346,3,0))^2)/1000,0)</f>
        <v>286</v>
      </c>
      <c r="W284">
        <f ca="1">ROUND(SQRT((VLOOKUP($A284,városok!$A$2:$C$346,2,0)-VLOOKUP(W$1,városok!$A$2:$C$346,2,0))^2+(VLOOKUP($A284,városok!$A$2:$C$346,3,0)-VLOOKUP(W$1,városok!$A$2:$C$346,3,0))^2)/1000,0)</f>
        <v>274</v>
      </c>
      <c r="X284">
        <f ca="1">ROUND(SQRT((VLOOKUP($A284,városok!$A$2:$C$346,2,0)-VLOOKUP(X$1,városok!$A$2:$C$346,2,0))^2+(VLOOKUP($A284,városok!$A$2:$C$346,3,0)-VLOOKUP(X$1,városok!$A$2:$C$346,3,0))^2)/1000,0)</f>
        <v>274</v>
      </c>
      <c r="Y284">
        <f ca="1">ROUND(SQRT((VLOOKUP($A284,városok!$A$2:$C$346,2,0)-VLOOKUP(Y$1,városok!$A$2:$C$346,2,0))^2+(VLOOKUP($A284,városok!$A$2:$C$346,3,0)-VLOOKUP(Y$1,városok!$A$2:$C$346,3,0))^2)/1000,0)</f>
        <v>312</v>
      </c>
      <c r="Z284">
        <f ca="1">ROUND(SQRT((VLOOKUP($A284,városok!$A$2:$C$346,2,0)-VLOOKUP(Z$1,városok!$A$2:$C$346,2,0))^2+(VLOOKUP($A284,városok!$A$2:$C$346,3,0)-VLOOKUP(Z$1,városok!$A$2:$C$346,3,0))^2)/1000,0)</f>
        <v>329</v>
      </c>
      <c r="AA284">
        <f ca="1">ROUND(SQRT((VLOOKUP($A284,városok!$A$2:$C$346,2,0)-VLOOKUP(AA$1,városok!$A$2:$C$346,2,0))^2+(VLOOKUP($A284,városok!$A$2:$C$346,3,0)-VLOOKUP(AA$1,városok!$A$2:$C$346,3,0))^2)/1000,0)</f>
        <v>389</v>
      </c>
      <c r="AB284">
        <f ca="1">ROUND(SQRT((VLOOKUP($A284,városok!$A$2:$C$346,2,0)-VLOOKUP(AB$1,városok!$A$2:$C$346,2,0))^2+(VLOOKUP($A284,városok!$A$2:$C$346,3,0)-VLOOKUP(AB$1,városok!$A$2:$C$346,3,0))^2)/1000,0)</f>
        <v>68</v>
      </c>
      <c r="AC284">
        <f ca="1">ROUND(SQRT((VLOOKUP($A284,városok!$A$2:$C$346,2,0)-VLOOKUP(AC$1,városok!$A$2:$C$346,2,0))^2+(VLOOKUP($A284,városok!$A$2:$C$346,3,0)-VLOOKUP(AC$1,városok!$A$2:$C$346,3,0))^2)/1000,0)</f>
        <v>82</v>
      </c>
      <c r="AD284">
        <f ca="1">ROUND(SQRT((VLOOKUP($A284,városok!$A$2:$C$346,2,0)-VLOOKUP(AD$1,városok!$A$2:$C$346,2,0))^2+(VLOOKUP($A284,városok!$A$2:$C$346,3,0)-VLOOKUP(AD$1,városok!$A$2:$C$346,3,0))^2)/1000,0)</f>
        <v>91</v>
      </c>
      <c r="AE284">
        <f ca="1">ROUND(SQRT((VLOOKUP($A284,városok!$A$2:$C$346,2,0)-VLOOKUP(AE$1,városok!$A$2:$C$346,2,0))^2+(VLOOKUP($A284,városok!$A$2:$C$346,3,0)-VLOOKUP(AE$1,városok!$A$2:$C$346,3,0))^2)/1000,0)</f>
        <v>105</v>
      </c>
      <c r="AF284">
        <f ca="1">ROUND(SQRT((VLOOKUP($A284,városok!$A$2:$C$346,2,0)-VLOOKUP(AF$1,városok!$A$2:$C$346,2,0))^2+(VLOOKUP($A284,városok!$A$2:$C$346,3,0)-VLOOKUP(AF$1,városok!$A$2:$C$346,3,0))^2)/1000,0)</f>
        <v>106</v>
      </c>
      <c r="AG284">
        <f ca="1">ROUND(SQRT((VLOOKUP($A284,városok!$A$2:$C$346,2,0)-VLOOKUP(AG$1,városok!$A$2:$C$346,2,0))^2+(VLOOKUP($A284,városok!$A$2:$C$346,3,0)-VLOOKUP(AG$1,városok!$A$2:$C$346,3,0))^2)/1000,0)</f>
        <v>142</v>
      </c>
      <c r="AH284">
        <f ca="1">ROUND(SQRT((VLOOKUP($A284,városok!$A$2:$C$346,2,0)-VLOOKUP(AH$1,városok!$A$2:$C$346,2,0))^2+(VLOOKUP($A284,városok!$A$2:$C$346,3,0)-VLOOKUP(AH$1,városok!$A$2:$C$346,3,0))^2)/1000,0)</f>
        <v>164</v>
      </c>
      <c r="AI284">
        <f ca="1">ROUND(SQRT((VLOOKUP($A284,városok!$A$2:$C$346,2,0)-VLOOKUP(AI$1,városok!$A$2:$C$346,2,0))^2+(VLOOKUP($A284,városok!$A$2:$C$346,3,0)-VLOOKUP(AI$1,városok!$A$2:$C$346,3,0))^2)/1000,0)</f>
        <v>124</v>
      </c>
      <c r="AJ284">
        <f ca="1">ROUND(SQRT((VLOOKUP($A284,városok!$A$2:$C$346,2,0)-VLOOKUP(AJ$1,városok!$A$2:$C$346,2,0))^2+(VLOOKUP($A284,városok!$A$2:$C$346,3,0)-VLOOKUP(AJ$1,városok!$A$2:$C$346,3,0))^2)/1000,0)</f>
        <v>144</v>
      </c>
      <c r="AK284">
        <f ca="1">ROUND(SQRT((VLOOKUP($A284,városok!$A$2:$C$346,2,0)-VLOOKUP(AK$1,városok!$A$2:$C$346,2,0))^2+(VLOOKUP($A284,városok!$A$2:$C$346,3,0)-VLOOKUP(AK$1,városok!$A$2:$C$346,3,0))^2)/1000,0)</f>
        <v>112</v>
      </c>
      <c r="AL284">
        <f ca="1">ROUND(SQRT((VLOOKUP($A284,városok!$A$2:$C$346,2,0)-VLOOKUP(AL$1,városok!$A$2:$C$346,2,0))^2+(VLOOKUP($A284,városok!$A$2:$C$346,3,0)-VLOOKUP(AL$1,városok!$A$2:$C$346,3,0))^2)/1000,0)</f>
        <v>120</v>
      </c>
      <c r="AM284">
        <f ca="1">ROUND(SQRT((VLOOKUP($A284,városok!$A$2:$C$346,2,0)-VLOOKUP(AM$1,városok!$A$2:$C$346,2,0))^2+(VLOOKUP($A284,városok!$A$2:$C$346,3,0)-VLOOKUP(AM$1,városok!$A$2:$C$346,3,0))^2)/1000,0)</f>
        <v>159</v>
      </c>
      <c r="AN284">
        <f ca="1">ROUND(SQRT((VLOOKUP($A284,városok!$A$2:$C$346,2,0)-VLOOKUP(AN$1,városok!$A$2:$C$346,2,0))^2+(VLOOKUP($A284,városok!$A$2:$C$346,3,0)-VLOOKUP(AN$1,városok!$A$2:$C$346,3,0))^2)/1000,0)</f>
        <v>228</v>
      </c>
      <c r="AO284">
        <f ca="1">ROUND(SQRT((VLOOKUP($A284,városok!$A$2:$C$346,2,0)-VLOOKUP(AO$1,városok!$A$2:$C$346,2,0))^2+(VLOOKUP($A284,városok!$A$2:$C$346,3,0)-VLOOKUP(AO$1,városok!$A$2:$C$346,3,0))^2)/1000,0)</f>
        <v>275</v>
      </c>
      <c r="AP284">
        <f ca="1">ROUND(SQRT((VLOOKUP($A284,városok!$A$2:$C$346,2,0)-VLOOKUP(AP$1,városok!$A$2:$C$346,2,0))^2+(VLOOKUP($A284,városok!$A$2:$C$346,3,0)-VLOOKUP(AP$1,városok!$A$2:$C$346,3,0))^2)/1000,0)</f>
        <v>261</v>
      </c>
      <c r="AQ284">
        <f ca="1">ROUND(SQRT((VLOOKUP($A284,városok!$A$2:$C$346,2,0)-VLOOKUP(AQ$1,városok!$A$2:$C$346,2,0))^2+(VLOOKUP($A284,városok!$A$2:$C$346,3,0)-VLOOKUP(AQ$1,városok!$A$2:$C$346,3,0))^2)/1000,0)</f>
        <v>258</v>
      </c>
      <c r="AR284">
        <f ca="1">ROUND(SQRT((VLOOKUP($A284,városok!$A$2:$C$346,2,0)-VLOOKUP(AR$1,városok!$A$2:$C$346,2,0))^2+(VLOOKUP($A284,városok!$A$2:$C$346,3,0)-VLOOKUP(AR$1,városok!$A$2:$C$346,3,0))^2)/1000,0)</f>
        <v>155</v>
      </c>
      <c r="AS284">
        <f ca="1">ROUND(SQRT((VLOOKUP($A284,városok!$A$2:$C$346,2,0)-VLOOKUP(AS$1,városok!$A$2:$C$346,2,0))^2+(VLOOKUP($A284,városok!$A$2:$C$346,3,0)-VLOOKUP(AS$1,városok!$A$2:$C$346,3,0))^2)/1000,0)</f>
        <v>144</v>
      </c>
      <c r="AT284">
        <f ca="1">ROUND(SQRT((VLOOKUP($A284,városok!$A$2:$C$346,2,0)-VLOOKUP(AT$1,városok!$A$2:$C$346,2,0))^2+(VLOOKUP($A284,városok!$A$2:$C$346,3,0)-VLOOKUP(AT$1,városok!$A$2:$C$346,3,0))^2)/1000,0)</f>
        <v>232</v>
      </c>
      <c r="AU284">
        <f ca="1">ROUND(SQRT((VLOOKUP($A284,városok!$A$2:$C$346,2,0)-VLOOKUP(AU$1,városok!$A$2:$C$346,2,0))^2+(VLOOKUP($A284,városok!$A$2:$C$346,3,0)-VLOOKUP(AU$1,városok!$A$2:$C$346,3,0))^2)/1000,0)</f>
        <v>222</v>
      </c>
      <c r="AV284">
        <f ca="1">ROUND(SQRT((VLOOKUP($A284,városok!$A$2:$C$346,2,0)-VLOOKUP(AV$1,városok!$A$2:$C$346,2,0))^2+(VLOOKUP($A284,városok!$A$2:$C$346,3,0)-VLOOKUP(AV$1,városok!$A$2:$C$346,3,0))^2)/1000,0)</f>
        <v>225</v>
      </c>
      <c r="AW284">
        <f ca="1">ROUND(SQRT((VLOOKUP($A284,városok!$A$2:$C$346,2,0)-VLOOKUP(AW$1,városok!$A$2:$C$346,2,0))^2+(VLOOKUP($A284,városok!$A$2:$C$346,3,0)-VLOOKUP(AW$1,városok!$A$2:$C$346,3,0))^2)/1000,0)</f>
        <v>228</v>
      </c>
      <c r="AX284">
        <f ca="1">ROUND(SQRT((VLOOKUP($A284,városok!$A$2:$C$346,2,0)-VLOOKUP(AX$1,városok!$A$2:$C$346,2,0))^2+(VLOOKUP($A284,városok!$A$2:$C$346,3,0)-VLOOKUP(AX$1,városok!$A$2:$C$346,3,0))^2)/1000,0)</f>
        <v>193</v>
      </c>
      <c r="AY284">
        <f ca="1">ROUND(SQRT((VLOOKUP($A284,városok!$A$2:$C$346,2,0)-VLOOKUP(AY$1,városok!$A$2:$C$346,2,0))^2+(VLOOKUP($A284,városok!$A$2:$C$346,3,0)-VLOOKUP(AY$1,városok!$A$2:$C$346,3,0))^2)/1000,0)</f>
        <v>207</v>
      </c>
      <c r="AZ284">
        <f ca="1">ROUND(SQRT((VLOOKUP($A284,városok!$A$2:$C$346,2,0)-VLOOKUP(AZ$1,városok!$A$2:$C$346,2,0))^2+(VLOOKUP($A284,városok!$A$2:$C$346,3,0)-VLOOKUP(AZ$1,városok!$A$2:$C$346,3,0))^2)/1000,0)</f>
        <v>211</v>
      </c>
      <c r="BA284">
        <f ca="1">ROUND(SQRT((VLOOKUP($A284,városok!$A$2:$C$346,2,0)-VLOOKUP(BA$1,városok!$A$2:$C$346,2,0))^2+(VLOOKUP($A284,városok!$A$2:$C$346,3,0)-VLOOKUP(BA$1,városok!$A$2:$C$346,3,0))^2)/1000,0)</f>
        <v>340</v>
      </c>
      <c r="BB284">
        <f ca="1">ROUND(SQRT((VLOOKUP($A284,városok!$A$2:$C$346,2,0)-VLOOKUP(BB$1,városok!$A$2:$C$346,2,0))^2+(VLOOKUP($A284,városok!$A$2:$C$346,3,0)-VLOOKUP(BB$1,városok!$A$2:$C$346,3,0))^2)/1000,0)</f>
        <v>338</v>
      </c>
      <c r="BC284">
        <f ca="1">ROUND(SQRT((VLOOKUP($A284,városok!$A$2:$C$346,2,0)-VLOOKUP(BC$1,városok!$A$2:$C$346,2,0))^2+(VLOOKUP($A284,városok!$A$2:$C$346,3,0)-VLOOKUP(BC$1,városok!$A$2:$C$346,3,0))^2)/1000,0)</f>
        <v>359</v>
      </c>
      <c r="BD284">
        <f ca="1">ROUND(SQRT((VLOOKUP($A284,városok!$A$2:$C$346,2,0)-VLOOKUP(BD$1,városok!$A$2:$C$346,2,0))^2+(VLOOKUP($A284,városok!$A$2:$C$346,3,0)-VLOOKUP(BD$1,városok!$A$2:$C$346,3,0))^2)/1000,0)</f>
        <v>309</v>
      </c>
      <c r="BE284">
        <f ca="1">ROUND(SQRT((VLOOKUP($A284,városok!$A$2:$C$346,2,0)-VLOOKUP(BE$1,városok!$A$2:$C$346,2,0))^2+(VLOOKUP($A284,városok!$A$2:$C$346,3,0)-VLOOKUP(BE$1,városok!$A$2:$C$346,3,0))^2)/1000,0)</f>
        <v>76</v>
      </c>
      <c r="BF284">
        <f ca="1">ROUND(SQRT((VLOOKUP($A284,városok!$A$2:$C$346,2,0)-VLOOKUP(BF$1,városok!$A$2:$C$346,2,0))^2+(VLOOKUP($A284,városok!$A$2:$C$346,3,0)-VLOOKUP(BF$1,városok!$A$2:$C$346,3,0))^2)/1000,0)</f>
        <v>26</v>
      </c>
      <c r="BG284">
        <f ca="1">ROUND(SQRT((VLOOKUP($A284,városok!$A$2:$C$346,2,0)-VLOOKUP(BG$1,városok!$A$2:$C$346,2,0))^2+(VLOOKUP($A284,városok!$A$2:$C$346,3,0)-VLOOKUP(BG$1,városok!$A$2:$C$346,3,0))^2)/1000,0)</f>
        <v>21</v>
      </c>
      <c r="BH284">
        <f ca="1">ROUND(SQRT((VLOOKUP($A284,városok!$A$2:$C$346,2,0)-VLOOKUP(BH$1,városok!$A$2:$C$346,2,0))^2+(VLOOKUP($A284,városok!$A$2:$C$346,3,0)-VLOOKUP(BH$1,városok!$A$2:$C$346,3,0))^2)/1000,0)</f>
        <v>21</v>
      </c>
      <c r="BI284">
        <f ca="1">ROUND(SQRT((VLOOKUP($A284,városok!$A$2:$C$346,2,0)-VLOOKUP(BI$1,városok!$A$2:$C$346,2,0))^2+(VLOOKUP($A284,városok!$A$2:$C$346,3,0)-VLOOKUP(BI$1,városok!$A$2:$C$346,3,0))^2)/1000,0)</f>
        <v>306</v>
      </c>
      <c r="BJ284">
        <f ca="1">ROUND(SQRT((VLOOKUP($A284,városok!$A$2:$C$346,2,0)-VLOOKUP(BJ$1,városok!$A$2:$C$346,2,0))^2+(VLOOKUP($A284,városok!$A$2:$C$346,3,0)-VLOOKUP(BJ$1,városok!$A$2:$C$346,3,0))^2)/1000,0)</f>
        <v>323</v>
      </c>
      <c r="BK284">
        <f ca="1">ROUND(SQRT((VLOOKUP($A284,városok!$A$2:$C$346,2,0)-VLOOKUP(BK$1,városok!$A$2:$C$346,2,0))^2+(VLOOKUP($A284,városok!$A$2:$C$346,3,0)-VLOOKUP(BK$1,városok!$A$2:$C$346,3,0))^2)/1000,0)</f>
        <v>304</v>
      </c>
      <c r="BL284">
        <f ca="1">ROUND(SQRT((VLOOKUP($A284,városok!$A$2:$C$346,2,0)-VLOOKUP(BL$1,városok!$A$2:$C$346,2,0))^2+(VLOOKUP($A284,városok!$A$2:$C$346,3,0)-VLOOKUP(BL$1,városok!$A$2:$C$346,3,0))^2)/1000,0)</f>
        <v>407</v>
      </c>
      <c r="BM284">
        <f ca="1">ROUND(SQRT((VLOOKUP($A284,városok!$A$2:$C$346,2,0)-VLOOKUP(BM$1,városok!$A$2:$C$346,2,0))^2+(VLOOKUP($A284,városok!$A$2:$C$346,3,0)-VLOOKUP(BM$1,városok!$A$2:$C$346,3,0))^2)/1000,0)</f>
        <v>375</v>
      </c>
      <c r="BN284">
        <f ca="1">ROUND(SQRT((VLOOKUP($A284,városok!$A$2:$C$346,2,0)-VLOOKUP(BN$1,városok!$A$2:$C$346,2,0))^2+(VLOOKUP($A284,városok!$A$2:$C$346,3,0)-VLOOKUP(BN$1,városok!$A$2:$C$346,3,0))^2)/1000,0)</f>
        <v>398</v>
      </c>
      <c r="BO284">
        <f ca="1">ROUND(SQRT((VLOOKUP($A284,városok!$A$2:$C$346,2,0)-VLOOKUP(BO$1,városok!$A$2:$C$346,2,0))^2+(VLOOKUP($A284,városok!$A$2:$C$346,3,0)-VLOOKUP(BO$1,városok!$A$2:$C$346,3,0))^2)/1000,0)</f>
        <v>307</v>
      </c>
      <c r="BP284">
        <f ca="1">ROUND(SQRT((VLOOKUP($A284,városok!$A$2:$C$346,2,0)-VLOOKUP(BP$1,városok!$A$2:$C$346,2,0))^2+(VLOOKUP($A284,városok!$A$2:$C$346,3,0)-VLOOKUP(BP$1,városok!$A$2:$C$346,3,0))^2)/1000,0)</f>
        <v>300</v>
      </c>
      <c r="BQ284">
        <f ca="1">ROUND(SQRT((VLOOKUP($A284,városok!$A$2:$C$346,2,0)-VLOOKUP(BQ$1,városok!$A$2:$C$346,2,0))^2+(VLOOKUP($A284,városok!$A$2:$C$346,3,0)-VLOOKUP(BQ$1,városok!$A$2:$C$346,3,0))^2)/1000,0)</f>
        <v>311</v>
      </c>
      <c r="BR284">
        <f ca="1">ROUND(SQRT((VLOOKUP($A284,városok!$A$2:$C$346,2,0)-VLOOKUP(BR$1,városok!$A$2:$C$346,2,0))^2+(VLOOKUP($A284,városok!$A$2:$C$346,3,0)-VLOOKUP(BR$1,városok!$A$2:$C$346,3,0))^2)/1000,0)</f>
        <v>371</v>
      </c>
      <c r="BS284">
        <f ca="1">ROUND(SQRT((VLOOKUP($A284,városok!$A$2:$C$346,2,0)-VLOOKUP(BS$1,városok!$A$2:$C$346,2,0))^2+(VLOOKUP($A284,városok!$A$2:$C$346,3,0)-VLOOKUP(BS$1,városok!$A$2:$C$346,3,0))^2)/1000,0)</f>
        <v>406</v>
      </c>
      <c r="BT284">
        <f ca="1">ROUND(SQRT((VLOOKUP($A284,városok!$A$2:$C$346,2,0)-VLOOKUP(BT$1,városok!$A$2:$C$346,2,0))^2+(VLOOKUP($A284,városok!$A$2:$C$346,3,0)-VLOOKUP(BT$1,városok!$A$2:$C$346,3,0))^2)/1000,0)</f>
        <v>397</v>
      </c>
    </row>
    <row r="285" spans="1:72" x14ac:dyDescent="0.2">
      <c r="A285" t="str">
        <f>városok!A285</f>
        <v>Nagykálló</v>
      </c>
      <c r="B285">
        <f ca="1">ROUND(SQRT((VLOOKUP($A285,városok!$A$2:$C$346,2,0)-VLOOKUP(B$1,városok!$A$2:$C$346,2,0))^2+(VLOOKUP($A285,városok!$A$2:$C$346,3,0)-VLOOKUP(B$1,városok!$A$2:$C$346,3,0))^2)/1000,0)</f>
        <v>273</v>
      </c>
      <c r="C285">
        <f ca="1">ROUND(SQRT((VLOOKUP($A285,városok!$A$2:$C$346,2,0)-VLOOKUP(C$1,városok!$A$2:$C$346,2,0))^2+(VLOOKUP($A285,városok!$A$2:$C$346,3,0)-VLOOKUP(C$1,városok!$A$2:$C$346,3,0))^2)/1000,0)</f>
        <v>249</v>
      </c>
      <c r="D285">
        <f ca="1">ROUND(SQRT((VLOOKUP($A285,városok!$A$2:$C$346,2,0)-VLOOKUP(D$1,városok!$A$2:$C$346,2,0))^2+(VLOOKUP($A285,városok!$A$2:$C$346,3,0)-VLOOKUP(D$1,városok!$A$2:$C$346,3,0))^2)/1000,0)</f>
        <v>180</v>
      </c>
      <c r="E285">
        <f ca="1">ROUND(SQRT((VLOOKUP($A285,városok!$A$2:$C$346,2,0)-VLOOKUP(E$1,városok!$A$2:$C$346,2,0))^2+(VLOOKUP($A285,városok!$A$2:$C$346,3,0)-VLOOKUP(E$1,városok!$A$2:$C$346,3,0))^2)/1000,0)</f>
        <v>316</v>
      </c>
      <c r="F285">
        <f ca="1">ROUND(SQRT((VLOOKUP($A285,városok!$A$2:$C$346,2,0)-VLOOKUP(F$1,városok!$A$2:$C$346,2,0))^2+(VLOOKUP($A285,városok!$A$2:$C$346,3,0)-VLOOKUP(F$1,városok!$A$2:$C$346,3,0))^2)/1000,0)</f>
        <v>303</v>
      </c>
      <c r="G285">
        <f ca="1">ROUND(SQRT((VLOOKUP($A285,városok!$A$2:$C$346,2,0)-VLOOKUP(G$1,városok!$A$2:$C$346,2,0))^2+(VLOOKUP($A285,városok!$A$2:$C$346,3,0)-VLOOKUP(G$1,városok!$A$2:$C$346,3,0))^2)/1000,0)</f>
        <v>324</v>
      </c>
      <c r="H285">
        <f ca="1">ROUND(SQRT((VLOOKUP($A285,városok!$A$2:$C$346,2,0)-VLOOKUP(H$1,városok!$A$2:$C$346,2,0))^2+(VLOOKUP($A285,városok!$A$2:$C$346,3,0)-VLOOKUP(H$1,városok!$A$2:$C$346,3,0))^2)/1000,0)</f>
        <v>354</v>
      </c>
      <c r="I285">
        <f ca="1">ROUND(SQRT((VLOOKUP($A285,városok!$A$2:$C$346,2,0)-VLOOKUP(I$1,városok!$A$2:$C$346,2,0))^2+(VLOOKUP($A285,városok!$A$2:$C$346,3,0)-VLOOKUP(I$1,városok!$A$2:$C$346,3,0))^2)/1000,0)</f>
        <v>126</v>
      </c>
      <c r="J285">
        <f ca="1">ROUND(SQRT((VLOOKUP($A285,városok!$A$2:$C$346,2,0)-VLOOKUP(J$1,városok!$A$2:$C$346,2,0))^2+(VLOOKUP($A285,városok!$A$2:$C$346,3,0)-VLOOKUP(J$1,városok!$A$2:$C$346,3,0))^2)/1000,0)</f>
        <v>124</v>
      </c>
      <c r="K285">
        <f ca="1">ROUND(SQRT((VLOOKUP($A285,városok!$A$2:$C$346,2,0)-VLOOKUP(K$1,városok!$A$2:$C$346,2,0))^2+(VLOOKUP($A285,városok!$A$2:$C$346,3,0)-VLOOKUP(K$1,városok!$A$2:$C$346,3,0))^2)/1000,0)</f>
        <v>152</v>
      </c>
      <c r="L285">
        <f ca="1">ROUND(SQRT((VLOOKUP($A285,városok!$A$2:$C$346,2,0)-VLOOKUP(L$1,városok!$A$2:$C$346,2,0))^2+(VLOOKUP($A285,városok!$A$2:$C$346,3,0)-VLOOKUP(L$1,városok!$A$2:$C$346,3,0))^2)/1000,0)</f>
        <v>104</v>
      </c>
      <c r="M285">
        <f ca="1">ROUND(SQRT((VLOOKUP($A285,városok!$A$2:$C$346,2,0)-VLOOKUP(M$1,városok!$A$2:$C$346,2,0))^2+(VLOOKUP($A285,városok!$A$2:$C$346,3,0)-VLOOKUP(M$1,városok!$A$2:$C$346,3,0))^2)/1000,0)</f>
        <v>84</v>
      </c>
      <c r="N285">
        <f ca="1">ROUND(SQRT((VLOOKUP($A285,városok!$A$2:$C$346,2,0)-VLOOKUP(N$1,városok!$A$2:$C$346,2,0))^2+(VLOOKUP($A285,városok!$A$2:$C$346,3,0)-VLOOKUP(N$1,városok!$A$2:$C$346,3,0))^2)/1000,0)</f>
        <v>124</v>
      </c>
      <c r="O285">
        <f ca="1">ROUND(SQRT((VLOOKUP($A285,városok!$A$2:$C$346,2,0)-VLOOKUP(O$1,városok!$A$2:$C$346,2,0))^2+(VLOOKUP($A285,városok!$A$2:$C$346,3,0)-VLOOKUP(O$1,városok!$A$2:$C$346,3,0))^2)/1000,0)</f>
        <v>77</v>
      </c>
      <c r="P285">
        <f ca="1">ROUND(SQRT((VLOOKUP($A285,városok!$A$2:$C$346,2,0)-VLOOKUP(P$1,városok!$A$2:$C$346,2,0))^2+(VLOOKUP($A285,városok!$A$2:$C$346,3,0)-VLOOKUP(P$1,városok!$A$2:$C$346,3,0))^2)/1000,0)</f>
        <v>77</v>
      </c>
      <c r="Q285">
        <f ca="1">ROUND(SQRT((VLOOKUP($A285,városok!$A$2:$C$346,2,0)-VLOOKUP(Q$1,városok!$A$2:$C$346,2,0))^2+(VLOOKUP($A285,városok!$A$2:$C$346,3,0)-VLOOKUP(Q$1,városok!$A$2:$C$346,3,0))^2)/1000,0)</f>
        <v>181</v>
      </c>
      <c r="R285">
        <f ca="1">ROUND(SQRT((VLOOKUP($A285,városok!$A$2:$C$346,2,0)-VLOOKUP(R$1,városok!$A$2:$C$346,2,0))^2+(VLOOKUP($A285,városok!$A$2:$C$346,3,0)-VLOOKUP(R$1,városok!$A$2:$C$346,3,0))^2)/1000,0)</f>
        <v>193</v>
      </c>
      <c r="S285">
        <f ca="1">ROUND(SQRT((VLOOKUP($A285,városok!$A$2:$C$346,2,0)-VLOOKUP(S$1,városok!$A$2:$C$346,2,0))^2+(VLOOKUP($A285,városok!$A$2:$C$346,3,0)-VLOOKUP(S$1,városok!$A$2:$C$346,3,0))^2)/1000,0)</f>
        <v>203</v>
      </c>
      <c r="T285">
        <f ca="1">ROUND(SQRT((VLOOKUP($A285,városok!$A$2:$C$346,2,0)-VLOOKUP(T$1,városok!$A$2:$C$346,2,0))^2+(VLOOKUP($A285,városok!$A$2:$C$346,3,0)-VLOOKUP(T$1,városok!$A$2:$C$346,3,0))^2)/1000,0)</f>
        <v>237</v>
      </c>
      <c r="U285">
        <f ca="1">ROUND(SQRT((VLOOKUP($A285,városok!$A$2:$C$346,2,0)-VLOOKUP(U$1,városok!$A$2:$C$346,2,0))^2+(VLOOKUP($A285,városok!$A$2:$C$346,3,0)-VLOOKUP(U$1,városok!$A$2:$C$346,3,0))^2)/1000,0)</f>
        <v>229</v>
      </c>
      <c r="V285">
        <f ca="1">ROUND(SQRT((VLOOKUP($A285,városok!$A$2:$C$346,2,0)-VLOOKUP(V$1,városok!$A$2:$C$346,2,0))^2+(VLOOKUP($A285,városok!$A$2:$C$346,3,0)-VLOOKUP(V$1,városok!$A$2:$C$346,3,0))^2)/1000,0)</f>
        <v>271</v>
      </c>
      <c r="W285">
        <f ca="1">ROUND(SQRT((VLOOKUP($A285,városok!$A$2:$C$346,2,0)-VLOOKUP(W$1,városok!$A$2:$C$346,2,0))^2+(VLOOKUP($A285,városok!$A$2:$C$346,3,0)-VLOOKUP(W$1,városok!$A$2:$C$346,3,0))^2)/1000,0)</f>
        <v>255</v>
      </c>
      <c r="X285">
        <f ca="1">ROUND(SQRT((VLOOKUP($A285,városok!$A$2:$C$346,2,0)-VLOOKUP(X$1,városok!$A$2:$C$346,2,0))^2+(VLOOKUP($A285,városok!$A$2:$C$346,3,0)-VLOOKUP(X$1,városok!$A$2:$C$346,3,0))^2)/1000,0)</f>
        <v>263</v>
      </c>
      <c r="Y285">
        <f ca="1">ROUND(SQRT((VLOOKUP($A285,városok!$A$2:$C$346,2,0)-VLOOKUP(Y$1,városok!$A$2:$C$346,2,0))^2+(VLOOKUP($A285,városok!$A$2:$C$346,3,0)-VLOOKUP(Y$1,városok!$A$2:$C$346,3,0))^2)/1000,0)</f>
        <v>310</v>
      </c>
      <c r="Z285">
        <f ca="1">ROUND(SQRT((VLOOKUP($A285,városok!$A$2:$C$346,2,0)-VLOOKUP(Z$1,városok!$A$2:$C$346,2,0))^2+(VLOOKUP($A285,városok!$A$2:$C$346,3,0)-VLOOKUP(Z$1,városok!$A$2:$C$346,3,0))^2)/1000,0)</f>
        <v>328</v>
      </c>
      <c r="AA285">
        <f ca="1">ROUND(SQRT((VLOOKUP($A285,városok!$A$2:$C$346,2,0)-VLOOKUP(AA$1,városok!$A$2:$C$346,2,0))^2+(VLOOKUP($A285,városok!$A$2:$C$346,3,0)-VLOOKUP(AA$1,városok!$A$2:$C$346,3,0))^2)/1000,0)</f>
        <v>389</v>
      </c>
      <c r="AB285">
        <f ca="1">ROUND(SQRT((VLOOKUP($A285,városok!$A$2:$C$346,2,0)-VLOOKUP(AB$1,városok!$A$2:$C$346,2,0))^2+(VLOOKUP($A285,városok!$A$2:$C$346,3,0)-VLOOKUP(AB$1,városok!$A$2:$C$346,3,0))^2)/1000,0)</f>
        <v>23</v>
      </c>
      <c r="AC285">
        <f ca="1">ROUND(SQRT((VLOOKUP($A285,városok!$A$2:$C$346,2,0)-VLOOKUP(AC$1,városok!$A$2:$C$346,2,0))^2+(VLOOKUP($A285,városok!$A$2:$C$346,3,0)-VLOOKUP(AC$1,városok!$A$2:$C$346,3,0))^2)/1000,0)</f>
        <v>41</v>
      </c>
      <c r="AD285">
        <f ca="1">ROUND(SQRT((VLOOKUP($A285,városok!$A$2:$C$346,2,0)-VLOOKUP(AD$1,városok!$A$2:$C$346,2,0))^2+(VLOOKUP($A285,városok!$A$2:$C$346,3,0)-VLOOKUP(AD$1,városok!$A$2:$C$346,3,0))^2)/1000,0)</f>
        <v>55</v>
      </c>
      <c r="AE285">
        <f ca="1">ROUND(SQRT((VLOOKUP($A285,városok!$A$2:$C$346,2,0)-VLOOKUP(AE$1,városok!$A$2:$C$346,2,0))^2+(VLOOKUP($A285,városok!$A$2:$C$346,3,0)-VLOOKUP(AE$1,városok!$A$2:$C$346,3,0))^2)/1000,0)</f>
        <v>65</v>
      </c>
      <c r="AF285">
        <f ca="1">ROUND(SQRT((VLOOKUP($A285,városok!$A$2:$C$346,2,0)-VLOOKUP(AF$1,városok!$A$2:$C$346,2,0))^2+(VLOOKUP($A285,városok!$A$2:$C$346,3,0)-VLOOKUP(AF$1,városok!$A$2:$C$346,3,0))^2)/1000,0)</f>
        <v>106</v>
      </c>
      <c r="AG285">
        <f ca="1">ROUND(SQRT((VLOOKUP($A285,városok!$A$2:$C$346,2,0)-VLOOKUP(AG$1,városok!$A$2:$C$346,2,0))^2+(VLOOKUP($A285,városok!$A$2:$C$346,3,0)-VLOOKUP(AG$1,városok!$A$2:$C$346,3,0))^2)/1000,0)</f>
        <v>138</v>
      </c>
      <c r="AH285">
        <f ca="1">ROUND(SQRT((VLOOKUP($A285,városok!$A$2:$C$346,2,0)-VLOOKUP(AH$1,városok!$A$2:$C$346,2,0))^2+(VLOOKUP($A285,városok!$A$2:$C$346,3,0)-VLOOKUP(AH$1,városok!$A$2:$C$346,3,0))^2)/1000,0)</f>
        <v>157</v>
      </c>
      <c r="AI285">
        <f ca="1">ROUND(SQRT((VLOOKUP($A285,városok!$A$2:$C$346,2,0)-VLOOKUP(AI$1,városok!$A$2:$C$346,2,0))^2+(VLOOKUP($A285,városok!$A$2:$C$346,3,0)-VLOOKUP(AI$1,városok!$A$2:$C$346,3,0))^2)/1000,0)</f>
        <v>129</v>
      </c>
      <c r="AJ285">
        <f ca="1">ROUND(SQRT((VLOOKUP($A285,városok!$A$2:$C$346,2,0)-VLOOKUP(AJ$1,városok!$A$2:$C$346,2,0))^2+(VLOOKUP($A285,városok!$A$2:$C$346,3,0)-VLOOKUP(AJ$1,városok!$A$2:$C$346,3,0))^2)/1000,0)</f>
        <v>134</v>
      </c>
      <c r="AK285">
        <f ca="1">ROUND(SQRT((VLOOKUP($A285,városok!$A$2:$C$346,2,0)-VLOOKUP(AK$1,városok!$A$2:$C$346,2,0))^2+(VLOOKUP($A285,városok!$A$2:$C$346,3,0)-VLOOKUP(AK$1,városok!$A$2:$C$346,3,0))^2)/1000,0)</f>
        <v>76</v>
      </c>
      <c r="AL285">
        <f ca="1">ROUND(SQRT((VLOOKUP($A285,városok!$A$2:$C$346,2,0)-VLOOKUP(AL$1,városok!$A$2:$C$346,2,0))^2+(VLOOKUP($A285,városok!$A$2:$C$346,3,0)-VLOOKUP(AL$1,városok!$A$2:$C$346,3,0))^2)/1000,0)</f>
        <v>94</v>
      </c>
      <c r="AM285">
        <f ca="1">ROUND(SQRT((VLOOKUP($A285,városok!$A$2:$C$346,2,0)-VLOOKUP(AM$1,városok!$A$2:$C$346,2,0))^2+(VLOOKUP($A285,városok!$A$2:$C$346,3,0)-VLOOKUP(AM$1,városok!$A$2:$C$346,3,0))^2)/1000,0)</f>
        <v>133</v>
      </c>
      <c r="AN285">
        <f ca="1">ROUND(SQRT((VLOOKUP($A285,városok!$A$2:$C$346,2,0)-VLOOKUP(AN$1,városok!$A$2:$C$346,2,0))^2+(VLOOKUP($A285,városok!$A$2:$C$346,3,0)-VLOOKUP(AN$1,városok!$A$2:$C$346,3,0))^2)/1000,0)</f>
        <v>227</v>
      </c>
      <c r="AO285">
        <f ca="1">ROUND(SQRT((VLOOKUP($A285,városok!$A$2:$C$346,2,0)-VLOOKUP(AO$1,városok!$A$2:$C$346,2,0))^2+(VLOOKUP($A285,városok!$A$2:$C$346,3,0)-VLOOKUP(AO$1,városok!$A$2:$C$346,3,0))^2)/1000,0)</f>
        <v>273</v>
      </c>
      <c r="AP285">
        <f ca="1">ROUND(SQRT((VLOOKUP($A285,városok!$A$2:$C$346,2,0)-VLOOKUP(AP$1,városok!$A$2:$C$346,2,0))^2+(VLOOKUP($A285,városok!$A$2:$C$346,3,0)-VLOOKUP(AP$1,városok!$A$2:$C$346,3,0))^2)/1000,0)</f>
        <v>258</v>
      </c>
      <c r="AQ285">
        <f ca="1">ROUND(SQRT((VLOOKUP($A285,városok!$A$2:$C$346,2,0)-VLOOKUP(AQ$1,városok!$A$2:$C$346,2,0))^2+(VLOOKUP($A285,városok!$A$2:$C$346,3,0)-VLOOKUP(AQ$1,városok!$A$2:$C$346,3,0))^2)/1000,0)</f>
        <v>253</v>
      </c>
      <c r="AR285">
        <f ca="1">ROUND(SQRT((VLOOKUP($A285,városok!$A$2:$C$346,2,0)-VLOOKUP(AR$1,városok!$A$2:$C$346,2,0))^2+(VLOOKUP($A285,városok!$A$2:$C$346,3,0)-VLOOKUP(AR$1,városok!$A$2:$C$346,3,0))^2)/1000,0)</f>
        <v>157</v>
      </c>
      <c r="AS285">
        <f ca="1">ROUND(SQRT((VLOOKUP($A285,városok!$A$2:$C$346,2,0)-VLOOKUP(AS$1,városok!$A$2:$C$346,2,0))^2+(VLOOKUP($A285,városok!$A$2:$C$346,3,0)-VLOOKUP(AS$1,városok!$A$2:$C$346,3,0))^2)/1000,0)</f>
        <v>152</v>
      </c>
      <c r="AT285">
        <f ca="1">ROUND(SQRT((VLOOKUP($A285,városok!$A$2:$C$346,2,0)-VLOOKUP(AT$1,városok!$A$2:$C$346,2,0))^2+(VLOOKUP($A285,városok!$A$2:$C$346,3,0)-VLOOKUP(AT$1,városok!$A$2:$C$346,3,0))^2)/1000,0)</f>
        <v>223</v>
      </c>
      <c r="AU285">
        <f ca="1">ROUND(SQRT((VLOOKUP($A285,városok!$A$2:$C$346,2,0)-VLOOKUP(AU$1,városok!$A$2:$C$346,2,0))^2+(VLOOKUP($A285,városok!$A$2:$C$346,3,0)-VLOOKUP(AU$1,városok!$A$2:$C$346,3,0))^2)/1000,0)</f>
        <v>213</v>
      </c>
      <c r="AV285">
        <f ca="1">ROUND(SQRT((VLOOKUP($A285,városok!$A$2:$C$346,2,0)-VLOOKUP(AV$1,városok!$A$2:$C$346,2,0))^2+(VLOOKUP($A285,városok!$A$2:$C$346,3,0)-VLOOKUP(AV$1,városok!$A$2:$C$346,3,0))^2)/1000,0)</f>
        <v>214</v>
      </c>
      <c r="AW285">
        <f ca="1">ROUND(SQRT((VLOOKUP($A285,városok!$A$2:$C$346,2,0)-VLOOKUP(AW$1,városok!$A$2:$C$346,2,0))^2+(VLOOKUP($A285,városok!$A$2:$C$346,3,0)-VLOOKUP(AW$1,városok!$A$2:$C$346,3,0))^2)/1000,0)</f>
        <v>218</v>
      </c>
      <c r="AX285">
        <f ca="1">ROUND(SQRT((VLOOKUP($A285,városok!$A$2:$C$346,2,0)-VLOOKUP(AX$1,városok!$A$2:$C$346,2,0))^2+(VLOOKUP($A285,városok!$A$2:$C$346,3,0)-VLOOKUP(AX$1,városok!$A$2:$C$346,3,0))^2)/1000,0)</f>
        <v>168</v>
      </c>
      <c r="AY285">
        <f ca="1">ROUND(SQRT((VLOOKUP($A285,városok!$A$2:$C$346,2,0)-VLOOKUP(AY$1,városok!$A$2:$C$346,2,0))^2+(VLOOKUP($A285,városok!$A$2:$C$346,3,0)-VLOOKUP(AY$1,városok!$A$2:$C$346,3,0))^2)/1000,0)</f>
        <v>203</v>
      </c>
      <c r="AZ285">
        <f ca="1">ROUND(SQRT((VLOOKUP($A285,városok!$A$2:$C$346,2,0)-VLOOKUP(AZ$1,városok!$A$2:$C$346,2,0))^2+(VLOOKUP($A285,városok!$A$2:$C$346,3,0)-VLOOKUP(AZ$1,városok!$A$2:$C$346,3,0))^2)/1000,0)</f>
        <v>210</v>
      </c>
      <c r="BA285">
        <f ca="1">ROUND(SQRT((VLOOKUP($A285,városok!$A$2:$C$346,2,0)-VLOOKUP(BA$1,városok!$A$2:$C$346,2,0))^2+(VLOOKUP($A285,városok!$A$2:$C$346,3,0)-VLOOKUP(BA$1,városok!$A$2:$C$346,3,0))^2)/1000,0)</f>
        <v>324</v>
      </c>
      <c r="BB285">
        <f ca="1">ROUND(SQRT((VLOOKUP($A285,városok!$A$2:$C$346,2,0)-VLOOKUP(BB$1,városok!$A$2:$C$346,2,0))^2+(VLOOKUP($A285,városok!$A$2:$C$346,3,0)-VLOOKUP(BB$1,városok!$A$2:$C$346,3,0))^2)/1000,0)</f>
        <v>318</v>
      </c>
      <c r="BC285">
        <f ca="1">ROUND(SQRT((VLOOKUP($A285,városok!$A$2:$C$346,2,0)-VLOOKUP(BC$1,városok!$A$2:$C$346,2,0))^2+(VLOOKUP($A285,városok!$A$2:$C$346,3,0)-VLOOKUP(BC$1,városok!$A$2:$C$346,3,0))^2)/1000,0)</f>
        <v>337</v>
      </c>
      <c r="BD285">
        <f ca="1">ROUND(SQRT((VLOOKUP($A285,városok!$A$2:$C$346,2,0)-VLOOKUP(BD$1,városok!$A$2:$C$346,2,0))^2+(VLOOKUP($A285,városok!$A$2:$C$346,3,0)-VLOOKUP(BD$1,városok!$A$2:$C$346,3,0))^2)/1000,0)</f>
        <v>293</v>
      </c>
      <c r="BE285">
        <f ca="1">ROUND(SQRT((VLOOKUP($A285,városok!$A$2:$C$346,2,0)-VLOOKUP(BE$1,városok!$A$2:$C$346,2,0))^2+(VLOOKUP($A285,városok!$A$2:$C$346,3,0)-VLOOKUP(BE$1,városok!$A$2:$C$346,3,0))^2)/1000,0)</f>
        <v>69</v>
      </c>
      <c r="BF285">
        <f ca="1">ROUND(SQRT((VLOOKUP($A285,városok!$A$2:$C$346,2,0)-VLOOKUP(BF$1,városok!$A$2:$C$346,2,0))^2+(VLOOKUP($A285,városok!$A$2:$C$346,3,0)-VLOOKUP(BF$1,városok!$A$2:$C$346,3,0))^2)/1000,0)</f>
        <v>61</v>
      </c>
      <c r="BG285">
        <f ca="1">ROUND(SQRT((VLOOKUP($A285,városok!$A$2:$C$346,2,0)-VLOOKUP(BG$1,városok!$A$2:$C$346,2,0))^2+(VLOOKUP($A285,városok!$A$2:$C$346,3,0)-VLOOKUP(BG$1,városok!$A$2:$C$346,3,0))^2)/1000,0)</f>
        <v>51</v>
      </c>
      <c r="BH285">
        <f ca="1">ROUND(SQRT((VLOOKUP($A285,városok!$A$2:$C$346,2,0)-VLOOKUP(BH$1,városok!$A$2:$C$346,2,0))^2+(VLOOKUP($A285,városok!$A$2:$C$346,3,0)-VLOOKUP(BH$1,városok!$A$2:$C$346,3,0))^2)/1000,0)</f>
        <v>51</v>
      </c>
      <c r="BI285">
        <f ca="1">ROUND(SQRT((VLOOKUP($A285,városok!$A$2:$C$346,2,0)-VLOOKUP(BI$1,városok!$A$2:$C$346,2,0))^2+(VLOOKUP($A285,városok!$A$2:$C$346,3,0)-VLOOKUP(BI$1,városok!$A$2:$C$346,3,0))^2)/1000,0)</f>
        <v>280</v>
      </c>
      <c r="BJ285">
        <f ca="1">ROUND(SQRT((VLOOKUP($A285,városok!$A$2:$C$346,2,0)-VLOOKUP(BJ$1,városok!$A$2:$C$346,2,0))^2+(VLOOKUP($A285,városok!$A$2:$C$346,3,0)-VLOOKUP(BJ$1,városok!$A$2:$C$346,3,0))^2)/1000,0)</f>
        <v>297</v>
      </c>
      <c r="BK285">
        <f ca="1">ROUND(SQRT((VLOOKUP($A285,városok!$A$2:$C$346,2,0)-VLOOKUP(BK$1,városok!$A$2:$C$346,2,0))^2+(VLOOKUP($A285,városok!$A$2:$C$346,3,0)-VLOOKUP(BK$1,városok!$A$2:$C$346,3,0))^2)/1000,0)</f>
        <v>277</v>
      </c>
      <c r="BL285">
        <f ca="1">ROUND(SQRT((VLOOKUP($A285,városok!$A$2:$C$346,2,0)-VLOOKUP(BL$1,városok!$A$2:$C$346,2,0))^2+(VLOOKUP($A285,városok!$A$2:$C$346,3,0)-VLOOKUP(BL$1,városok!$A$2:$C$346,3,0))^2)/1000,0)</f>
        <v>397</v>
      </c>
      <c r="BM285">
        <f ca="1">ROUND(SQRT((VLOOKUP($A285,városok!$A$2:$C$346,2,0)-VLOOKUP(BM$1,városok!$A$2:$C$346,2,0))^2+(VLOOKUP($A285,városok!$A$2:$C$346,3,0)-VLOOKUP(BM$1,városok!$A$2:$C$346,3,0))^2)/1000,0)</f>
        <v>367</v>
      </c>
      <c r="BN285">
        <f ca="1">ROUND(SQRT((VLOOKUP($A285,városok!$A$2:$C$346,2,0)-VLOOKUP(BN$1,városok!$A$2:$C$346,2,0))^2+(VLOOKUP($A285,városok!$A$2:$C$346,3,0)-VLOOKUP(BN$1,városok!$A$2:$C$346,3,0))^2)/1000,0)</f>
        <v>391</v>
      </c>
      <c r="BO285">
        <f ca="1">ROUND(SQRT((VLOOKUP($A285,városok!$A$2:$C$346,2,0)-VLOOKUP(BO$1,városok!$A$2:$C$346,2,0))^2+(VLOOKUP($A285,városok!$A$2:$C$346,3,0)-VLOOKUP(BO$1,városok!$A$2:$C$346,3,0))^2)/1000,0)</f>
        <v>293</v>
      </c>
      <c r="BP285">
        <f ca="1">ROUND(SQRT((VLOOKUP($A285,városok!$A$2:$C$346,2,0)-VLOOKUP(BP$1,városok!$A$2:$C$346,2,0))^2+(VLOOKUP($A285,városok!$A$2:$C$346,3,0)-VLOOKUP(BP$1,városok!$A$2:$C$346,3,0))^2)/1000,0)</f>
        <v>286</v>
      </c>
      <c r="BQ285">
        <f ca="1">ROUND(SQRT((VLOOKUP($A285,városok!$A$2:$C$346,2,0)-VLOOKUP(BQ$1,városok!$A$2:$C$346,2,0))^2+(VLOOKUP($A285,városok!$A$2:$C$346,3,0)-VLOOKUP(BQ$1,városok!$A$2:$C$346,3,0))^2)/1000,0)</f>
        <v>299</v>
      </c>
      <c r="BR285">
        <f ca="1">ROUND(SQRT((VLOOKUP($A285,városok!$A$2:$C$346,2,0)-VLOOKUP(BR$1,városok!$A$2:$C$346,2,0))^2+(VLOOKUP($A285,városok!$A$2:$C$346,3,0)-VLOOKUP(BR$1,városok!$A$2:$C$346,3,0))^2)/1000,0)</f>
        <v>357</v>
      </c>
      <c r="BS285">
        <f ca="1">ROUND(SQRT((VLOOKUP($A285,városok!$A$2:$C$346,2,0)-VLOOKUP(BS$1,városok!$A$2:$C$346,2,0))^2+(VLOOKUP($A285,városok!$A$2:$C$346,3,0)-VLOOKUP(BS$1,városok!$A$2:$C$346,3,0))^2)/1000,0)</f>
        <v>388</v>
      </c>
      <c r="BT285">
        <f ca="1">ROUND(SQRT((VLOOKUP($A285,városok!$A$2:$C$346,2,0)-VLOOKUP(BT$1,városok!$A$2:$C$346,2,0))^2+(VLOOKUP($A285,városok!$A$2:$C$346,3,0)-VLOOKUP(BT$1,városok!$A$2:$C$346,3,0))^2)/1000,0)</f>
        <v>385</v>
      </c>
    </row>
    <row r="286" spans="1:72" x14ac:dyDescent="0.2">
      <c r="A286" t="str">
        <f>városok!A286</f>
        <v>Nyírbátor</v>
      </c>
      <c r="B286">
        <f ca="1">ROUND(SQRT((VLOOKUP($A286,városok!$A$2:$C$346,2,0)-VLOOKUP(B$1,városok!$A$2:$C$346,2,0))^2+(VLOOKUP($A286,városok!$A$2:$C$346,3,0)-VLOOKUP(B$1,városok!$A$2:$C$346,3,0))^2)/1000,0)</f>
        <v>303</v>
      </c>
      <c r="C286">
        <f ca="1">ROUND(SQRT((VLOOKUP($A286,városok!$A$2:$C$346,2,0)-VLOOKUP(C$1,városok!$A$2:$C$346,2,0))^2+(VLOOKUP($A286,városok!$A$2:$C$346,3,0)-VLOOKUP(C$1,városok!$A$2:$C$346,3,0))^2)/1000,0)</f>
        <v>279</v>
      </c>
      <c r="D286">
        <f ca="1">ROUND(SQRT((VLOOKUP($A286,városok!$A$2:$C$346,2,0)-VLOOKUP(D$1,városok!$A$2:$C$346,2,0))^2+(VLOOKUP($A286,városok!$A$2:$C$346,3,0)-VLOOKUP(D$1,városok!$A$2:$C$346,3,0))^2)/1000,0)</f>
        <v>211</v>
      </c>
      <c r="E286">
        <f ca="1">ROUND(SQRT((VLOOKUP($A286,városok!$A$2:$C$346,2,0)-VLOOKUP(E$1,városok!$A$2:$C$346,2,0))^2+(VLOOKUP($A286,városok!$A$2:$C$346,3,0)-VLOOKUP(E$1,városok!$A$2:$C$346,3,0))^2)/1000,0)</f>
        <v>346</v>
      </c>
      <c r="F286">
        <f ca="1">ROUND(SQRT((VLOOKUP($A286,városok!$A$2:$C$346,2,0)-VLOOKUP(F$1,városok!$A$2:$C$346,2,0))^2+(VLOOKUP($A286,városok!$A$2:$C$346,3,0)-VLOOKUP(F$1,városok!$A$2:$C$346,3,0))^2)/1000,0)</f>
        <v>333</v>
      </c>
      <c r="G286">
        <f ca="1">ROUND(SQRT((VLOOKUP($A286,városok!$A$2:$C$346,2,0)-VLOOKUP(G$1,városok!$A$2:$C$346,2,0))^2+(VLOOKUP($A286,városok!$A$2:$C$346,3,0)-VLOOKUP(G$1,városok!$A$2:$C$346,3,0))^2)/1000,0)</f>
        <v>354</v>
      </c>
      <c r="H286">
        <f ca="1">ROUND(SQRT((VLOOKUP($A286,városok!$A$2:$C$346,2,0)-VLOOKUP(H$1,városok!$A$2:$C$346,2,0))^2+(VLOOKUP($A286,városok!$A$2:$C$346,3,0)-VLOOKUP(H$1,városok!$A$2:$C$346,3,0))^2)/1000,0)</f>
        <v>385</v>
      </c>
      <c r="I286">
        <f ca="1">ROUND(SQRT((VLOOKUP($A286,városok!$A$2:$C$346,2,0)-VLOOKUP(I$1,városok!$A$2:$C$346,2,0))^2+(VLOOKUP($A286,városok!$A$2:$C$346,3,0)-VLOOKUP(I$1,városok!$A$2:$C$346,3,0))^2)/1000,0)</f>
        <v>151</v>
      </c>
      <c r="J286">
        <f ca="1">ROUND(SQRT((VLOOKUP($A286,városok!$A$2:$C$346,2,0)-VLOOKUP(J$1,városok!$A$2:$C$346,2,0))^2+(VLOOKUP($A286,városok!$A$2:$C$346,3,0)-VLOOKUP(J$1,városok!$A$2:$C$346,3,0))^2)/1000,0)</f>
        <v>147</v>
      </c>
      <c r="K286">
        <f ca="1">ROUND(SQRT((VLOOKUP($A286,városok!$A$2:$C$346,2,0)-VLOOKUP(K$1,városok!$A$2:$C$346,2,0))^2+(VLOOKUP($A286,városok!$A$2:$C$346,3,0)-VLOOKUP(K$1,városok!$A$2:$C$346,3,0))^2)/1000,0)</f>
        <v>180</v>
      </c>
      <c r="L286">
        <f ca="1">ROUND(SQRT((VLOOKUP($A286,városok!$A$2:$C$346,2,0)-VLOOKUP(L$1,városok!$A$2:$C$346,2,0))^2+(VLOOKUP($A286,városok!$A$2:$C$346,3,0)-VLOOKUP(L$1,városok!$A$2:$C$346,3,0))^2)/1000,0)</f>
        <v>120</v>
      </c>
      <c r="M286">
        <f ca="1">ROUND(SQRT((VLOOKUP($A286,városok!$A$2:$C$346,2,0)-VLOOKUP(M$1,városok!$A$2:$C$346,2,0))^2+(VLOOKUP($A286,városok!$A$2:$C$346,3,0)-VLOOKUP(M$1,városok!$A$2:$C$346,3,0))^2)/1000,0)</f>
        <v>104</v>
      </c>
      <c r="N286">
        <f ca="1">ROUND(SQRT((VLOOKUP($A286,városok!$A$2:$C$346,2,0)-VLOOKUP(N$1,városok!$A$2:$C$346,2,0))^2+(VLOOKUP($A286,városok!$A$2:$C$346,3,0)-VLOOKUP(N$1,városok!$A$2:$C$346,3,0))^2)/1000,0)</f>
        <v>143</v>
      </c>
      <c r="O286">
        <f ca="1">ROUND(SQRT((VLOOKUP($A286,városok!$A$2:$C$346,2,0)-VLOOKUP(O$1,városok!$A$2:$C$346,2,0))^2+(VLOOKUP($A286,városok!$A$2:$C$346,3,0)-VLOOKUP(O$1,városok!$A$2:$C$346,3,0))^2)/1000,0)</f>
        <v>71</v>
      </c>
      <c r="P286">
        <f ca="1">ROUND(SQRT((VLOOKUP($A286,városok!$A$2:$C$346,2,0)-VLOOKUP(P$1,városok!$A$2:$C$346,2,0))^2+(VLOOKUP($A286,városok!$A$2:$C$346,3,0)-VLOOKUP(P$1,városok!$A$2:$C$346,3,0))^2)/1000,0)</f>
        <v>72</v>
      </c>
      <c r="Q286">
        <f ca="1">ROUND(SQRT((VLOOKUP($A286,városok!$A$2:$C$346,2,0)-VLOOKUP(Q$1,városok!$A$2:$C$346,2,0))^2+(VLOOKUP($A286,városok!$A$2:$C$346,3,0)-VLOOKUP(Q$1,városok!$A$2:$C$346,3,0))^2)/1000,0)</f>
        <v>209</v>
      </c>
      <c r="R286">
        <f ca="1">ROUND(SQRT((VLOOKUP($A286,városok!$A$2:$C$346,2,0)-VLOOKUP(R$1,városok!$A$2:$C$346,2,0))^2+(VLOOKUP($A286,városok!$A$2:$C$346,3,0)-VLOOKUP(R$1,városok!$A$2:$C$346,3,0))^2)/1000,0)</f>
        <v>219</v>
      </c>
      <c r="S286">
        <f ca="1">ROUND(SQRT((VLOOKUP($A286,városok!$A$2:$C$346,2,0)-VLOOKUP(S$1,városok!$A$2:$C$346,2,0))^2+(VLOOKUP($A286,városok!$A$2:$C$346,3,0)-VLOOKUP(S$1,városok!$A$2:$C$346,3,0))^2)/1000,0)</f>
        <v>231</v>
      </c>
      <c r="T286">
        <f ca="1">ROUND(SQRT((VLOOKUP($A286,városok!$A$2:$C$346,2,0)-VLOOKUP(T$1,városok!$A$2:$C$346,2,0))^2+(VLOOKUP($A286,városok!$A$2:$C$346,3,0)-VLOOKUP(T$1,városok!$A$2:$C$346,3,0))^2)/1000,0)</f>
        <v>265</v>
      </c>
      <c r="U286">
        <f ca="1">ROUND(SQRT((VLOOKUP($A286,városok!$A$2:$C$346,2,0)-VLOOKUP(U$1,városok!$A$2:$C$346,2,0))^2+(VLOOKUP($A286,városok!$A$2:$C$346,3,0)-VLOOKUP(U$1,városok!$A$2:$C$346,3,0))^2)/1000,0)</f>
        <v>259</v>
      </c>
      <c r="V286">
        <f ca="1">ROUND(SQRT((VLOOKUP($A286,városok!$A$2:$C$346,2,0)-VLOOKUP(V$1,városok!$A$2:$C$346,2,0))^2+(VLOOKUP($A286,városok!$A$2:$C$346,3,0)-VLOOKUP(V$1,városok!$A$2:$C$346,3,0))^2)/1000,0)</f>
        <v>301</v>
      </c>
      <c r="W286">
        <f ca="1">ROUND(SQRT((VLOOKUP($A286,városok!$A$2:$C$346,2,0)-VLOOKUP(W$1,városok!$A$2:$C$346,2,0))^2+(VLOOKUP($A286,városok!$A$2:$C$346,3,0)-VLOOKUP(W$1,városok!$A$2:$C$346,3,0))^2)/1000,0)</f>
        <v>285</v>
      </c>
      <c r="X286">
        <f ca="1">ROUND(SQRT((VLOOKUP($A286,városok!$A$2:$C$346,2,0)-VLOOKUP(X$1,városok!$A$2:$C$346,2,0))^2+(VLOOKUP($A286,városok!$A$2:$C$346,3,0)-VLOOKUP(X$1,városok!$A$2:$C$346,3,0))^2)/1000,0)</f>
        <v>292</v>
      </c>
      <c r="Y286">
        <f ca="1">ROUND(SQRT((VLOOKUP($A286,városok!$A$2:$C$346,2,0)-VLOOKUP(Y$1,városok!$A$2:$C$346,2,0))^2+(VLOOKUP($A286,városok!$A$2:$C$346,3,0)-VLOOKUP(Y$1,városok!$A$2:$C$346,3,0))^2)/1000,0)</f>
        <v>337</v>
      </c>
      <c r="Z286">
        <f ca="1">ROUND(SQRT((VLOOKUP($A286,városok!$A$2:$C$346,2,0)-VLOOKUP(Z$1,városok!$A$2:$C$346,2,0))^2+(VLOOKUP($A286,városok!$A$2:$C$346,3,0)-VLOOKUP(Z$1,városok!$A$2:$C$346,3,0))^2)/1000,0)</f>
        <v>355</v>
      </c>
      <c r="AA286">
        <f ca="1">ROUND(SQRT((VLOOKUP($A286,városok!$A$2:$C$346,2,0)-VLOOKUP(AA$1,városok!$A$2:$C$346,2,0))^2+(VLOOKUP($A286,városok!$A$2:$C$346,3,0)-VLOOKUP(AA$1,városok!$A$2:$C$346,3,0))^2)/1000,0)</f>
        <v>416</v>
      </c>
      <c r="AB286">
        <f ca="1">ROUND(SQRT((VLOOKUP($A286,városok!$A$2:$C$346,2,0)-VLOOKUP(AB$1,városok!$A$2:$C$346,2,0))^2+(VLOOKUP($A286,városok!$A$2:$C$346,3,0)-VLOOKUP(AB$1,városok!$A$2:$C$346,3,0))^2)/1000,0)</f>
        <v>50</v>
      </c>
      <c r="AC286">
        <f ca="1">ROUND(SQRT((VLOOKUP($A286,városok!$A$2:$C$346,2,0)-VLOOKUP(AC$1,városok!$A$2:$C$346,2,0))^2+(VLOOKUP($A286,városok!$A$2:$C$346,3,0)-VLOOKUP(AC$1,városok!$A$2:$C$346,3,0))^2)/1000,0)</f>
        <v>70</v>
      </c>
      <c r="AD286">
        <f ca="1">ROUND(SQRT((VLOOKUP($A286,városok!$A$2:$C$346,2,0)-VLOOKUP(AD$1,városok!$A$2:$C$346,2,0))^2+(VLOOKUP($A286,városok!$A$2:$C$346,3,0)-VLOOKUP(AD$1,városok!$A$2:$C$346,3,0))^2)/1000,0)</f>
        <v>86</v>
      </c>
      <c r="AE286">
        <f ca="1">ROUND(SQRT((VLOOKUP($A286,városok!$A$2:$C$346,2,0)-VLOOKUP(AE$1,városok!$A$2:$C$346,2,0))^2+(VLOOKUP($A286,városok!$A$2:$C$346,3,0)-VLOOKUP(AE$1,városok!$A$2:$C$346,3,0))^2)/1000,0)</f>
        <v>95</v>
      </c>
      <c r="AF286">
        <f ca="1">ROUND(SQRT((VLOOKUP($A286,városok!$A$2:$C$346,2,0)-VLOOKUP(AF$1,városok!$A$2:$C$346,2,0))^2+(VLOOKUP($A286,városok!$A$2:$C$346,3,0)-VLOOKUP(AF$1,városok!$A$2:$C$346,3,0))^2)/1000,0)</f>
        <v>131</v>
      </c>
      <c r="AG286">
        <f ca="1">ROUND(SQRT((VLOOKUP($A286,városok!$A$2:$C$346,2,0)-VLOOKUP(AG$1,városok!$A$2:$C$346,2,0))^2+(VLOOKUP($A286,városok!$A$2:$C$346,3,0)-VLOOKUP(AG$1,városok!$A$2:$C$346,3,0))^2)/1000,0)</f>
        <v>165</v>
      </c>
      <c r="AH286">
        <f ca="1">ROUND(SQRT((VLOOKUP($A286,városok!$A$2:$C$346,2,0)-VLOOKUP(AH$1,városok!$A$2:$C$346,2,0))^2+(VLOOKUP($A286,városok!$A$2:$C$346,3,0)-VLOOKUP(AH$1,városok!$A$2:$C$346,3,0))^2)/1000,0)</f>
        <v>185</v>
      </c>
      <c r="AI286">
        <f ca="1">ROUND(SQRT((VLOOKUP($A286,városok!$A$2:$C$346,2,0)-VLOOKUP(AI$1,városok!$A$2:$C$346,2,0))^2+(VLOOKUP($A286,városok!$A$2:$C$346,3,0)-VLOOKUP(AI$1,városok!$A$2:$C$346,3,0))^2)/1000,0)</f>
        <v>153</v>
      </c>
      <c r="AJ286">
        <f ca="1">ROUND(SQRT((VLOOKUP($A286,városok!$A$2:$C$346,2,0)-VLOOKUP(AJ$1,városok!$A$2:$C$346,2,0))^2+(VLOOKUP($A286,városok!$A$2:$C$346,3,0)-VLOOKUP(AJ$1,városok!$A$2:$C$346,3,0))^2)/1000,0)</f>
        <v>162</v>
      </c>
      <c r="AK286">
        <f ca="1">ROUND(SQRT((VLOOKUP($A286,városok!$A$2:$C$346,2,0)-VLOOKUP(AK$1,városok!$A$2:$C$346,2,0))^2+(VLOOKUP($A286,városok!$A$2:$C$346,3,0)-VLOOKUP(AK$1,városok!$A$2:$C$346,3,0))^2)/1000,0)</f>
        <v>106</v>
      </c>
      <c r="AL286">
        <f ca="1">ROUND(SQRT((VLOOKUP($A286,városok!$A$2:$C$346,2,0)-VLOOKUP(AL$1,városok!$A$2:$C$346,2,0))^2+(VLOOKUP($A286,városok!$A$2:$C$346,3,0)-VLOOKUP(AL$1,városok!$A$2:$C$346,3,0))^2)/1000,0)</f>
        <v>124</v>
      </c>
      <c r="AM286">
        <f ca="1">ROUND(SQRT((VLOOKUP($A286,városok!$A$2:$C$346,2,0)-VLOOKUP(AM$1,városok!$A$2:$C$346,2,0))^2+(VLOOKUP($A286,városok!$A$2:$C$346,3,0)-VLOOKUP(AM$1,városok!$A$2:$C$346,3,0))^2)/1000,0)</f>
        <v>163</v>
      </c>
      <c r="AN286">
        <f ca="1">ROUND(SQRT((VLOOKUP($A286,városok!$A$2:$C$346,2,0)-VLOOKUP(AN$1,városok!$A$2:$C$346,2,0))^2+(VLOOKUP($A286,városok!$A$2:$C$346,3,0)-VLOOKUP(AN$1,városok!$A$2:$C$346,3,0))^2)/1000,0)</f>
        <v>253</v>
      </c>
      <c r="AO286">
        <f ca="1">ROUND(SQRT((VLOOKUP($A286,városok!$A$2:$C$346,2,0)-VLOOKUP(AO$1,városok!$A$2:$C$346,2,0))^2+(VLOOKUP($A286,városok!$A$2:$C$346,3,0)-VLOOKUP(AO$1,városok!$A$2:$C$346,3,0))^2)/1000,0)</f>
        <v>300</v>
      </c>
      <c r="AP286">
        <f ca="1">ROUND(SQRT((VLOOKUP($A286,városok!$A$2:$C$346,2,0)-VLOOKUP(AP$1,városok!$A$2:$C$346,2,0))^2+(VLOOKUP($A286,városok!$A$2:$C$346,3,0)-VLOOKUP(AP$1,városok!$A$2:$C$346,3,0))^2)/1000,0)</f>
        <v>285</v>
      </c>
      <c r="AQ286">
        <f ca="1">ROUND(SQRT((VLOOKUP($A286,városok!$A$2:$C$346,2,0)-VLOOKUP(AQ$1,városok!$A$2:$C$346,2,0))^2+(VLOOKUP($A286,városok!$A$2:$C$346,3,0)-VLOOKUP(AQ$1,városok!$A$2:$C$346,3,0))^2)/1000,0)</f>
        <v>280</v>
      </c>
      <c r="AR286">
        <f ca="1">ROUND(SQRT((VLOOKUP($A286,városok!$A$2:$C$346,2,0)-VLOOKUP(AR$1,városok!$A$2:$C$346,2,0))^2+(VLOOKUP($A286,városok!$A$2:$C$346,3,0)-VLOOKUP(AR$1,városok!$A$2:$C$346,3,0))^2)/1000,0)</f>
        <v>182</v>
      </c>
      <c r="AS286">
        <f ca="1">ROUND(SQRT((VLOOKUP($A286,városok!$A$2:$C$346,2,0)-VLOOKUP(AS$1,városok!$A$2:$C$346,2,0))^2+(VLOOKUP($A286,városok!$A$2:$C$346,3,0)-VLOOKUP(AS$1,városok!$A$2:$C$346,3,0))^2)/1000,0)</f>
        <v>175</v>
      </c>
      <c r="AT286">
        <f ca="1">ROUND(SQRT((VLOOKUP($A286,városok!$A$2:$C$346,2,0)-VLOOKUP(AT$1,városok!$A$2:$C$346,2,0))^2+(VLOOKUP($A286,városok!$A$2:$C$346,3,0)-VLOOKUP(AT$1,városok!$A$2:$C$346,3,0))^2)/1000,0)</f>
        <v>252</v>
      </c>
      <c r="AU286">
        <f ca="1">ROUND(SQRT((VLOOKUP($A286,városok!$A$2:$C$346,2,0)-VLOOKUP(AU$1,városok!$A$2:$C$346,2,0))^2+(VLOOKUP($A286,városok!$A$2:$C$346,3,0)-VLOOKUP(AU$1,városok!$A$2:$C$346,3,0))^2)/1000,0)</f>
        <v>241</v>
      </c>
      <c r="AV286">
        <f ca="1">ROUND(SQRT((VLOOKUP($A286,városok!$A$2:$C$346,2,0)-VLOOKUP(AV$1,városok!$A$2:$C$346,2,0))^2+(VLOOKUP($A286,városok!$A$2:$C$346,3,0)-VLOOKUP(AV$1,városok!$A$2:$C$346,3,0))^2)/1000,0)</f>
        <v>243</v>
      </c>
      <c r="AW286">
        <f ca="1">ROUND(SQRT((VLOOKUP($A286,városok!$A$2:$C$346,2,0)-VLOOKUP(AW$1,városok!$A$2:$C$346,2,0))^2+(VLOOKUP($A286,városok!$A$2:$C$346,3,0)-VLOOKUP(AW$1,városok!$A$2:$C$346,3,0))^2)/1000,0)</f>
        <v>247</v>
      </c>
      <c r="AX286">
        <f ca="1">ROUND(SQRT((VLOOKUP($A286,városok!$A$2:$C$346,2,0)-VLOOKUP(AX$1,városok!$A$2:$C$346,2,0))^2+(VLOOKUP($A286,városok!$A$2:$C$346,3,0)-VLOOKUP(AX$1,városok!$A$2:$C$346,3,0))^2)/1000,0)</f>
        <v>198</v>
      </c>
      <c r="AY286">
        <f ca="1">ROUND(SQRT((VLOOKUP($A286,városok!$A$2:$C$346,2,0)-VLOOKUP(AY$1,városok!$A$2:$C$346,2,0))^2+(VLOOKUP($A286,városok!$A$2:$C$346,3,0)-VLOOKUP(AY$1,városok!$A$2:$C$346,3,0))^2)/1000,0)</f>
        <v>230</v>
      </c>
      <c r="AZ286">
        <f ca="1">ROUND(SQRT((VLOOKUP($A286,városok!$A$2:$C$346,2,0)-VLOOKUP(AZ$1,városok!$A$2:$C$346,2,0))^2+(VLOOKUP($A286,városok!$A$2:$C$346,3,0)-VLOOKUP(AZ$1,városok!$A$2:$C$346,3,0))^2)/1000,0)</f>
        <v>236</v>
      </c>
      <c r="BA286">
        <f ca="1">ROUND(SQRT((VLOOKUP($A286,városok!$A$2:$C$346,2,0)-VLOOKUP(BA$1,városok!$A$2:$C$346,2,0))^2+(VLOOKUP($A286,városok!$A$2:$C$346,3,0)-VLOOKUP(BA$1,városok!$A$2:$C$346,3,0))^2)/1000,0)</f>
        <v>354</v>
      </c>
      <c r="BB286">
        <f ca="1">ROUND(SQRT((VLOOKUP($A286,városok!$A$2:$C$346,2,0)-VLOOKUP(BB$1,városok!$A$2:$C$346,2,0))^2+(VLOOKUP($A286,városok!$A$2:$C$346,3,0)-VLOOKUP(BB$1,városok!$A$2:$C$346,3,0))^2)/1000,0)</f>
        <v>348</v>
      </c>
      <c r="BC286">
        <f ca="1">ROUND(SQRT((VLOOKUP($A286,városok!$A$2:$C$346,2,0)-VLOOKUP(BC$1,városok!$A$2:$C$346,2,0))^2+(VLOOKUP($A286,városok!$A$2:$C$346,3,0)-VLOOKUP(BC$1,városok!$A$2:$C$346,3,0))^2)/1000,0)</f>
        <v>367</v>
      </c>
      <c r="BD286">
        <f ca="1">ROUND(SQRT((VLOOKUP($A286,városok!$A$2:$C$346,2,0)-VLOOKUP(BD$1,városok!$A$2:$C$346,2,0))^2+(VLOOKUP($A286,városok!$A$2:$C$346,3,0)-VLOOKUP(BD$1,városok!$A$2:$C$346,3,0))^2)/1000,0)</f>
        <v>323</v>
      </c>
      <c r="BE286">
        <f ca="1">ROUND(SQRT((VLOOKUP($A286,városok!$A$2:$C$346,2,0)-VLOOKUP(BE$1,városok!$A$2:$C$346,2,0))^2+(VLOOKUP($A286,városok!$A$2:$C$346,3,0)-VLOOKUP(BE$1,városok!$A$2:$C$346,3,0))^2)/1000,0)</f>
        <v>41</v>
      </c>
      <c r="BF286">
        <f ca="1">ROUND(SQRT((VLOOKUP($A286,városok!$A$2:$C$346,2,0)-VLOOKUP(BF$1,városok!$A$2:$C$346,2,0))^2+(VLOOKUP($A286,városok!$A$2:$C$346,3,0)-VLOOKUP(BF$1,városok!$A$2:$C$346,3,0))^2)/1000,0)</f>
        <v>43</v>
      </c>
      <c r="BG286">
        <f ca="1">ROUND(SQRT((VLOOKUP($A286,városok!$A$2:$C$346,2,0)-VLOOKUP(BG$1,városok!$A$2:$C$346,2,0))^2+(VLOOKUP($A286,városok!$A$2:$C$346,3,0)-VLOOKUP(BG$1,városok!$A$2:$C$346,3,0))^2)/1000,0)</f>
        <v>58</v>
      </c>
      <c r="BH286">
        <f ca="1">ROUND(SQRT((VLOOKUP($A286,városok!$A$2:$C$346,2,0)-VLOOKUP(BH$1,városok!$A$2:$C$346,2,0))^2+(VLOOKUP($A286,városok!$A$2:$C$346,3,0)-VLOOKUP(BH$1,városok!$A$2:$C$346,3,0))^2)/1000,0)</f>
        <v>59</v>
      </c>
      <c r="BI286">
        <f ca="1">ROUND(SQRT((VLOOKUP($A286,városok!$A$2:$C$346,2,0)-VLOOKUP(BI$1,városok!$A$2:$C$346,2,0))^2+(VLOOKUP($A286,városok!$A$2:$C$346,3,0)-VLOOKUP(BI$1,városok!$A$2:$C$346,3,0))^2)/1000,0)</f>
        <v>310</v>
      </c>
      <c r="BJ286">
        <f ca="1">ROUND(SQRT((VLOOKUP($A286,városok!$A$2:$C$346,2,0)-VLOOKUP(BJ$1,városok!$A$2:$C$346,2,0))^2+(VLOOKUP($A286,városok!$A$2:$C$346,3,0)-VLOOKUP(BJ$1,városok!$A$2:$C$346,3,0))^2)/1000,0)</f>
        <v>328</v>
      </c>
      <c r="BK286">
        <f ca="1">ROUND(SQRT((VLOOKUP($A286,városok!$A$2:$C$346,2,0)-VLOOKUP(BK$1,városok!$A$2:$C$346,2,0))^2+(VLOOKUP($A286,városok!$A$2:$C$346,3,0)-VLOOKUP(BK$1,városok!$A$2:$C$346,3,0))^2)/1000,0)</f>
        <v>308</v>
      </c>
      <c r="BL286">
        <f ca="1">ROUND(SQRT((VLOOKUP($A286,városok!$A$2:$C$346,2,0)-VLOOKUP(BL$1,városok!$A$2:$C$346,2,0))^2+(VLOOKUP($A286,városok!$A$2:$C$346,3,0)-VLOOKUP(BL$1,városok!$A$2:$C$346,3,0))^2)/1000,0)</f>
        <v>426</v>
      </c>
      <c r="BM286">
        <f ca="1">ROUND(SQRT((VLOOKUP($A286,városok!$A$2:$C$346,2,0)-VLOOKUP(BM$1,városok!$A$2:$C$346,2,0))^2+(VLOOKUP($A286,városok!$A$2:$C$346,3,0)-VLOOKUP(BM$1,városok!$A$2:$C$346,3,0))^2)/1000,0)</f>
        <v>396</v>
      </c>
      <c r="BN286">
        <f ca="1">ROUND(SQRT((VLOOKUP($A286,városok!$A$2:$C$346,2,0)-VLOOKUP(BN$1,városok!$A$2:$C$346,2,0))^2+(VLOOKUP($A286,városok!$A$2:$C$346,3,0)-VLOOKUP(BN$1,városok!$A$2:$C$346,3,0))^2)/1000,0)</f>
        <v>419</v>
      </c>
      <c r="BO286">
        <f ca="1">ROUND(SQRT((VLOOKUP($A286,városok!$A$2:$C$346,2,0)-VLOOKUP(BO$1,városok!$A$2:$C$346,2,0))^2+(VLOOKUP($A286,városok!$A$2:$C$346,3,0)-VLOOKUP(BO$1,városok!$A$2:$C$346,3,0))^2)/1000,0)</f>
        <v>323</v>
      </c>
      <c r="BP286">
        <f ca="1">ROUND(SQRT((VLOOKUP($A286,városok!$A$2:$C$346,2,0)-VLOOKUP(BP$1,városok!$A$2:$C$346,2,0))^2+(VLOOKUP($A286,városok!$A$2:$C$346,3,0)-VLOOKUP(BP$1,városok!$A$2:$C$346,3,0))^2)/1000,0)</f>
        <v>316</v>
      </c>
      <c r="BQ286">
        <f ca="1">ROUND(SQRT((VLOOKUP($A286,városok!$A$2:$C$346,2,0)-VLOOKUP(BQ$1,városok!$A$2:$C$346,2,0))^2+(VLOOKUP($A286,városok!$A$2:$C$346,3,0)-VLOOKUP(BQ$1,városok!$A$2:$C$346,3,0))^2)/1000,0)</f>
        <v>328</v>
      </c>
      <c r="BR286">
        <f ca="1">ROUND(SQRT((VLOOKUP($A286,városok!$A$2:$C$346,2,0)-VLOOKUP(BR$1,városok!$A$2:$C$346,2,0))^2+(VLOOKUP($A286,városok!$A$2:$C$346,3,0)-VLOOKUP(BR$1,városok!$A$2:$C$346,3,0))^2)/1000,0)</f>
        <v>387</v>
      </c>
      <c r="BS286">
        <f ca="1">ROUND(SQRT((VLOOKUP($A286,városok!$A$2:$C$346,2,0)-VLOOKUP(BS$1,városok!$A$2:$C$346,2,0))^2+(VLOOKUP($A286,városok!$A$2:$C$346,3,0)-VLOOKUP(BS$1,városok!$A$2:$C$346,3,0))^2)/1000,0)</f>
        <v>418</v>
      </c>
      <c r="BT286">
        <f ca="1">ROUND(SQRT((VLOOKUP($A286,városok!$A$2:$C$346,2,0)-VLOOKUP(BT$1,városok!$A$2:$C$346,2,0))^2+(VLOOKUP($A286,városok!$A$2:$C$346,3,0)-VLOOKUP(BT$1,városok!$A$2:$C$346,3,0))^2)/1000,0)</f>
        <v>414</v>
      </c>
    </row>
    <row r="287" spans="1:72" x14ac:dyDescent="0.2">
      <c r="A287" t="str">
        <f>városok!A287</f>
        <v>Nyíregyháza</v>
      </c>
      <c r="B287">
        <f ca="1">ROUND(SQRT((VLOOKUP($A287,városok!$A$2:$C$346,2,0)-VLOOKUP(B$1,városok!$A$2:$C$346,2,0))^2+(VLOOKUP($A287,városok!$A$2:$C$346,3,0)-VLOOKUP(B$1,városok!$A$2:$C$346,3,0))^2)/1000,0)</f>
        <v>288</v>
      </c>
      <c r="C287">
        <f ca="1">ROUND(SQRT((VLOOKUP($A287,városok!$A$2:$C$346,2,0)-VLOOKUP(C$1,városok!$A$2:$C$346,2,0))^2+(VLOOKUP($A287,városok!$A$2:$C$346,3,0)-VLOOKUP(C$1,városok!$A$2:$C$346,3,0))^2)/1000,0)</f>
        <v>259</v>
      </c>
      <c r="D287">
        <f ca="1">ROUND(SQRT((VLOOKUP($A287,városok!$A$2:$C$346,2,0)-VLOOKUP(D$1,városok!$A$2:$C$346,2,0))^2+(VLOOKUP($A287,városok!$A$2:$C$346,3,0)-VLOOKUP(D$1,városok!$A$2:$C$346,3,0))^2)/1000,0)</f>
        <v>190</v>
      </c>
      <c r="E287">
        <f ca="1">ROUND(SQRT((VLOOKUP($A287,városok!$A$2:$C$346,2,0)-VLOOKUP(E$1,városok!$A$2:$C$346,2,0))^2+(VLOOKUP($A287,városok!$A$2:$C$346,3,0)-VLOOKUP(E$1,városok!$A$2:$C$346,3,0))^2)/1000,0)</f>
        <v>325</v>
      </c>
      <c r="F287">
        <f ca="1">ROUND(SQRT((VLOOKUP($A287,városok!$A$2:$C$346,2,0)-VLOOKUP(F$1,városok!$A$2:$C$346,2,0))^2+(VLOOKUP($A287,városok!$A$2:$C$346,3,0)-VLOOKUP(F$1,városok!$A$2:$C$346,3,0))^2)/1000,0)</f>
        <v>318</v>
      </c>
      <c r="G287">
        <f ca="1">ROUND(SQRT((VLOOKUP($A287,városok!$A$2:$C$346,2,0)-VLOOKUP(G$1,városok!$A$2:$C$346,2,0))^2+(VLOOKUP($A287,városok!$A$2:$C$346,3,0)-VLOOKUP(G$1,városok!$A$2:$C$346,3,0))^2)/1000,0)</f>
        <v>334</v>
      </c>
      <c r="H287">
        <f ca="1">ROUND(SQRT((VLOOKUP($A287,városok!$A$2:$C$346,2,0)-VLOOKUP(H$1,városok!$A$2:$C$346,2,0))^2+(VLOOKUP($A287,városok!$A$2:$C$346,3,0)-VLOOKUP(H$1,városok!$A$2:$C$346,3,0))^2)/1000,0)</f>
        <v>362</v>
      </c>
      <c r="I287">
        <f ca="1">ROUND(SQRT((VLOOKUP($A287,városok!$A$2:$C$346,2,0)-VLOOKUP(I$1,városok!$A$2:$C$346,2,0))^2+(VLOOKUP($A287,városok!$A$2:$C$346,3,0)-VLOOKUP(I$1,városok!$A$2:$C$346,3,0))^2)/1000,0)</f>
        <v>164</v>
      </c>
      <c r="J287">
        <f ca="1">ROUND(SQRT((VLOOKUP($A287,városok!$A$2:$C$346,2,0)-VLOOKUP(J$1,városok!$A$2:$C$346,2,0))^2+(VLOOKUP($A287,városok!$A$2:$C$346,3,0)-VLOOKUP(J$1,városok!$A$2:$C$346,3,0))^2)/1000,0)</f>
        <v>165</v>
      </c>
      <c r="K287">
        <f ca="1">ROUND(SQRT((VLOOKUP($A287,városok!$A$2:$C$346,2,0)-VLOOKUP(K$1,városok!$A$2:$C$346,2,0))^2+(VLOOKUP($A287,városok!$A$2:$C$346,3,0)-VLOOKUP(K$1,városok!$A$2:$C$346,3,0))^2)/1000,0)</f>
        <v>184</v>
      </c>
      <c r="L287">
        <f ca="1">ROUND(SQRT((VLOOKUP($A287,városok!$A$2:$C$346,2,0)-VLOOKUP(L$1,városok!$A$2:$C$346,2,0))^2+(VLOOKUP($A287,városok!$A$2:$C$346,3,0)-VLOOKUP(L$1,városok!$A$2:$C$346,3,0))^2)/1000,0)</f>
        <v>64</v>
      </c>
      <c r="M287">
        <f ca="1">ROUND(SQRT((VLOOKUP($A287,városok!$A$2:$C$346,2,0)-VLOOKUP(M$1,városok!$A$2:$C$346,2,0))^2+(VLOOKUP($A287,városok!$A$2:$C$346,3,0)-VLOOKUP(M$1,városok!$A$2:$C$346,3,0))^2)/1000,0)</f>
        <v>50</v>
      </c>
      <c r="N287">
        <f ca="1">ROUND(SQRT((VLOOKUP($A287,városok!$A$2:$C$346,2,0)-VLOOKUP(N$1,városok!$A$2:$C$346,2,0))^2+(VLOOKUP($A287,városok!$A$2:$C$346,3,0)-VLOOKUP(N$1,városok!$A$2:$C$346,3,0))^2)/1000,0)</f>
        <v>88</v>
      </c>
      <c r="O287">
        <f ca="1">ROUND(SQRT((VLOOKUP($A287,városok!$A$2:$C$346,2,0)-VLOOKUP(O$1,városok!$A$2:$C$346,2,0))^2+(VLOOKUP($A287,városok!$A$2:$C$346,3,0)-VLOOKUP(O$1,városok!$A$2:$C$346,3,0))^2)/1000,0)</f>
        <v>33</v>
      </c>
      <c r="P287">
        <f ca="1">ROUND(SQRT((VLOOKUP($A287,városok!$A$2:$C$346,2,0)-VLOOKUP(P$1,városok!$A$2:$C$346,2,0))^2+(VLOOKUP($A287,városok!$A$2:$C$346,3,0)-VLOOKUP(P$1,városok!$A$2:$C$346,3,0))^2)/1000,0)</f>
        <v>33</v>
      </c>
      <c r="Q287">
        <f ca="1">ROUND(SQRT((VLOOKUP($A287,városok!$A$2:$C$346,2,0)-VLOOKUP(Q$1,városok!$A$2:$C$346,2,0))^2+(VLOOKUP($A287,városok!$A$2:$C$346,3,0)-VLOOKUP(Q$1,városok!$A$2:$C$346,3,0))^2)/1000,0)</f>
        <v>208</v>
      </c>
      <c r="R287">
        <f ca="1">ROUND(SQRT((VLOOKUP($A287,városok!$A$2:$C$346,2,0)-VLOOKUP(R$1,városok!$A$2:$C$346,2,0))^2+(VLOOKUP($A287,városok!$A$2:$C$346,3,0)-VLOOKUP(R$1,városok!$A$2:$C$346,3,0))^2)/1000,0)</f>
        <v>225</v>
      </c>
      <c r="S287">
        <f ca="1">ROUND(SQRT((VLOOKUP($A287,városok!$A$2:$C$346,2,0)-VLOOKUP(S$1,városok!$A$2:$C$346,2,0))^2+(VLOOKUP($A287,városok!$A$2:$C$346,3,0)-VLOOKUP(S$1,városok!$A$2:$C$346,3,0))^2)/1000,0)</f>
        <v>231</v>
      </c>
      <c r="T287">
        <f ca="1">ROUND(SQRT((VLOOKUP($A287,városok!$A$2:$C$346,2,0)-VLOOKUP(T$1,városok!$A$2:$C$346,2,0))^2+(VLOOKUP($A287,városok!$A$2:$C$346,3,0)-VLOOKUP(T$1,városok!$A$2:$C$346,3,0))^2)/1000,0)</f>
        <v>224</v>
      </c>
      <c r="U287">
        <f ca="1">ROUND(SQRT((VLOOKUP($A287,városok!$A$2:$C$346,2,0)-VLOOKUP(U$1,városok!$A$2:$C$346,2,0))^2+(VLOOKUP($A287,városok!$A$2:$C$346,3,0)-VLOOKUP(U$1,városok!$A$2:$C$346,3,0))^2)/1000,0)</f>
        <v>230</v>
      </c>
      <c r="V287">
        <f ca="1">ROUND(SQRT((VLOOKUP($A287,városok!$A$2:$C$346,2,0)-VLOOKUP(V$1,városok!$A$2:$C$346,2,0))^2+(VLOOKUP($A287,városok!$A$2:$C$346,3,0)-VLOOKUP(V$1,városok!$A$2:$C$346,3,0))^2)/1000,0)</f>
        <v>266</v>
      </c>
      <c r="W287">
        <f ca="1">ROUND(SQRT((VLOOKUP($A287,városok!$A$2:$C$346,2,0)-VLOOKUP(W$1,városok!$A$2:$C$346,2,0))^2+(VLOOKUP($A287,városok!$A$2:$C$346,3,0)-VLOOKUP(W$1,városok!$A$2:$C$346,3,0))^2)/1000,0)</f>
        <v>255</v>
      </c>
      <c r="X287">
        <f ca="1">ROUND(SQRT((VLOOKUP($A287,városok!$A$2:$C$346,2,0)-VLOOKUP(X$1,városok!$A$2:$C$346,2,0))^2+(VLOOKUP($A287,városok!$A$2:$C$346,3,0)-VLOOKUP(X$1,városok!$A$2:$C$346,3,0))^2)/1000,0)</f>
        <v>253</v>
      </c>
      <c r="Y287">
        <f ca="1">ROUND(SQRT((VLOOKUP($A287,városok!$A$2:$C$346,2,0)-VLOOKUP(Y$1,városok!$A$2:$C$346,2,0))^2+(VLOOKUP($A287,városok!$A$2:$C$346,3,0)-VLOOKUP(Y$1,városok!$A$2:$C$346,3,0))^2)/1000,0)</f>
        <v>291</v>
      </c>
      <c r="Z287">
        <f ca="1">ROUND(SQRT((VLOOKUP($A287,városok!$A$2:$C$346,2,0)-VLOOKUP(Z$1,városok!$A$2:$C$346,2,0))^2+(VLOOKUP($A287,városok!$A$2:$C$346,3,0)-VLOOKUP(Z$1,városok!$A$2:$C$346,3,0))^2)/1000,0)</f>
        <v>308</v>
      </c>
      <c r="AA287">
        <f ca="1">ROUND(SQRT((VLOOKUP($A287,városok!$A$2:$C$346,2,0)-VLOOKUP(AA$1,városok!$A$2:$C$346,2,0))^2+(VLOOKUP($A287,városok!$A$2:$C$346,3,0)-VLOOKUP(AA$1,városok!$A$2:$C$346,3,0))^2)/1000,0)</f>
        <v>368</v>
      </c>
      <c r="AB287">
        <f ca="1">ROUND(SQRT((VLOOKUP($A287,városok!$A$2:$C$346,2,0)-VLOOKUP(AB$1,városok!$A$2:$C$346,2,0))^2+(VLOOKUP($A287,városok!$A$2:$C$346,3,0)-VLOOKUP(AB$1,városok!$A$2:$C$346,3,0))^2)/1000,0)</f>
        <v>67</v>
      </c>
      <c r="AC287">
        <f ca="1">ROUND(SQRT((VLOOKUP($A287,városok!$A$2:$C$346,2,0)-VLOOKUP(AC$1,városok!$A$2:$C$346,2,0))^2+(VLOOKUP($A287,városok!$A$2:$C$346,3,0)-VLOOKUP(AC$1,városok!$A$2:$C$346,3,0))^2)/1000,0)</f>
        <v>76</v>
      </c>
      <c r="AD287">
        <f ca="1">ROUND(SQRT((VLOOKUP($A287,városok!$A$2:$C$346,2,0)-VLOOKUP(AD$1,városok!$A$2:$C$346,2,0))^2+(VLOOKUP($A287,városok!$A$2:$C$346,3,0)-VLOOKUP(AD$1,városok!$A$2:$C$346,3,0))^2)/1000,0)</f>
        <v>81</v>
      </c>
      <c r="AE287">
        <f ca="1">ROUND(SQRT((VLOOKUP($A287,városok!$A$2:$C$346,2,0)-VLOOKUP(AE$1,városok!$A$2:$C$346,2,0))^2+(VLOOKUP($A287,városok!$A$2:$C$346,3,0)-VLOOKUP(AE$1,városok!$A$2:$C$346,3,0))^2)/1000,0)</f>
        <v>96</v>
      </c>
      <c r="AF287">
        <f ca="1">ROUND(SQRT((VLOOKUP($A287,városok!$A$2:$C$346,2,0)-VLOOKUP(AF$1,városok!$A$2:$C$346,2,0))^2+(VLOOKUP($A287,városok!$A$2:$C$346,3,0)-VLOOKUP(AF$1,városok!$A$2:$C$346,3,0))^2)/1000,0)</f>
        <v>85</v>
      </c>
      <c r="AG287">
        <f ca="1">ROUND(SQRT((VLOOKUP($A287,városok!$A$2:$C$346,2,0)-VLOOKUP(AG$1,városok!$A$2:$C$346,2,0))^2+(VLOOKUP($A287,városok!$A$2:$C$346,3,0)-VLOOKUP(AG$1,városok!$A$2:$C$346,3,0))^2)/1000,0)</f>
        <v>121</v>
      </c>
      <c r="AH287">
        <f ca="1">ROUND(SQRT((VLOOKUP($A287,városok!$A$2:$C$346,2,0)-VLOOKUP(AH$1,városok!$A$2:$C$346,2,0))^2+(VLOOKUP($A287,városok!$A$2:$C$346,3,0)-VLOOKUP(AH$1,városok!$A$2:$C$346,3,0))^2)/1000,0)</f>
        <v>143</v>
      </c>
      <c r="AI287">
        <f ca="1">ROUND(SQRT((VLOOKUP($A287,városok!$A$2:$C$346,2,0)-VLOOKUP(AI$1,városok!$A$2:$C$346,2,0))^2+(VLOOKUP($A287,városok!$A$2:$C$346,3,0)-VLOOKUP(AI$1,városok!$A$2:$C$346,3,0))^2)/1000,0)</f>
        <v>103</v>
      </c>
      <c r="AJ287">
        <f ca="1">ROUND(SQRT((VLOOKUP($A287,városok!$A$2:$C$346,2,0)-VLOOKUP(AJ$1,városok!$A$2:$C$346,2,0))^2+(VLOOKUP($A287,városok!$A$2:$C$346,3,0)-VLOOKUP(AJ$1,városok!$A$2:$C$346,3,0))^2)/1000,0)</f>
        <v>124</v>
      </c>
      <c r="AK287">
        <f ca="1">ROUND(SQRT((VLOOKUP($A287,városok!$A$2:$C$346,2,0)-VLOOKUP(AK$1,városok!$A$2:$C$346,2,0))^2+(VLOOKUP($A287,városok!$A$2:$C$346,3,0)-VLOOKUP(AK$1,városok!$A$2:$C$346,3,0))^2)/1000,0)</f>
        <v>101</v>
      </c>
      <c r="AL287">
        <f ca="1">ROUND(SQRT((VLOOKUP($A287,városok!$A$2:$C$346,2,0)-VLOOKUP(AL$1,városok!$A$2:$C$346,2,0))^2+(VLOOKUP($A287,városok!$A$2:$C$346,3,0)-VLOOKUP(AL$1,városok!$A$2:$C$346,3,0))^2)/1000,0)</f>
        <v>105</v>
      </c>
      <c r="AM287">
        <f ca="1">ROUND(SQRT((VLOOKUP($A287,városok!$A$2:$C$346,2,0)-VLOOKUP(AM$1,városok!$A$2:$C$346,2,0))^2+(VLOOKUP($A287,városok!$A$2:$C$346,3,0)-VLOOKUP(AM$1,városok!$A$2:$C$346,3,0))^2)/1000,0)</f>
        <v>143</v>
      </c>
      <c r="AN287">
        <f ca="1">ROUND(SQRT((VLOOKUP($A287,városok!$A$2:$C$346,2,0)-VLOOKUP(AN$1,városok!$A$2:$C$346,2,0))^2+(VLOOKUP($A287,városok!$A$2:$C$346,3,0)-VLOOKUP(AN$1,városok!$A$2:$C$346,3,0))^2)/1000,0)</f>
        <v>207</v>
      </c>
      <c r="AO287">
        <f ca="1">ROUND(SQRT((VLOOKUP($A287,városok!$A$2:$C$346,2,0)-VLOOKUP(AO$1,városok!$A$2:$C$346,2,0))^2+(VLOOKUP($A287,városok!$A$2:$C$346,3,0)-VLOOKUP(AO$1,városok!$A$2:$C$346,3,0))^2)/1000,0)</f>
        <v>254</v>
      </c>
      <c r="AP287">
        <f ca="1">ROUND(SQRT((VLOOKUP($A287,városok!$A$2:$C$346,2,0)-VLOOKUP(AP$1,városok!$A$2:$C$346,2,0))^2+(VLOOKUP($A287,városok!$A$2:$C$346,3,0)-VLOOKUP(AP$1,városok!$A$2:$C$346,3,0))^2)/1000,0)</f>
        <v>240</v>
      </c>
      <c r="AQ287">
        <f ca="1">ROUND(SQRT((VLOOKUP($A287,városok!$A$2:$C$346,2,0)-VLOOKUP(AQ$1,városok!$A$2:$C$346,2,0))^2+(VLOOKUP($A287,városok!$A$2:$C$346,3,0)-VLOOKUP(AQ$1,városok!$A$2:$C$346,3,0))^2)/1000,0)</f>
        <v>237</v>
      </c>
      <c r="AR287">
        <f ca="1">ROUND(SQRT((VLOOKUP($A287,városok!$A$2:$C$346,2,0)-VLOOKUP(AR$1,városok!$A$2:$C$346,2,0))^2+(VLOOKUP($A287,városok!$A$2:$C$346,3,0)-VLOOKUP(AR$1,városok!$A$2:$C$346,3,0))^2)/1000,0)</f>
        <v>134</v>
      </c>
      <c r="AS287">
        <f ca="1">ROUND(SQRT((VLOOKUP($A287,városok!$A$2:$C$346,2,0)-VLOOKUP(AS$1,városok!$A$2:$C$346,2,0))^2+(VLOOKUP($A287,városok!$A$2:$C$346,3,0)-VLOOKUP(AS$1,városok!$A$2:$C$346,3,0))^2)/1000,0)</f>
        <v>123</v>
      </c>
      <c r="AT287">
        <f ca="1">ROUND(SQRT((VLOOKUP($A287,városok!$A$2:$C$346,2,0)-VLOOKUP(AT$1,városok!$A$2:$C$346,2,0))^2+(VLOOKUP($A287,városok!$A$2:$C$346,3,0)-VLOOKUP(AT$1,városok!$A$2:$C$346,3,0))^2)/1000,0)</f>
        <v>211</v>
      </c>
      <c r="AU287">
        <f ca="1">ROUND(SQRT((VLOOKUP($A287,városok!$A$2:$C$346,2,0)-VLOOKUP(AU$1,városok!$A$2:$C$346,2,0))^2+(VLOOKUP($A287,városok!$A$2:$C$346,3,0)-VLOOKUP(AU$1,városok!$A$2:$C$346,3,0))^2)/1000,0)</f>
        <v>202</v>
      </c>
      <c r="AV287">
        <f ca="1">ROUND(SQRT((VLOOKUP($A287,városok!$A$2:$C$346,2,0)-VLOOKUP(AV$1,városok!$A$2:$C$346,2,0))^2+(VLOOKUP($A287,városok!$A$2:$C$346,3,0)-VLOOKUP(AV$1,városok!$A$2:$C$346,3,0))^2)/1000,0)</f>
        <v>205</v>
      </c>
      <c r="AW287">
        <f ca="1">ROUND(SQRT((VLOOKUP($A287,városok!$A$2:$C$346,2,0)-VLOOKUP(AW$1,városok!$A$2:$C$346,2,0))^2+(VLOOKUP($A287,városok!$A$2:$C$346,3,0)-VLOOKUP(AW$1,városok!$A$2:$C$346,3,0))^2)/1000,0)</f>
        <v>208</v>
      </c>
      <c r="AX287">
        <f ca="1">ROUND(SQRT((VLOOKUP($A287,városok!$A$2:$C$346,2,0)-VLOOKUP(AX$1,városok!$A$2:$C$346,2,0))^2+(VLOOKUP($A287,városok!$A$2:$C$346,3,0)-VLOOKUP(AX$1,városok!$A$2:$C$346,3,0))^2)/1000,0)</f>
        <v>176</v>
      </c>
      <c r="AY287">
        <f ca="1">ROUND(SQRT((VLOOKUP($A287,városok!$A$2:$C$346,2,0)-VLOOKUP(AY$1,városok!$A$2:$C$346,2,0))^2+(VLOOKUP($A287,városok!$A$2:$C$346,3,0)-VLOOKUP(AY$1,városok!$A$2:$C$346,3,0))^2)/1000,0)</f>
        <v>186</v>
      </c>
      <c r="AZ287">
        <f ca="1">ROUND(SQRT((VLOOKUP($A287,városok!$A$2:$C$346,2,0)-VLOOKUP(AZ$1,városok!$A$2:$C$346,2,0))^2+(VLOOKUP($A287,városok!$A$2:$C$346,3,0)-VLOOKUP(AZ$1,városok!$A$2:$C$346,3,0))^2)/1000,0)</f>
        <v>190</v>
      </c>
      <c r="BA287">
        <f ca="1">ROUND(SQRT((VLOOKUP($A287,városok!$A$2:$C$346,2,0)-VLOOKUP(BA$1,városok!$A$2:$C$346,2,0))^2+(VLOOKUP($A287,városok!$A$2:$C$346,3,0)-VLOOKUP(BA$1,városok!$A$2:$C$346,3,0))^2)/1000,0)</f>
        <v>321</v>
      </c>
      <c r="BB287">
        <f ca="1">ROUND(SQRT((VLOOKUP($A287,városok!$A$2:$C$346,2,0)-VLOOKUP(BB$1,városok!$A$2:$C$346,2,0))^2+(VLOOKUP($A287,városok!$A$2:$C$346,3,0)-VLOOKUP(BB$1,városok!$A$2:$C$346,3,0))^2)/1000,0)</f>
        <v>319</v>
      </c>
      <c r="BC287">
        <f ca="1">ROUND(SQRT((VLOOKUP($A287,városok!$A$2:$C$346,2,0)-VLOOKUP(BC$1,városok!$A$2:$C$346,2,0))^2+(VLOOKUP($A287,városok!$A$2:$C$346,3,0)-VLOOKUP(BC$1,városok!$A$2:$C$346,3,0))^2)/1000,0)</f>
        <v>340</v>
      </c>
      <c r="BD287">
        <f ca="1">ROUND(SQRT((VLOOKUP($A287,városok!$A$2:$C$346,2,0)-VLOOKUP(BD$1,városok!$A$2:$C$346,2,0))^2+(VLOOKUP($A287,városok!$A$2:$C$346,3,0)-VLOOKUP(BD$1,városok!$A$2:$C$346,3,0))^2)/1000,0)</f>
        <v>290</v>
      </c>
      <c r="BE287">
        <f ca="1">ROUND(SQRT((VLOOKUP($A287,városok!$A$2:$C$346,2,0)-VLOOKUP(BE$1,városok!$A$2:$C$346,2,0))^2+(VLOOKUP($A287,városok!$A$2:$C$346,3,0)-VLOOKUP(BE$1,városok!$A$2:$C$346,3,0))^2)/1000,0)</f>
        <v>95</v>
      </c>
      <c r="BF287">
        <f ca="1">ROUND(SQRT((VLOOKUP($A287,városok!$A$2:$C$346,2,0)-VLOOKUP(BF$1,városok!$A$2:$C$346,2,0))^2+(VLOOKUP($A287,városok!$A$2:$C$346,3,0)-VLOOKUP(BF$1,városok!$A$2:$C$346,3,0))^2)/1000,0)</f>
        <v>46</v>
      </c>
      <c r="BG287">
        <f ca="1">ROUND(SQRT((VLOOKUP($A287,városok!$A$2:$C$346,2,0)-VLOOKUP(BG$1,városok!$A$2:$C$346,2,0))^2+(VLOOKUP($A287,városok!$A$2:$C$346,3,0)-VLOOKUP(BG$1,városok!$A$2:$C$346,3,0))^2)/1000,0)</f>
        <v>0</v>
      </c>
      <c r="BH287">
        <f ca="1">ROUND(SQRT((VLOOKUP($A287,városok!$A$2:$C$346,2,0)-VLOOKUP(BH$1,városok!$A$2:$C$346,2,0))^2+(VLOOKUP($A287,városok!$A$2:$C$346,3,0)-VLOOKUP(BH$1,városok!$A$2:$C$346,3,0))^2)/1000,0)</f>
        <v>0</v>
      </c>
      <c r="BI287">
        <f ca="1">ROUND(SQRT((VLOOKUP($A287,városok!$A$2:$C$346,2,0)-VLOOKUP(BI$1,városok!$A$2:$C$346,2,0))^2+(VLOOKUP($A287,városok!$A$2:$C$346,3,0)-VLOOKUP(BI$1,városok!$A$2:$C$346,3,0))^2)/1000,0)</f>
        <v>288</v>
      </c>
      <c r="BJ287">
        <f ca="1">ROUND(SQRT((VLOOKUP($A287,városok!$A$2:$C$346,2,0)-VLOOKUP(BJ$1,városok!$A$2:$C$346,2,0))^2+(VLOOKUP($A287,városok!$A$2:$C$346,3,0)-VLOOKUP(BJ$1,városok!$A$2:$C$346,3,0))^2)/1000,0)</f>
        <v>306</v>
      </c>
      <c r="BK287">
        <f ca="1">ROUND(SQRT((VLOOKUP($A287,városok!$A$2:$C$346,2,0)-VLOOKUP(BK$1,városok!$A$2:$C$346,2,0))^2+(VLOOKUP($A287,városok!$A$2:$C$346,3,0)-VLOOKUP(BK$1,városok!$A$2:$C$346,3,0))^2)/1000,0)</f>
        <v>288</v>
      </c>
      <c r="BL287">
        <f ca="1">ROUND(SQRT((VLOOKUP($A287,városok!$A$2:$C$346,2,0)-VLOOKUP(BL$1,városok!$A$2:$C$346,2,0))^2+(VLOOKUP($A287,városok!$A$2:$C$346,3,0)-VLOOKUP(BL$1,városok!$A$2:$C$346,3,0))^2)/1000,0)</f>
        <v>386</v>
      </c>
      <c r="BM287">
        <f ca="1">ROUND(SQRT((VLOOKUP($A287,városok!$A$2:$C$346,2,0)-VLOOKUP(BM$1,városok!$A$2:$C$346,2,0))^2+(VLOOKUP($A287,városok!$A$2:$C$346,3,0)-VLOOKUP(BM$1,városok!$A$2:$C$346,3,0))^2)/1000,0)</f>
        <v>354</v>
      </c>
      <c r="BN287">
        <f ca="1">ROUND(SQRT((VLOOKUP($A287,városok!$A$2:$C$346,2,0)-VLOOKUP(BN$1,városok!$A$2:$C$346,2,0))^2+(VLOOKUP($A287,városok!$A$2:$C$346,3,0)-VLOOKUP(BN$1,városok!$A$2:$C$346,3,0))^2)/1000,0)</f>
        <v>377</v>
      </c>
      <c r="BO287">
        <f ca="1">ROUND(SQRT((VLOOKUP($A287,városok!$A$2:$C$346,2,0)-VLOOKUP(BO$1,városok!$A$2:$C$346,2,0))^2+(VLOOKUP($A287,városok!$A$2:$C$346,3,0)-VLOOKUP(BO$1,városok!$A$2:$C$346,3,0))^2)/1000,0)</f>
        <v>287</v>
      </c>
      <c r="BP287">
        <f ca="1">ROUND(SQRT((VLOOKUP($A287,városok!$A$2:$C$346,2,0)-VLOOKUP(BP$1,városok!$A$2:$C$346,2,0))^2+(VLOOKUP($A287,városok!$A$2:$C$346,3,0)-VLOOKUP(BP$1,városok!$A$2:$C$346,3,0))^2)/1000,0)</f>
        <v>280</v>
      </c>
      <c r="BQ287">
        <f ca="1">ROUND(SQRT((VLOOKUP($A287,városok!$A$2:$C$346,2,0)-VLOOKUP(BQ$1,városok!$A$2:$C$346,2,0))^2+(VLOOKUP($A287,városok!$A$2:$C$346,3,0)-VLOOKUP(BQ$1,városok!$A$2:$C$346,3,0))^2)/1000,0)</f>
        <v>291</v>
      </c>
      <c r="BR287">
        <f ca="1">ROUND(SQRT((VLOOKUP($A287,városok!$A$2:$C$346,2,0)-VLOOKUP(BR$1,városok!$A$2:$C$346,2,0))^2+(VLOOKUP($A287,városok!$A$2:$C$346,3,0)-VLOOKUP(BR$1,városok!$A$2:$C$346,3,0))^2)/1000,0)</f>
        <v>352</v>
      </c>
      <c r="BS287">
        <f ca="1">ROUND(SQRT((VLOOKUP($A287,városok!$A$2:$C$346,2,0)-VLOOKUP(BS$1,városok!$A$2:$C$346,2,0))^2+(VLOOKUP($A287,városok!$A$2:$C$346,3,0)-VLOOKUP(BS$1,városok!$A$2:$C$346,3,0))^2)/1000,0)</f>
        <v>386</v>
      </c>
      <c r="BT287">
        <f ca="1">ROUND(SQRT((VLOOKUP($A287,városok!$A$2:$C$346,2,0)-VLOOKUP(BT$1,városok!$A$2:$C$346,2,0))^2+(VLOOKUP($A287,városok!$A$2:$C$346,3,0)-VLOOKUP(BT$1,városok!$A$2:$C$346,3,0))^2)/1000,0)</f>
        <v>377</v>
      </c>
    </row>
    <row r="288" spans="1:72" x14ac:dyDescent="0.2">
      <c r="A288" t="str">
        <f>városok!A288</f>
        <v>Nyírlugos</v>
      </c>
      <c r="B288">
        <f ca="1">ROUND(SQRT((VLOOKUP($A288,városok!$A$2:$C$346,2,0)-VLOOKUP(B$1,városok!$A$2:$C$346,2,0))^2+(VLOOKUP($A288,városok!$A$2:$C$346,3,0)-VLOOKUP(B$1,városok!$A$2:$C$346,3,0))^2)/1000,0)</f>
        <v>288</v>
      </c>
      <c r="C288">
        <f ca="1">ROUND(SQRT((VLOOKUP($A288,városok!$A$2:$C$346,2,0)-VLOOKUP(C$1,városok!$A$2:$C$346,2,0))^2+(VLOOKUP($A288,városok!$A$2:$C$346,3,0)-VLOOKUP(C$1,városok!$A$2:$C$346,3,0))^2)/1000,0)</f>
        <v>266</v>
      </c>
      <c r="D288">
        <f ca="1">ROUND(SQRT((VLOOKUP($A288,városok!$A$2:$C$346,2,0)-VLOOKUP(D$1,városok!$A$2:$C$346,2,0))^2+(VLOOKUP($A288,városok!$A$2:$C$346,3,0)-VLOOKUP(D$1,városok!$A$2:$C$346,3,0))^2)/1000,0)</f>
        <v>198</v>
      </c>
      <c r="E288">
        <f ca="1">ROUND(SQRT((VLOOKUP($A288,városok!$A$2:$C$346,2,0)-VLOOKUP(E$1,városok!$A$2:$C$346,2,0))^2+(VLOOKUP($A288,városok!$A$2:$C$346,3,0)-VLOOKUP(E$1,városok!$A$2:$C$346,3,0))^2)/1000,0)</f>
        <v>332</v>
      </c>
      <c r="F288">
        <f ca="1">ROUND(SQRT((VLOOKUP($A288,városok!$A$2:$C$346,2,0)-VLOOKUP(F$1,városok!$A$2:$C$346,2,0))^2+(VLOOKUP($A288,városok!$A$2:$C$346,3,0)-VLOOKUP(F$1,városok!$A$2:$C$346,3,0))^2)/1000,0)</f>
        <v>318</v>
      </c>
      <c r="G288">
        <f ca="1">ROUND(SQRT((VLOOKUP($A288,városok!$A$2:$C$346,2,0)-VLOOKUP(G$1,városok!$A$2:$C$346,2,0))^2+(VLOOKUP($A288,városok!$A$2:$C$346,3,0)-VLOOKUP(G$1,városok!$A$2:$C$346,3,0))^2)/1000,0)</f>
        <v>340</v>
      </c>
      <c r="H288">
        <f ca="1">ROUND(SQRT((VLOOKUP($A288,városok!$A$2:$C$346,2,0)-VLOOKUP(H$1,városok!$A$2:$C$346,2,0))^2+(VLOOKUP($A288,városok!$A$2:$C$346,3,0)-VLOOKUP(H$1,városok!$A$2:$C$346,3,0))^2)/1000,0)</f>
        <v>371</v>
      </c>
      <c r="I288">
        <f ca="1">ROUND(SQRT((VLOOKUP($A288,városok!$A$2:$C$346,2,0)-VLOOKUP(I$1,városok!$A$2:$C$346,2,0))^2+(VLOOKUP($A288,városok!$A$2:$C$346,3,0)-VLOOKUP(I$1,városok!$A$2:$C$346,3,0))^2)/1000,0)</f>
        <v>134</v>
      </c>
      <c r="J288">
        <f ca="1">ROUND(SQRT((VLOOKUP($A288,városok!$A$2:$C$346,2,0)-VLOOKUP(J$1,városok!$A$2:$C$346,2,0))^2+(VLOOKUP($A288,városok!$A$2:$C$346,3,0)-VLOOKUP(J$1,városok!$A$2:$C$346,3,0))^2)/1000,0)</f>
        <v>130</v>
      </c>
      <c r="K288">
        <f ca="1">ROUND(SQRT((VLOOKUP($A288,városok!$A$2:$C$346,2,0)-VLOOKUP(K$1,városok!$A$2:$C$346,2,0))^2+(VLOOKUP($A288,városok!$A$2:$C$346,3,0)-VLOOKUP(K$1,városok!$A$2:$C$346,3,0))^2)/1000,0)</f>
        <v>163</v>
      </c>
      <c r="L288">
        <f ca="1">ROUND(SQRT((VLOOKUP($A288,városok!$A$2:$C$346,2,0)-VLOOKUP(L$1,városok!$A$2:$C$346,2,0))^2+(VLOOKUP($A288,városok!$A$2:$C$346,3,0)-VLOOKUP(L$1,városok!$A$2:$C$346,3,0))^2)/1000,0)</f>
        <v>122</v>
      </c>
      <c r="M288">
        <f ca="1">ROUND(SQRT((VLOOKUP($A288,városok!$A$2:$C$346,2,0)-VLOOKUP(M$1,városok!$A$2:$C$346,2,0))^2+(VLOOKUP($A288,városok!$A$2:$C$346,3,0)-VLOOKUP(M$1,városok!$A$2:$C$346,3,0))^2)/1000,0)</f>
        <v>103</v>
      </c>
      <c r="N288">
        <f ca="1">ROUND(SQRT((VLOOKUP($A288,városok!$A$2:$C$346,2,0)-VLOOKUP(N$1,városok!$A$2:$C$346,2,0))^2+(VLOOKUP($A288,városok!$A$2:$C$346,3,0)-VLOOKUP(N$1,városok!$A$2:$C$346,3,0))^2)/1000,0)</f>
        <v>143</v>
      </c>
      <c r="O288">
        <f ca="1">ROUND(SQRT((VLOOKUP($A288,városok!$A$2:$C$346,2,0)-VLOOKUP(O$1,városok!$A$2:$C$346,2,0))^2+(VLOOKUP($A288,városok!$A$2:$C$346,3,0)-VLOOKUP(O$1,városok!$A$2:$C$346,3,0))^2)/1000,0)</f>
        <v>83</v>
      </c>
      <c r="P288">
        <f ca="1">ROUND(SQRT((VLOOKUP($A288,városok!$A$2:$C$346,2,0)-VLOOKUP(P$1,városok!$A$2:$C$346,2,0))^2+(VLOOKUP($A288,városok!$A$2:$C$346,3,0)-VLOOKUP(P$1,városok!$A$2:$C$346,3,0))^2)/1000,0)</f>
        <v>83</v>
      </c>
      <c r="Q288">
        <f ca="1">ROUND(SQRT((VLOOKUP($A288,városok!$A$2:$C$346,2,0)-VLOOKUP(Q$1,városok!$A$2:$C$346,2,0))^2+(VLOOKUP($A288,városok!$A$2:$C$346,3,0)-VLOOKUP(Q$1,városok!$A$2:$C$346,3,0))^2)/1000,0)</f>
        <v>192</v>
      </c>
      <c r="R288">
        <f ca="1">ROUND(SQRT((VLOOKUP($A288,városok!$A$2:$C$346,2,0)-VLOOKUP(R$1,városok!$A$2:$C$346,2,0))^2+(VLOOKUP($A288,városok!$A$2:$C$346,3,0)-VLOOKUP(R$1,városok!$A$2:$C$346,3,0))^2)/1000,0)</f>
        <v>202</v>
      </c>
      <c r="S288">
        <f ca="1">ROUND(SQRT((VLOOKUP($A288,városok!$A$2:$C$346,2,0)-VLOOKUP(S$1,városok!$A$2:$C$346,2,0))^2+(VLOOKUP($A288,városok!$A$2:$C$346,3,0)-VLOOKUP(S$1,városok!$A$2:$C$346,3,0))^2)/1000,0)</f>
        <v>215</v>
      </c>
      <c r="T288">
        <f ca="1">ROUND(SQRT((VLOOKUP($A288,városok!$A$2:$C$346,2,0)-VLOOKUP(T$1,városok!$A$2:$C$346,2,0))^2+(VLOOKUP($A288,városok!$A$2:$C$346,3,0)-VLOOKUP(T$1,városok!$A$2:$C$346,3,0))^2)/1000,0)</f>
        <v>257</v>
      </c>
      <c r="U288">
        <f ca="1">ROUND(SQRT((VLOOKUP($A288,városok!$A$2:$C$346,2,0)-VLOOKUP(U$1,városok!$A$2:$C$346,2,0))^2+(VLOOKUP($A288,városok!$A$2:$C$346,3,0)-VLOOKUP(U$1,városok!$A$2:$C$346,3,0))^2)/1000,0)</f>
        <v>248</v>
      </c>
      <c r="V288">
        <f ca="1">ROUND(SQRT((VLOOKUP($A288,városok!$A$2:$C$346,2,0)-VLOOKUP(V$1,városok!$A$2:$C$346,2,0))^2+(VLOOKUP($A288,városok!$A$2:$C$346,3,0)-VLOOKUP(V$1,városok!$A$2:$C$346,3,0))^2)/1000,0)</f>
        <v>291</v>
      </c>
      <c r="W288">
        <f ca="1">ROUND(SQRT((VLOOKUP($A288,városok!$A$2:$C$346,2,0)-VLOOKUP(W$1,városok!$A$2:$C$346,2,0))^2+(VLOOKUP($A288,városok!$A$2:$C$346,3,0)-VLOOKUP(W$1,városok!$A$2:$C$346,3,0))^2)/1000,0)</f>
        <v>273</v>
      </c>
      <c r="X288">
        <f ca="1">ROUND(SQRT((VLOOKUP($A288,városok!$A$2:$C$346,2,0)-VLOOKUP(X$1,városok!$A$2:$C$346,2,0))^2+(VLOOKUP($A288,városok!$A$2:$C$346,3,0)-VLOOKUP(X$1,városok!$A$2:$C$346,3,0))^2)/1000,0)</f>
        <v>283</v>
      </c>
      <c r="Y288">
        <f ca="1">ROUND(SQRT((VLOOKUP($A288,városok!$A$2:$C$346,2,0)-VLOOKUP(Y$1,városok!$A$2:$C$346,2,0))^2+(VLOOKUP($A288,városok!$A$2:$C$346,3,0)-VLOOKUP(Y$1,városok!$A$2:$C$346,3,0))^2)/1000,0)</f>
        <v>330</v>
      </c>
      <c r="Z288">
        <f ca="1">ROUND(SQRT((VLOOKUP($A288,városok!$A$2:$C$346,2,0)-VLOOKUP(Z$1,városok!$A$2:$C$346,2,0))^2+(VLOOKUP($A288,városok!$A$2:$C$346,3,0)-VLOOKUP(Z$1,városok!$A$2:$C$346,3,0))^2)/1000,0)</f>
        <v>349</v>
      </c>
      <c r="AA288">
        <f ca="1">ROUND(SQRT((VLOOKUP($A288,városok!$A$2:$C$346,2,0)-VLOOKUP(AA$1,városok!$A$2:$C$346,2,0))^2+(VLOOKUP($A288,városok!$A$2:$C$346,3,0)-VLOOKUP(AA$1,városok!$A$2:$C$346,3,0))^2)/1000,0)</f>
        <v>409</v>
      </c>
      <c r="AB288">
        <f ca="1">ROUND(SQRT((VLOOKUP($A288,városok!$A$2:$C$346,2,0)-VLOOKUP(AB$1,városok!$A$2:$C$346,2,0))^2+(VLOOKUP($A288,városok!$A$2:$C$346,3,0)-VLOOKUP(AB$1,városok!$A$2:$C$346,3,0))^2)/1000,0)</f>
        <v>35</v>
      </c>
      <c r="AC288">
        <f ca="1">ROUND(SQRT((VLOOKUP($A288,városok!$A$2:$C$346,2,0)-VLOOKUP(AC$1,városok!$A$2:$C$346,2,0))^2+(VLOOKUP($A288,városok!$A$2:$C$346,3,0)-VLOOKUP(AC$1,városok!$A$2:$C$346,3,0))^2)/1000,0)</f>
        <v>56</v>
      </c>
      <c r="AD288">
        <f ca="1">ROUND(SQRT((VLOOKUP($A288,városok!$A$2:$C$346,2,0)-VLOOKUP(AD$1,városok!$A$2:$C$346,2,0))^2+(VLOOKUP($A288,városok!$A$2:$C$346,3,0)-VLOOKUP(AD$1,városok!$A$2:$C$346,3,0))^2)/1000,0)</f>
        <v>72</v>
      </c>
      <c r="AE288">
        <f ca="1">ROUND(SQRT((VLOOKUP($A288,városok!$A$2:$C$346,2,0)-VLOOKUP(AE$1,városok!$A$2:$C$346,2,0))^2+(VLOOKUP($A288,városok!$A$2:$C$346,3,0)-VLOOKUP(AE$1,városok!$A$2:$C$346,3,0))^2)/1000,0)</f>
        <v>80</v>
      </c>
      <c r="AF288">
        <f ca="1">ROUND(SQRT((VLOOKUP($A288,városok!$A$2:$C$346,2,0)-VLOOKUP(AF$1,városok!$A$2:$C$346,2,0))^2+(VLOOKUP($A288,városok!$A$2:$C$346,3,0)-VLOOKUP(AF$1,városok!$A$2:$C$346,3,0))^2)/1000,0)</f>
        <v>126</v>
      </c>
      <c r="AG288">
        <f ca="1">ROUND(SQRT((VLOOKUP($A288,városok!$A$2:$C$346,2,0)-VLOOKUP(AG$1,városok!$A$2:$C$346,2,0))^2+(VLOOKUP($A288,városok!$A$2:$C$346,3,0)-VLOOKUP(AG$1,városok!$A$2:$C$346,3,0))^2)/1000,0)</f>
        <v>158</v>
      </c>
      <c r="AH288">
        <f ca="1">ROUND(SQRT((VLOOKUP($A288,városok!$A$2:$C$346,2,0)-VLOOKUP(AH$1,városok!$A$2:$C$346,2,0))^2+(VLOOKUP($A288,városok!$A$2:$C$346,3,0)-VLOOKUP(AH$1,városok!$A$2:$C$346,3,0))^2)/1000,0)</f>
        <v>177</v>
      </c>
      <c r="AI288">
        <f ca="1">ROUND(SQRT((VLOOKUP($A288,városok!$A$2:$C$346,2,0)-VLOOKUP(AI$1,városok!$A$2:$C$346,2,0))^2+(VLOOKUP($A288,városok!$A$2:$C$346,3,0)-VLOOKUP(AI$1,városok!$A$2:$C$346,3,0))^2)/1000,0)</f>
        <v>149</v>
      </c>
      <c r="AJ288">
        <f ca="1">ROUND(SQRT((VLOOKUP($A288,városok!$A$2:$C$346,2,0)-VLOOKUP(AJ$1,városok!$A$2:$C$346,2,0))^2+(VLOOKUP($A288,városok!$A$2:$C$346,3,0)-VLOOKUP(AJ$1,városok!$A$2:$C$346,3,0))^2)/1000,0)</f>
        <v>155</v>
      </c>
      <c r="AK288">
        <f ca="1">ROUND(SQRT((VLOOKUP($A288,városok!$A$2:$C$346,2,0)-VLOOKUP(AK$1,városok!$A$2:$C$346,2,0))^2+(VLOOKUP($A288,városok!$A$2:$C$346,3,0)-VLOOKUP(AK$1,városok!$A$2:$C$346,3,0))^2)/1000,0)</f>
        <v>92</v>
      </c>
      <c r="AL288">
        <f ca="1">ROUND(SQRT((VLOOKUP($A288,városok!$A$2:$C$346,2,0)-VLOOKUP(AL$1,városok!$A$2:$C$346,2,0))^2+(VLOOKUP($A288,városok!$A$2:$C$346,3,0)-VLOOKUP(AL$1,városok!$A$2:$C$346,3,0))^2)/1000,0)</f>
        <v>112</v>
      </c>
      <c r="AM288">
        <f ca="1">ROUND(SQRT((VLOOKUP($A288,városok!$A$2:$C$346,2,0)-VLOOKUP(AM$1,városok!$A$2:$C$346,2,0))^2+(VLOOKUP($A288,városok!$A$2:$C$346,3,0)-VLOOKUP(AM$1,városok!$A$2:$C$346,3,0))^2)/1000,0)</f>
        <v>151</v>
      </c>
      <c r="AN288">
        <f ca="1">ROUND(SQRT((VLOOKUP($A288,városok!$A$2:$C$346,2,0)-VLOOKUP(AN$1,városok!$A$2:$C$346,2,0))^2+(VLOOKUP($A288,városok!$A$2:$C$346,3,0)-VLOOKUP(AN$1,városok!$A$2:$C$346,3,0))^2)/1000,0)</f>
        <v>247</v>
      </c>
      <c r="AO288">
        <f ca="1">ROUND(SQRT((VLOOKUP($A288,városok!$A$2:$C$346,2,0)-VLOOKUP(AO$1,városok!$A$2:$C$346,2,0))^2+(VLOOKUP($A288,városok!$A$2:$C$346,3,0)-VLOOKUP(AO$1,városok!$A$2:$C$346,3,0))^2)/1000,0)</f>
        <v>294</v>
      </c>
      <c r="AP288">
        <f ca="1">ROUND(SQRT((VLOOKUP($A288,városok!$A$2:$C$346,2,0)-VLOOKUP(AP$1,városok!$A$2:$C$346,2,0))^2+(VLOOKUP($A288,városok!$A$2:$C$346,3,0)-VLOOKUP(AP$1,városok!$A$2:$C$346,3,0))^2)/1000,0)</f>
        <v>278</v>
      </c>
      <c r="AQ288">
        <f ca="1">ROUND(SQRT((VLOOKUP($A288,városok!$A$2:$C$346,2,0)-VLOOKUP(AQ$1,városok!$A$2:$C$346,2,0))^2+(VLOOKUP($A288,városok!$A$2:$C$346,3,0)-VLOOKUP(AQ$1,városok!$A$2:$C$346,3,0))^2)/1000,0)</f>
        <v>273</v>
      </c>
      <c r="AR288">
        <f ca="1">ROUND(SQRT((VLOOKUP($A288,városok!$A$2:$C$346,2,0)-VLOOKUP(AR$1,városok!$A$2:$C$346,2,0))^2+(VLOOKUP($A288,városok!$A$2:$C$346,3,0)-VLOOKUP(AR$1,városok!$A$2:$C$346,3,0))^2)/1000,0)</f>
        <v>177</v>
      </c>
      <c r="AS288">
        <f ca="1">ROUND(SQRT((VLOOKUP($A288,városok!$A$2:$C$346,2,0)-VLOOKUP(AS$1,városok!$A$2:$C$346,2,0))^2+(VLOOKUP($A288,városok!$A$2:$C$346,3,0)-VLOOKUP(AS$1,városok!$A$2:$C$346,3,0))^2)/1000,0)</f>
        <v>173</v>
      </c>
      <c r="AT288">
        <f ca="1">ROUND(SQRT((VLOOKUP($A288,városok!$A$2:$C$346,2,0)-VLOOKUP(AT$1,városok!$A$2:$C$346,2,0))^2+(VLOOKUP($A288,városok!$A$2:$C$346,3,0)-VLOOKUP(AT$1,városok!$A$2:$C$346,3,0))^2)/1000,0)</f>
        <v>243</v>
      </c>
      <c r="AU288">
        <f ca="1">ROUND(SQRT((VLOOKUP($A288,városok!$A$2:$C$346,2,0)-VLOOKUP(AU$1,városok!$A$2:$C$346,2,0))^2+(VLOOKUP($A288,városok!$A$2:$C$346,3,0)-VLOOKUP(AU$1,városok!$A$2:$C$346,3,0))^2)/1000,0)</f>
        <v>233</v>
      </c>
      <c r="AV288">
        <f ca="1">ROUND(SQRT((VLOOKUP($A288,városok!$A$2:$C$346,2,0)-VLOOKUP(AV$1,városok!$A$2:$C$346,2,0))^2+(VLOOKUP($A288,városok!$A$2:$C$346,3,0)-VLOOKUP(AV$1,városok!$A$2:$C$346,3,0))^2)/1000,0)</f>
        <v>234</v>
      </c>
      <c r="AW288">
        <f ca="1">ROUND(SQRT((VLOOKUP($A288,városok!$A$2:$C$346,2,0)-VLOOKUP(AW$1,városok!$A$2:$C$346,2,0))^2+(VLOOKUP($A288,városok!$A$2:$C$346,3,0)-VLOOKUP(AW$1,városok!$A$2:$C$346,3,0))^2)/1000,0)</f>
        <v>238</v>
      </c>
      <c r="AX288">
        <f ca="1">ROUND(SQRT((VLOOKUP($A288,városok!$A$2:$C$346,2,0)-VLOOKUP(AX$1,városok!$A$2:$C$346,2,0))^2+(VLOOKUP($A288,városok!$A$2:$C$346,3,0)-VLOOKUP(AX$1,városok!$A$2:$C$346,3,0))^2)/1000,0)</f>
        <v>186</v>
      </c>
      <c r="AY288">
        <f ca="1">ROUND(SQRT((VLOOKUP($A288,városok!$A$2:$C$346,2,0)-VLOOKUP(AY$1,városok!$A$2:$C$346,2,0))^2+(VLOOKUP($A288,városok!$A$2:$C$346,3,0)-VLOOKUP(AY$1,városok!$A$2:$C$346,3,0))^2)/1000,0)</f>
        <v>223</v>
      </c>
      <c r="AZ288">
        <f ca="1">ROUND(SQRT((VLOOKUP($A288,városok!$A$2:$C$346,2,0)-VLOOKUP(AZ$1,városok!$A$2:$C$346,2,0))^2+(VLOOKUP($A288,városok!$A$2:$C$346,3,0)-VLOOKUP(AZ$1,városok!$A$2:$C$346,3,0))^2)/1000,0)</f>
        <v>230</v>
      </c>
      <c r="BA288">
        <f ca="1">ROUND(SQRT((VLOOKUP($A288,városok!$A$2:$C$346,2,0)-VLOOKUP(BA$1,városok!$A$2:$C$346,2,0))^2+(VLOOKUP($A288,városok!$A$2:$C$346,3,0)-VLOOKUP(BA$1,városok!$A$2:$C$346,3,0))^2)/1000,0)</f>
        <v>343</v>
      </c>
      <c r="BB288">
        <f ca="1">ROUND(SQRT((VLOOKUP($A288,városok!$A$2:$C$346,2,0)-VLOOKUP(BB$1,városok!$A$2:$C$346,2,0))^2+(VLOOKUP($A288,városok!$A$2:$C$346,3,0)-VLOOKUP(BB$1,városok!$A$2:$C$346,3,0))^2)/1000,0)</f>
        <v>336</v>
      </c>
      <c r="BC288">
        <f ca="1">ROUND(SQRT((VLOOKUP($A288,városok!$A$2:$C$346,2,0)-VLOOKUP(BC$1,városok!$A$2:$C$346,2,0))^2+(VLOOKUP($A288,városok!$A$2:$C$346,3,0)-VLOOKUP(BC$1,városok!$A$2:$C$346,3,0))^2)/1000,0)</f>
        <v>355</v>
      </c>
      <c r="BD288">
        <f ca="1">ROUND(SQRT((VLOOKUP($A288,városok!$A$2:$C$346,2,0)-VLOOKUP(BD$1,városok!$A$2:$C$346,2,0))^2+(VLOOKUP($A288,városok!$A$2:$C$346,3,0)-VLOOKUP(BD$1,városok!$A$2:$C$346,3,0))^2)/1000,0)</f>
        <v>313</v>
      </c>
      <c r="BE288">
        <f ca="1">ROUND(SQRT((VLOOKUP($A288,városok!$A$2:$C$346,2,0)-VLOOKUP(BE$1,városok!$A$2:$C$346,2,0))^2+(VLOOKUP($A288,városok!$A$2:$C$346,3,0)-VLOOKUP(BE$1,városok!$A$2:$C$346,3,0))^2)/1000,0)</f>
        <v>50</v>
      </c>
      <c r="BF288">
        <f ca="1">ROUND(SQRT((VLOOKUP($A288,városok!$A$2:$C$346,2,0)-VLOOKUP(BF$1,városok!$A$2:$C$346,2,0))^2+(VLOOKUP($A288,városok!$A$2:$C$346,3,0)-VLOOKUP(BF$1,városok!$A$2:$C$346,3,0))^2)/1000,0)</f>
        <v>59</v>
      </c>
      <c r="BG288">
        <f ca="1">ROUND(SQRT((VLOOKUP($A288,városok!$A$2:$C$346,2,0)-VLOOKUP(BG$1,városok!$A$2:$C$346,2,0))^2+(VLOOKUP($A288,városok!$A$2:$C$346,3,0)-VLOOKUP(BG$1,városok!$A$2:$C$346,3,0))^2)/1000,0)</f>
        <v>64</v>
      </c>
      <c r="BH288">
        <f ca="1">ROUND(SQRT((VLOOKUP($A288,városok!$A$2:$C$346,2,0)-VLOOKUP(BH$1,városok!$A$2:$C$346,2,0))^2+(VLOOKUP($A288,városok!$A$2:$C$346,3,0)-VLOOKUP(BH$1,városok!$A$2:$C$346,3,0))^2)/1000,0)</f>
        <v>64</v>
      </c>
      <c r="BI288">
        <f ca="1">ROUND(SQRT((VLOOKUP($A288,városok!$A$2:$C$346,2,0)-VLOOKUP(BI$1,városok!$A$2:$C$346,2,0))^2+(VLOOKUP($A288,városok!$A$2:$C$346,3,0)-VLOOKUP(BI$1,városok!$A$2:$C$346,3,0))^2)/1000,0)</f>
        <v>297</v>
      </c>
      <c r="BJ288">
        <f ca="1">ROUND(SQRT((VLOOKUP($A288,városok!$A$2:$C$346,2,0)-VLOOKUP(BJ$1,városok!$A$2:$C$346,2,0))^2+(VLOOKUP($A288,városok!$A$2:$C$346,3,0)-VLOOKUP(BJ$1,városok!$A$2:$C$346,3,0))^2)/1000,0)</f>
        <v>314</v>
      </c>
      <c r="BK288">
        <f ca="1">ROUND(SQRT((VLOOKUP($A288,városok!$A$2:$C$346,2,0)-VLOOKUP(BK$1,városok!$A$2:$C$346,2,0))^2+(VLOOKUP($A288,városok!$A$2:$C$346,3,0)-VLOOKUP(BK$1,városok!$A$2:$C$346,3,0))^2)/1000,0)</f>
        <v>294</v>
      </c>
      <c r="BL288">
        <f ca="1">ROUND(SQRT((VLOOKUP($A288,városok!$A$2:$C$346,2,0)-VLOOKUP(BL$1,városok!$A$2:$C$346,2,0))^2+(VLOOKUP($A288,városok!$A$2:$C$346,3,0)-VLOOKUP(BL$1,városok!$A$2:$C$346,3,0))^2)/1000,0)</f>
        <v>417</v>
      </c>
      <c r="BM288">
        <f ca="1">ROUND(SQRT((VLOOKUP($A288,városok!$A$2:$C$346,2,0)-VLOOKUP(BM$1,városok!$A$2:$C$346,2,0))^2+(VLOOKUP($A288,városok!$A$2:$C$346,3,0)-VLOOKUP(BM$1,városok!$A$2:$C$346,3,0))^2)/1000,0)</f>
        <v>388</v>
      </c>
      <c r="BN288">
        <f ca="1">ROUND(SQRT((VLOOKUP($A288,városok!$A$2:$C$346,2,0)-VLOOKUP(BN$1,városok!$A$2:$C$346,2,0))^2+(VLOOKUP($A288,városok!$A$2:$C$346,3,0)-VLOOKUP(BN$1,városok!$A$2:$C$346,3,0))^2)/1000,0)</f>
        <v>411</v>
      </c>
      <c r="BO288">
        <f ca="1">ROUND(SQRT((VLOOKUP($A288,városok!$A$2:$C$346,2,0)-VLOOKUP(BO$1,városok!$A$2:$C$346,2,0))^2+(VLOOKUP($A288,városok!$A$2:$C$346,3,0)-VLOOKUP(BO$1,városok!$A$2:$C$346,3,0))^2)/1000,0)</f>
        <v>313</v>
      </c>
      <c r="BP288">
        <f ca="1">ROUND(SQRT((VLOOKUP($A288,városok!$A$2:$C$346,2,0)-VLOOKUP(BP$1,városok!$A$2:$C$346,2,0))^2+(VLOOKUP($A288,városok!$A$2:$C$346,3,0)-VLOOKUP(BP$1,városok!$A$2:$C$346,3,0))^2)/1000,0)</f>
        <v>305</v>
      </c>
      <c r="BQ288">
        <f ca="1">ROUND(SQRT((VLOOKUP($A288,városok!$A$2:$C$346,2,0)-VLOOKUP(BQ$1,városok!$A$2:$C$346,2,0))^2+(VLOOKUP($A288,városok!$A$2:$C$346,3,0)-VLOOKUP(BQ$1,városok!$A$2:$C$346,3,0))^2)/1000,0)</f>
        <v>318</v>
      </c>
      <c r="BR288">
        <f ca="1">ROUND(SQRT((VLOOKUP($A288,városok!$A$2:$C$346,2,0)-VLOOKUP(BR$1,városok!$A$2:$C$346,2,0))^2+(VLOOKUP($A288,városok!$A$2:$C$346,3,0)-VLOOKUP(BR$1,városok!$A$2:$C$346,3,0))^2)/1000,0)</f>
        <v>376</v>
      </c>
      <c r="BS288">
        <f ca="1">ROUND(SQRT((VLOOKUP($A288,városok!$A$2:$C$346,2,0)-VLOOKUP(BS$1,városok!$A$2:$C$346,2,0))^2+(VLOOKUP($A288,városok!$A$2:$C$346,3,0)-VLOOKUP(BS$1,városok!$A$2:$C$346,3,0))^2)/1000,0)</f>
        <v>407</v>
      </c>
      <c r="BT288">
        <f ca="1">ROUND(SQRT((VLOOKUP($A288,városok!$A$2:$C$346,2,0)-VLOOKUP(BT$1,városok!$A$2:$C$346,2,0))^2+(VLOOKUP($A288,városok!$A$2:$C$346,3,0)-VLOOKUP(BT$1,városok!$A$2:$C$346,3,0))^2)/1000,0)</f>
        <v>404</v>
      </c>
    </row>
    <row r="289" spans="1:72" x14ac:dyDescent="0.2">
      <c r="A289" t="str">
        <f>városok!A289</f>
        <v>Nyírmada</v>
      </c>
      <c r="B289">
        <f ca="1">ROUND(SQRT((VLOOKUP($A289,városok!$A$2:$C$346,2,0)-VLOOKUP(B$1,városok!$A$2:$C$346,2,0))^2+(VLOOKUP($A289,városok!$A$2:$C$346,3,0)-VLOOKUP(B$1,városok!$A$2:$C$346,3,0))^2)/1000,0)</f>
        <v>322</v>
      </c>
      <c r="C289">
        <f ca="1">ROUND(SQRT((VLOOKUP($A289,városok!$A$2:$C$346,2,0)-VLOOKUP(C$1,városok!$A$2:$C$346,2,0))^2+(VLOOKUP($A289,városok!$A$2:$C$346,3,0)-VLOOKUP(C$1,városok!$A$2:$C$346,3,0))^2)/1000,0)</f>
        <v>297</v>
      </c>
      <c r="D289">
        <f ca="1">ROUND(SQRT((VLOOKUP($A289,városok!$A$2:$C$346,2,0)-VLOOKUP(D$1,városok!$A$2:$C$346,2,0))^2+(VLOOKUP($A289,városok!$A$2:$C$346,3,0)-VLOOKUP(D$1,városok!$A$2:$C$346,3,0))^2)/1000,0)</f>
        <v>228</v>
      </c>
      <c r="E289">
        <f ca="1">ROUND(SQRT((VLOOKUP($A289,városok!$A$2:$C$346,2,0)-VLOOKUP(E$1,városok!$A$2:$C$346,2,0))^2+(VLOOKUP($A289,városok!$A$2:$C$346,3,0)-VLOOKUP(E$1,városok!$A$2:$C$346,3,0))^2)/1000,0)</f>
        <v>364</v>
      </c>
      <c r="F289">
        <f ca="1">ROUND(SQRT((VLOOKUP($A289,városok!$A$2:$C$346,2,0)-VLOOKUP(F$1,városok!$A$2:$C$346,2,0))^2+(VLOOKUP($A289,városok!$A$2:$C$346,3,0)-VLOOKUP(F$1,városok!$A$2:$C$346,3,0))^2)/1000,0)</f>
        <v>352</v>
      </c>
      <c r="G289">
        <f ca="1">ROUND(SQRT((VLOOKUP($A289,városok!$A$2:$C$346,2,0)-VLOOKUP(G$1,városok!$A$2:$C$346,2,0))^2+(VLOOKUP($A289,városok!$A$2:$C$346,3,0)-VLOOKUP(G$1,városok!$A$2:$C$346,3,0))^2)/1000,0)</f>
        <v>372</v>
      </c>
      <c r="H289">
        <f ca="1">ROUND(SQRT((VLOOKUP($A289,városok!$A$2:$C$346,2,0)-VLOOKUP(H$1,városok!$A$2:$C$346,2,0))^2+(VLOOKUP($A289,városok!$A$2:$C$346,3,0)-VLOOKUP(H$1,városok!$A$2:$C$346,3,0))^2)/1000,0)</f>
        <v>402</v>
      </c>
      <c r="I289">
        <f ca="1">ROUND(SQRT((VLOOKUP($A289,városok!$A$2:$C$346,2,0)-VLOOKUP(I$1,városok!$A$2:$C$346,2,0))^2+(VLOOKUP($A289,városok!$A$2:$C$346,3,0)-VLOOKUP(I$1,városok!$A$2:$C$346,3,0))^2)/1000,0)</f>
        <v>176</v>
      </c>
      <c r="J289">
        <f ca="1">ROUND(SQRT((VLOOKUP($A289,városok!$A$2:$C$346,2,0)-VLOOKUP(J$1,városok!$A$2:$C$346,2,0))^2+(VLOOKUP($A289,városok!$A$2:$C$346,3,0)-VLOOKUP(J$1,városok!$A$2:$C$346,3,0))^2)/1000,0)</f>
        <v>172</v>
      </c>
      <c r="K289">
        <f ca="1">ROUND(SQRT((VLOOKUP($A289,városok!$A$2:$C$346,2,0)-VLOOKUP(K$1,városok!$A$2:$C$346,2,0))^2+(VLOOKUP($A289,városok!$A$2:$C$346,3,0)-VLOOKUP(K$1,városok!$A$2:$C$346,3,0))^2)/1000,0)</f>
        <v>203</v>
      </c>
      <c r="L289">
        <f ca="1">ROUND(SQRT((VLOOKUP($A289,városok!$A$2:$C$346,2,0)-VLOOKUP(L$1,városok!$A$2:$C$346,2,0))^2+(VLOOKUP($A289,városok!$A$2:$C$346,3,0)-VLOOKUP(L$1,városok!$A$2:$C$346,3,0))^2)/1000,0)</f>
        <v>118</v>
      </c>
      <c r="M289">
        <f ca="1">ROUND(SQRT((VLOOKUP($A289,városok!$A$2:$C$346,2,0)-VLOOKUP(M$1,városok!$A$2:$C$346,2,0))^2+(VLOOKUP($A289,városok!$A$2:$C$346,3,0)-VLOOKUP(M$1,városok!$A$2:$C$346,3,0))^2)/1000,0)</f>
        <v>104</v>
      </c>
      <c r="N289">
        <f ca="1">ROUND(SQRT((VLOOKUP($A289,városok!$A$2:$C$346,2,0)-VLOOKUP(N$1,városok!$A$2:$C$346,2,0))^2+(VLOOKUP($A289,városok!$A$2:$C$346,3,0)-VLOOKUP(N$1,városok!$A$2:$C$346,3,0))^2)/1000,0)</f>
        <v>143</v>
      </c>
      <c r="O289">
        <f ca="1">ROUND(SQRT((VLOOKUP($A289,városok!$A$2:$C$346,2,0)-VLOOKUP(O$1,városok!$A$2:$C$346,2,0))^2+(VLOOKUP($A289,városok!$A$2:$C$346,3,0)-VLOOKUP(O$1,városok!$A$2:$C$346,3,0))^2)/1000,0)</f>
        <v>55</v>
      </c>
      <c r="P289">
        <f ca="1">ROUND(SQRT((VLOOKUP($A289,városok!$A$2:$C$346,2,0)-VLOOKUP(P$1,városok!$A$2:$C$346,2,0))^2+(VLOOKUP($A289,városok!$A$2:$C$346,3,0)-VLOOKUP(P$1,városok!$A$2:$C$346,3,0))^2)/1000,0)</f>
        <v>55</v>
      </c>
      <c r="Q289">
        <f ca="1">ROUND(SQRT((VLOOKUP($A289,városok!$A$2:$C$346,2,0)-VLOOKUP(Q$1,városok!$A$2:$C$346,2,0))^2+(VLOOKUP($A289,városok!$A$2:$C$346,3,0)-VLOOKUP(Q$1,városok!$A$2:$C$346,3,0))^2)/1000,0)</f>
        <v>231</v>
      </c>
      <c r="R289">
        <f ca="1">ROUND(SQRT((VLOOKUP($A289,városok!$A$2:$C$346,2,0)-VLOOKUP(R$1,városok!$A$2:$C$346,2,0))^2+(VLOOKUP($A289,városok!$A$2:$C$346,3,0)-VLOOKUP(R$1,városok!$A$2:$C$346,3,0))^2)/1000,0)</f>
        <v>243</v>
      </c>
      <c r="S289">
        <f ca="1">ROUND(SQRT((VLOOKUP($A289,városok!$A$2:$C$346,2,0)-VLOOKUP(S$1,városok!$A$2:$C$346,2,0))^2+(VLOOKUP($A289,városok!$A$2:$C$346,3,0)-VLOOKUP(S$1,városok!$A$2:$C$346,3,0))^2)/1000,0)</f>
        <v>254</v>
      </c>
      <c r="T289">
        <f ca="1">ROUND(SQRT((VLOOKUP($A289,városok!$A$2:$C$346,2,0)-VLOOKUP(T$1,városok!$A$2:$C$346,2,0))^2+(VLOOKUP($A289,városok!$A$2:$C$346,3,0)-VLOOKUP(T$1,városok!$A$2:$C$346,3,0))^2)/1000,0)</f>
        <v>274</v>
      </c>
      <c r="U289">
        <f ca="1">ROUND(SQRT((VLOOKUP($A289,városok!$A$2:$C$346,2,0)-VLOOKUP(U$1,városok!$A$2:$C$346,2,0))^2+(VLOOKUP($A289,városok!$A$2:$C$346,3,0)-VLOOKUP(U$1,városok!$A$2:$C$346,3,0))^2)/1000,0)</f>
        <v>274</v>
      </c>
      <c r="V289">
        <f ca="1">ROUND(SQRT((VLOOKUP($A289,városok!$A$2:$C$346,2,0)-VLOOKUP(V$1,városok!$A$2:$C$346,2,0))^2+(VLOOKUP($A289,városok!$A$2:$C$346,3,0)-VLOOKUP(V$1,városok!$A$2:$C$346,3,0))^2)/1000,0)</f>
        <v>313</v>
      </c>
      <c r="W289">
        <f ca="1">ROUND(SQRT((VLOOKUP($A289,városok!$A$2:$C$346,2,0)-VLOOKUP(W$1,városok!$A$2:$C$346,2,0))^2+(VLOOKUP($A289,városok!$A$2:$C$346,3,0)-VLOOKUP(W$1,városok!$A$2:$C$346,3,0))^2)/1000,0)</f>
        <v>299</v>
      </c>
      <c r="X289">
        <f ca="1">ROUND(SQRT((VLOOKUP($A289,városok!$A$2:$C$346,2,0)-VLOOKUP(X$1,városok!$A$2:$C$346,2,0))^2+(VLOOKUP($A289,városok!$A$2:$C$346,3,0)-VLOOKUP(X$1,városok!$A$2:$C$346,3,0))^2)/1000,0)</f>
        <v>303</v>
      </c>
      <c r="Y289">
        <f ca="1">ROUND(SQRT((VLOOKUP($A289,városok!$A$2:$C$346,2,0)-VLOOKUP(Y$1,városok!$A$2:$C$346,2,0))^2+(VLOOKUP($A289,városok!$A$2:$C$346,3,0)-VLOOKUP(Y$1,városok!$A$2:$C$346,3,0))^2)/1000,0)</f>
        <v>343</v>
      </c>
      <c r="Z289">
        <f ca="1">ROUND(SQRT((VLOOKUP($A289,városok!$A$2:$C$346,2,0)-VLOOKUP(Z$1,városok!$A$2:$C$346,2,0))^2+(VLOOKUP($A289,városok!$A$2:$C$346,3,0)-VLOOKUP(Z$1,városok!$A$2:$C$346,3,0))^2)/1000,0)</f>
        <v>361</v>
      </c>
      <c r="AA289">
        <f ca="1">ROUND(SQRT((VLOOKUP($A289,városok!$A$2:$C$346,2,0)-VLOOKUP(AA$1,városok!$A$2:$C$346,2,0))^2+(VLOOKUP($A289,városok!$A$2:$C$346,3,0)-VLOOKUP(AA$1,városok!$A$2:$C$346,3,0))^2)/1000,0)</f>
        <v>422</v>
      </c>
      <c r="AB289">
        <f ca="1">ROUND(SQRT((VLOOKUP($A289,városok!$A$2:$C$346,2,0)-VLOOKUP(AB$1,városok!$A$2:$C$346,2,0))^2+(VLOOKUP($A289,városok!$A$2:$C$346,3,0)-VLOOKUP(AB$1,városok!$A$2:$C$346,3,0))^2)/1000,0)</f>
        <v>73</v>
      </c>
      <c r="AC289">
        <f ca="1">ROUND(SQRT((VLOOKUP($A289,városok!$A$2:$C$346,2,0)-VLOOKUP(AC$1,városok!$A$2:$C$346,2,0))^2+(VLOOKUP($A289,városok!$A$2:$C$346,3,0)-VLOOKUP(AC$1,városok!$A$2:$C$346,3,0))^2)/1000,0)</f>
        <v>91</v>
      </c>
      <c r="AD289">
        <f ca="1">ROUND(SQRT((VLOOKUP($A289,városok!$A$2:$C$346,2,0)-VLOOKUP(AD$1,városok!$A$2:$C$346,2,0))^2+(VLOOKUP($A289,városok!$A$2:$C$346,3,0)-VLOOKUP(AD$1,városok!$A$2:$C$346,3,0))^2)/1000,0)</f>
        <v>105</v>
      </c>
      <c r="AE289">
        <f ca="1">ROUND(SQRT((VLOOKUP($A289,városok!$A$2:$C$346,2,0)-VLOOKUP(AE$1,városok!$A$2:$C$346,2,0))^2+(VLOOKUP($A289,városok!$A$2:$C$346,3,0)-VLOOKUP(AE$1,városok!$A$2:$C$346,3,0))^2)/1000,0)</f>
        <v>116</v>
      </c>
      <c r="AF289">
        <f ca="1">ROUND(SQRT((VLOOKUP($A289,városok!$A$2:$C$346,2,0)-VLOOKUP(AF$1,városok!$A$2:$C$346,2,0))^2+(VLOOKUP($A289,városok!$A$2:$C$346,3,0)-VLOOKUP(AF$1,városok!$A$2:$C$346,3,0))^2)/1000,0)</f>
        <v>137</v>
      </c>
      <c r="AG289">
        <f ca="1">ROUND(SQRT((VLOOKUP($A289,városok!$A$2:$C$346,2,0)-VLOOKUP(AG$1,városok!$A$2:$C$346,2,0))^2+(VLOOKUP($A289,városok!$A$2:$C$346,3,0)-VLOOKUP(AG$1,városok!$A$2:$C$346,3,0))^2)/1000,0)</f>
        <v>172</v>
      </c>
      <c r="AH289">
        <f ca="1">ROUND(SQRT((VLOOKUP($A289,városok!$A$2:$C$346,2,0)-VLOOKUP(AH$1,városok!$A$2:$C$346,2,0))^2+(VLOOKUP($A289,városok!$A$2:$C$346,3,0)-VLOOKUP(AH$1,városok!$A$2:$C$346,3,0))^2)/1000,0)</f>
        <v>193</v>
      </c>
      <c r="AI289">
        <f ca="1">ROUND(SQRT((VLOOKUP($A289,városok!$A$2:$C$346,2,0)-VLOOKUP(AI$1,városok!$A$2:$C$346,2,0))^2+(VLOOKUP($A289,városok!$A$2:$C$346,3,0)-VLOOKUP(AI$1,városok!$A$2:$C$346,3,0))^2)/1000,0)</f>
        <v>156</v>
      </c>
      <c r="AJ289">
        <f ca="1">ROUND(SQRT((VLOOKUP($A289,városok!$A$2:$C$346,2,0)-VLOOKUP(AJ$1,városok!$A$2:$C$346,2,0))^2+(VLOOKUP($A289,városok!$A$2:$C$346,3,0)-VLOOKUP(AJ$1,városok!$A$2:$C$346,3,0))^2)/1000,0)</f>
        <v>172</v>
      </c>
      <c r="AK289">
        <f ca="1">ROUND(SQRT((VLOOKUP($A289,városok!$A$2:$C$346,2,0)-VLOOKUP(AK$1,városok!$A$2:$C$346,2,0))^2+(VLOOKUP($A289,városok!$A$2:$C$346,3,0)-VLOOKUP(AK$1,városok!$A$2:$C$346,3,0))^2)/1000,0)</f>
        <v>126</v>
      </c>
      <c r="AL289">
        <f ca="1">ROUND(SQRT((VLOOKUP($A289,városok!$A$2:$C$346,2,0)-VLOOKUP(AL$1,városok!$A$2:$C$346,2,0))^2+(VLOOKUP($A289,városok!$A$2:$C$346,3,0)-VLOOKUP(AL$1,városok!$A$2:$C$346,3,0))^2)/1000,0)</f>
        <v>141</v>
      </c>
      <c r="AM289">
        <f ca="1">ROUND(SQRT((VLOOKUP($A289,városok!$A$2:$C$346,2,0)-VLOOKUP(AM$1,városok!$A$2:$C$346,2,0))^2+(VLOOKUP($A289,városok!$A$2:$C$346,3,0)-VLOOKUP(AM$1,városok!$A$2:$C$346,3,0))^2)/1000,0)</f>
        <v>180</v>
      </c>
      <c r="AN289">
        <f ca="1">ROUND(SQRT((VLOOKUP($A289,városok!$A$2:$C$346,2,0)-VLOOKUP(AN$1,városok!$A$2:$C$346,2,0))^2+(VLOOKUP($A289,városok!$A$2:$C$346,3,0)-VLOOKUP(AN$1,városok!$A$2:$C$346,3,0))^2)/1000,0)</f>
        <v>260</v>
      </c>
      <c r="AO289">
        <f ca="1">ROUND(SQRT((VLOOKUP($A289,városok!$A$2:$C$346,2,0)-VLOOKUP(AO$1,városok!$A$2:$C$346,2,0))^2+(VLOOKUP($A289,városok!$A$2:$C$346,3,0)-VLOOKUP(AO$1,városok!$A$2:$C$346,3,0))^2)/1000,0)</f>
        <v>306</v>
      </c>
      <c r="AP289">
        <f ca="1">ROUND(SQRT((VLOOKUP($A289,városok!$A$2:$C$346,2,0)-VLOOKUP(AP$1,városok!$A$2:$C$346,2,0))^2+(VLOOKUP($A289,városok!$A$2:$C$346,3,0)-VLOOKUP(AP$1,városok!$A$2:$C$346,3,0))^2)/1000,0)</f>
        <v>293</v>
      </c>
      <c r="AQ289">
        <f ca="1">ROUND(SQRT((VLOOKUP($A289,városok!$A$2:$C$346,2,0)-VLOOKUP(AQ$1,városok!$A$2:$C$346,2,0))^2+(VLOOKUP($A289,városok!$A$2:$C$346,3,0)-VLOOKUP(AQ$1,városok!$A$2:$C$346,3,0))^2)/1000,0)</f>
        <v>289</v>
      </c>
      <c r="AR289">
        <f ca="1">ROUND(SQRT((VLOOKUP($A289,városok!$A$2:$C$346,2,0)-VLOOKUP(AR$1,városok!$A$2:$C$346,2,0))^2+(VLOOKUP($A289,városok!$A$2:$C$346,3,0)-VLOOKUP(AR$1,városok!$A$2:$C$346,3,0))^2)/1000,0)</f>
        <v>187</v>
      </c>
      <c r="AS289">
        <f ca="1">ROUND(SQRT((VLOOKUP($A289,városok!$A$2:$C$346,2,0)-VLOOKUP(AS$1,városok!$A$2:$C$346,2,0))^2+(VLOOKUP($A289,városok!$A$2:$C$346,3,0)-VLOOKUP(AS$1,városok!$A$2:$C$346,3,0))^2)/1000,0)</f>
        <v>177</v>
      </c>
      <c r="AT289">
        <f ca="1">ROUND(SQRT((VLOOKUP($A289,városok!$A$2:$C$346,2,0)-VLOOKUP(AT$1,városok!$A$2:$C$346,2,0))^2+(VLOOKUP($A289,városok!$A$2:$C$346,3,0)-VLOOKUP(AT$1,városok!$A$2:$C$346,3,0))^2)/1000,0)</f>
        <v>261</v>
      </c>
      <c r="AU289">
        <f ca="1">ROUND(SQRT((VLOOKUP($A289,városok!$A$2:$C$346,2,0)-VLOOKUP(AU$1,városok!$A$2:$C$346,2,0))^2+(VLOOKUP($A289,városok!$A$2:$C$346,3,0)-VLOOKUP(AU$1,városok!$A$2:$C$346,3,0))^2)/1000,0)</f>
        <v>251</v>
      </c>
      <c r="AV289">
        <f ca="1">ROUND(SQRT((VLOOKUP($A289,városok!$A$2:$C$346,2,0)-VLOOKUP(AV$1,városok!$A$2:$C$346,2,0))^2+(VLOOKUP($A289,városok!$A$2:$C$346,3,0)-VLOOKUP(AV$1,városok!$A$2:$C$346,3,0))^2)/1000,0)</f>
        <v>254</v>
      </c>
      <c r="AW289">
        <f ca="1">ROUND(SQRT((VLOOKUP($A289,városok!$A$2:$C$346,2,0)-VLOOKUP(AW$1,városok!$A$2:$C$346,2,0))^2+(VLOOKUP($A289,városok!$A$2:$C$346,3,0)-VLOOKUP(AW$1,városok!$A$2:$C$346,3,0))^2)/1000,0)</f>
        <v>257</v>
      </c>
      <c r="AX289">
        <f ca="1">ROUND(SQRT((VLOOKUP($A289,városok!$A$2:$C$346,2,0)-VLOOKUP(AX$1,városok!$A$2:$C$346,2,0))^2+(VLOOKUP($A289,városok!$A$2:$C$346,3,0)-VLOOKUP(AX$1,városok!$A$2:$C$346,3,0))^2)/1000,0)</f>
        <v>215</v>
      </c>
      <c r="AY289">
        <f ca="1">ROUND(SQRT((VLOOKUP($A289,városok!$A$2:$C$346,2,0)-VLOOKUP(AY$1,városok!$A$2:$C$346,2,0))^2+(VLOOKUP($A289,városok!$A$2:$C$346,3,0)-VLOOKUP(AY$1,városok!$A$2:$C$346,3,0))^2)/1000,0)</f>
        <v>238</v>
      </c>
      <c r="AZ289">
        <f ca="1">ROUND(SQRT((VLOOKUP($A289,városok!$A$2:$C$346,2,0)-VLOOKUP(AZ$1,városok!$A$2:$C$346,2,0))^2+(VLOOKUP($A289,városok!$A$2:$C$346,3,0)-VLOOKUP(AZ$1,városok!$A$2:$C$346,3,0))^2)/1000,0)</f>
        <v>243</v>
      </c>
      <c r="BA289">
        <f ca="1">ROUND(SQRT((VLOOKUP($A289,városok!$A$2:$C$346,2,0)-VLOOKUP(BA$1,városok!$A$2:$C$346,2,0))^2+(VLOOKUP($A289,városok!$A$2:$C$346,3,0)-VLOOKUP(BA$1,városok!$A$2:$C$346,3,0))^2)/1000,0)</f>
        <v>368</v>
      </c>
      <c r="BB289">
        <f ca="1">ROUND(SQRT((VLOOKUP($A289,városok!$A$2:$C$346,2,0)-VLOOKUP(BB$1,városok!$A$2:$C$346,2,0))^2+(VLOOKUP($A289,városok!$A$2:$C$346,3,0)-VLOOKUP(BB$1,városok!$A$2:$C$346,3,0))^2)/1000,0)</f>
        <v>363</v>
      </c>
      <c r="BC289">
        <f ca="1">ROUND(SQRT((VLOOKUP($A289,városok!$A$2:$C$346,2,0)-VLOOKUP(BC$1,városok!$A$2:$C$346,2,0))^2+(VLOOKUP($A289,városok!$A$2:$C$346,3,0)-VLOOKUP(BC$1,városok!$A$2:$C$346,3,0))^2)/1000,0)</f>
        <v>383</v>
      </c>
      <c r="BD289">
        <f ca="1">ROUND(SQRT((VLOOKUP($A289,városok!$A$2:$C$346,2,0)-VLOOKUP(BD$1,városok!$A$2:$C$346,2,0))^2+(VLOOKUP($A289,városok!$A$2:$C$346,3,0)-VLOOKUP(BD$1,városok!$A$2:$C$346,3,0))^2)/1000,0)</f>
        <v>336</v>
      </c>
      <c r="BE289">
        <f ca="1">ROUND(SQRT((VLOOKUP($A289,városok!$A$2:$C$346,2,0)-VLOOKUP(BE$1,városok!$A$2:$C$346,2,0))^2+(VLOOKUP($A289,városok!$A$2:$C$346,3,0)-VLOOKUP(BE$1,városok!$A$2:$C$346,3,0))^2)/1000,0)</f>
        <v>44</v>
      </c>
      <c r="BF289">
        <f ca="1">ROUND(SQRT((VLOOKUP($A289,városok!$A$2:$C$346,2,0)-VLOOKUP(BF$1,városok!$A$2:$C$346,2,0))^2+(VLOOKUP($A289,városok!$A$2:$C$346,3,0)-VLOOKUP(BF$1,városok!$A$2:$C$346,3,0))^2)/1000,0)</f>
        <v>20</v>
      </c>
      <c r="BG289">
        <f ca="1">ROUND(SQRT((VLOOKUP($A289,városok!$A$2:$C$346,2,0)-VLOOKUP(BG$1,városok!$A$2:$C$346,2,0))^2+(VLOOKUP($A289,városok!$A$2:$C$346,3,0)-VLOOKUP(BG$1,városok!$A$2:$C$346,3,0))^2)/1000,0)</f>
        <v>54</v>
      </c>
      <c r="BH289">
        <f ca="1">ROUND(SQRT((VLOOKUP($A289,városok!$A$2:$C$346,2,0)-VLOOKUP(BH$1,városok!$A$2:$C$346,2,0))^2+(VLOOKUP($A289,városok!$A$2:$C$346,3,0)-VLOOKUP(BH$1,városok!$A$2:$C$346,3,0))^2)/1000,0)</f>
        <v>55</v>
      </c>
      <c r="BI289">
        <f ca="1">ROUND(SQRT((VLOOKUP($A289,városok!$A$2:$C$346,2,0)-VLOOKUP(BI$1,városok!$A$2:$C$346,2,0))^2+(VLOOKUP($A289,városok!$A$2:$C$346,3,0)-VLOOKUP(BI$1,városok!$A$2:$C$346,3,0))^2)/1000,0)</f>
        <v>328</v>
      </c>
      <c r="BJ289">
        <f ca="1">ROUND(SQRT((VLOOKUP($A289,városok!$A$2:$C$346,2,0)-VLOOKUP(BJ$1,városok!$A$2:$C$346,2,0))^2+(VLOOKUP($A289,városok!$A$2:$C$346,3,0)-VLOOKUP(BJ$1,városok!$A$2:$C$346,3,0))^2)/1000,0)</f>
        <v>345</v>
      </c>
      <c r="BK289">
        <f ca="1">ROUND(SQRT((VLOOKUP($A289,városok!$A$2:$C$346,2,0)-VLOOKUP(BK$1,városok!$A$2:$C$346,2,0))^2+(VLOOKUP($A289,városok!$A$2:$C$346,3,0)-VLOOKUP(BK$1,városok!$A$2:$C$346,3,0))^2)/1000,0)</f>
        <v>326</v>
      </c>
      <c r="BL289">
        <f ca="1">ROUND(SQRT((VLOOKUP($A289,városok!$A$2:$C$346,2,0)-VLOOKUP(BL$1,városok!$A$2:$C$346,2,0))^2+(VLOOKUP($A289,városok!$A$2:$C$346,3,0)-VLOOKUP(BL$1,városok!$A$2:$C$346,3,0))^2)/1000,0)</f>
        <v>437</v>
      </c>
      <c r="BM289">
        <f ca="1">ROUND(SQRT((VLOOKUP($A289,városok!$A$2:$C$346,2,0)-VLOOKUP(BM$1,városok!$A$2:$C$346,2,0))^2+(VLOOKUP($A289,városok!$A$2:$C$346,3,0)-VLOOKUP(BM$1,városok!$A$2:$C$346,3,0))^2)/1000,0)</f>
        <v>405</v>
      </c>
      <c r="BN289">
        <f ca="1">ROUND(SQRT((VLOOKUP($A289,városok!$A$2:$C$346,2,0)-VLOOKUP(BN$1,városok!$A$2:$C$346,2,0))^2+(VLOOKUP($A289,városok!$A$2:$C$346,3,0)-VLOOKUP(BN$1,városok!$A$2:$C$346,3,0))^2)/1000,0)</f>
        <v>428</v>
      </c>
      <c r="BO289">
        <f ca="1">ROUND(SQRT((VLOOKUP($A289,városok!$A$2:$C$346,2,0)-VLOOKUP(BO$1,városok!$A$2:$C$346,2,0))^2+(VLOOKUP($A289,városok!$A$2:$C$346,3,0)-VLOOKUP(BO$1,városok!$A$2:$C$346,3,0))^2)/1000,0)</f>
        <v>335</v>
      </c>
      <c r="BP289">
        <f ca="1">ROUND(SQRT((VLOOKUP($A289,városok!$A$2:$C$346,2,0)-VLOOKUP(BP$1,városok!$A$2:$C$346,2,0))^2+(VLOOKUP($A289,városok!$A$2:$C$346,3,0)-VLOOKUP(BP$1,városok!$A$2:$C$346,3,0))^2)/1000,0)</f>
        <v>328</v>
      </c>
      <c r="BQ289">
        <f ca="1">ROUND(SQRT((VLOOKUP($A289,városok!$A$2:$C$346,2,0)-VLOOKUP(BQ$1,városok!$A$2:$C$346,2,0))^2+(VLOOKUP($A289,városok!$A$2:$C$346,3,0)-VLOOKUP(BQ$1,városok!$A$2:$C$346,3,0))^2)/1000,0)</f>
        <v>340</v>
      </c>
      <c r="BR289">
        <f ca="1">ROUND(SQRT((VLOOKUP($A289,városok!$A$2:$C$346,2,0)-VLOOKUP(BR$1,városok!$A$2:$C$346,2,0))^2+(VLOOKUP($A289,városok!$A$2:$C$346,3,0)-VLOOKUP(BR$1,városok!$A$2:$C$346,3,0))^2)/1000,0)</f>
        <v>399</v>
      </c>
      <c r="BS289">
        <f ca="1">ROUND(SQRT((VLOOKUP($A289,városok!$A$2:$C$346,2,0)-VLOOKUP(BS$1,városok!$A$2:$C$346,2,0))^2+(VLOOKUP($A289,városok!$A$2:$C$346,3,0)-VLOOKUP(BS$1,városok!$A$2:$C$346,3,0))^2)/1000,0)</f>
        <v>432</v>
      </c>
      <c r="BT289">
        <f ca="1">ROUND(SQRT((VLOOKUP($A289,városok!$A$2:$C$346,2,0)-VLOOKUP(BT$1,városok!$A$2:$C$346,2,0))^2+(VLOOKUP($A289,városok!$A$2:$C$346,3,0)-VLOOKUP(BT$1,városok!$A$2:$C$346,3,0))^2)/1000,0)</f>
        <v>426</v>
      </c>
    </row>
    <row r="290" spans="1:72" x14ac:dyDescent="0.2">
      <c r="A290" t="str">
        <f>városok!A290</f>
        <v>Nyírtelek</v>
      </c>
      <c r="B290">
        <f ca="1">ROUND(SQRT((VLOOKUP($A290,városok!$A$2:$C$346,2,0)-VLOOKUP(B$1,városok!$A$2:$C$346,2,0))^2+(VLOOKUP($A290,városok!$A$2:$C$346,3,0)-VLOOKUP(B$1,városok!$A$2:$C$346,3,0))^2)/1000,0)</f>
        <v>275</v>
      </c>
      <c r="C290">
        <f ca="1">ROUND(SQRT((VLOOKUP($A290,városok!$A$2:$C$346,2,0)-VLOOKUP(C$1,városok!$A$2:$C$346,2,0))^2+(VLOOKUP($A290,városok!$A$2:$C$346,3,0)-VLOOKUP(C$1,városok!$A$2:$C$346,3,0))^2)/1000,0)</f>
        <v>246</v>
      </c>
      <c r="D290">
        <f ca="1">ROUND(SQRT((VLOOKUP($A290,városok!$A$2:$C$346,2,0)-VLOOKUP(D$1,városok!$A$2:$C$346,2,0))^2+(VLOOKUP($A290,városok!$A$2:$C$346,3,0)-VLOOKUP(D$1,városok!$A$2:$C$346,3,0))^2)/1000,0)</f>
        <v>177</v>
      </c>
      <c r="E290">
        <f ca="1">ROUND(SQRT((VLOOKUP($A290,városok!$A$2:$C$346,2,0)-VLOOKUP(E$1,városok!$A$2:$C$346,2,0))^2+(VLOOKUP($A290,városok!$A$2:$C$346,3,0)-VLOOKUP(E$1,városok!$A$2:$C$346,3,0))^2)/1000,0)</f>
        <v>312</v>
      </c>
      <c r="F290">
        <f ca="1">ROUND(SQRT((VLOOKUP($A290,városok!$A$2:$C$346,2,0)-VLOOKUP(F$1,városok!$A$2:$C$346,2,0))^2+(VLOOKUP($A290,városok!$A$2:$C$346,3,0)-VLOOKUP(F$1,városok!$A$2:$C$346,3,0))^2)/1000,0)</f>
        <v>305</v>
      </c>
      <c r="G290">
        <f ca="1">ROUND(SQRT((VLOOKUP($A290,városok!$A$2:$C$346,2,0)-VLOOKUP(G$1,városok!$A$2:$C$346,2,0))^2+(VLOOKUP($A290,városok!$A$2:$C$346,3,0)-VLOOKUP(G$1,városok!$A$2:$C$346,3,0))^2)/1000,0)</f>
        <v>321</v>
      </c>
      <c r="H290">
        <f ca="1">ROUND(SQRT((VLOOKUP($A290,városok!$A$2:$C$346,2,0)-VLOOKUP(H$1,városok!$A$2:$C$346,2,0))^2+(VLOOKUP($A290,városok!$A$2:$C$346,3,0)-VLOOKUP(H$1,városok!$A$2:$C$346,3,0))^2)/1000,0)</f>
        <v>349</v>
      </c>
      <c r="I290">
        <f ca="1">ROUND(SQRT((VLOOKUP($A290,városok!$A$2:$C$346,2,0)-VLOOKUP(I$1,városok!$A$2:$C$346,2,0))^2+(VLOOKUP($A290,városok!$A$2:$C$346,3,0)-VLOOKUP(I$1,városok!$A$2:$C$346,3,0))^2)/1000,0)</f>
        <v>153</v>
      </c>
      <c r="J290">
        <f ca="1">ROUND(SQRT((VLOOKUP($A290,városok!$A$2:$C$346,2,0)-VLOOKUP(J$1,városok!$A$2:$C$346,2,0))^2+(VLOOKUP($A290,városok!$A$2:$C$346,3,0)-VLOOKUP(J$1,városok!$A$2:$C$346,3,0))^2)/1000,0)</f>
        <v>156</v>
      </c>
      <c r="K290">
        <f ca="1">ROUND(SQRT((VLOOKUP($A290,városok!$A$2:$C$346,2,0)-VLOOKUP(K$1,városok!$A$2:$C$346,2,0))^2+(VLOOKUP($A290,városok!$A$2:$C$346,3,0)-VLOOKUP(K$1,városok!$A$2:$C$346,3,0))^2)/1000,0)</f>
        <v>172</v>
      </c>
      <c r="L290">
        <f ca="1">ROUND(SQRT((VLOOKUP($A290,városok!$A$2:$C$346,2,0)-VLOOKUP(L$1,városok!$A$2:$C$346,2,0))^2+(VLOOKUP($A290,városok!$A$2:$C$346,3,0)-VLOOKUP(L$1,városok!$A$2:$C$346,3,0))^2)/1000,0)</f>
        <v>58</v>
      </c>
      <c r="M290">
        <f ca="1">ROUND(SQRT((VLOOKUP($A290,városok!$A$2:$C$346,2,0)-VLOOKUP(M$1,városok!$A$2:$C$346,2,0))^2+(VLOOKUP($A290,városok!$A$2:$C$346,3,0)-VLOOKUP(M$1,városok!$A$2:$C$346,3,0))^2)/1000,0)</f>
        <v>42</v>
      </c>
      <c r="N290">
        <f ca="1">ROUND(SQRT((VLOOKUP($A290,városok!$A$2:$C$346,2,0)-VLOOKUP(N$1,városok!$A$2:$C$346,2,0))^2+(VLOOKUP($A290,városok!$A$2:$C$346,3,0)-VLOOKUP(N$1,városok!$A$2:$C$346,3,0))^2)/1000,0)</f>
        <v>81</v>
      </c>
      <c r="O290">
        <f ca="1">ROUND(SQRT((VLOOKUP($A290,városok!$A$2:$C$346,2,0)-VLOOKUP(O$1,városok!$A$2:$C$346,2,0))^2+(VLOOKUP($A290,városok!$A$2:$C$346,3,0)-VLOOKUP(O$1,városok!$A$2:$C$346,3,0))^2)/1000,0)</f>
        <v>45</v>
      </c>
      <c r="P290">
        <f ca="1">ROUND(SQRT((VLOOKUP($A290,városok!$A$2:$C$346,2,0)-VLOOKUP(P$1,városok!$A$2:$C$346,2,0))^2+(VLOOKUP($A290,városok!$A$2:$C$346,3,0)-VLOOKUP(P$1,városok!$A$2:$C$346,3,0))^2)/1000,0)</f>
        <v>45</v>
      </c>
      <c r="Q290">
        <f ca="1">ROUND(SQRT((VLOOKUP($A290,városok!$A$2:$C$346,2,0)-VLOOKUP(Q$1,városok!$A$2:$C$346,2,0))^2+(VLOOKUP($A290,városok!$A$2:$C$346,3,0)-VLOOKUP(Q$1,városok!$A$2:$C$346,3,0))^2)/1000,0)</f>
        <v>196</v>
      </c>
      <c r="R290">
        <f ca="1">ROUND(SQRT((VLOOKUP($A290,városok!$A$2:$C$346,2,0)-VLOOKUP(R$1,városok!$A$2:$C$346,2,0))^2+(VLOOKUP($A290,városok!$A$2:$C$346,3,0)-VLOOKUP(R$1,városok!$A$2:$C$346,3,0))^2)/1000,0)</f>
        <v>213</v>
      </c>
      <c r="S290">
        <f ca="1">ROUND(SQRT((VLOOKUP($A290,városok!$A$2:$C$346,2,0)-VLOOKUP(S$1,városok!$A$2:$C$346,2,0))^2+(VLOOKUP($A290,városok!$A$2:$C$346,3,0)-VLOOKUP(S$1,városok!$A$2:$C$346,3,0))^2)/1000,0)</f>
        <v>219</v>
      </c>
      <c r="T290">
        <f ca="1">ROUND(SQRT((VLOOKUP($A290,városok!$A$2:$C$346,2,0)-VLOOKUP(T$1,városok!$A$2:$C$346,2,0))^2+(VLOOKUP($A290,városok!$A$2:$C$346,3,0)-VLOOKUP(T$1,városok!$A$2:$C$346,3,0))^2)/1000,0)</f>
        <v>212</v>
      </c>
      <c r="U290">
        <f ca="1">ROUND(SQRT((VLOOKUP($A290,városok!$A$2:$C$346,2,0)-VLOOKUP(U$1,városok!$A$2:$C$346,2,0))^2+(VLOOKUP($A290,városok!$A$2:$C$346,3,0)-VLOOKUP(U$1,városok!$A$2:$C$346,3,0))^2)/1000,0)</f>
        <v>218</v>
      </c>
      <c r="V290">
        <f ca="1">ROUND(SQRT((VLOOKUP($A290,városok!$A$2:$C$346,2,0)-VLOOKUP(V$1,városok!$A$2:$C$346,2,0))^2+(VLOOKUP($A290,városok!$A$2:$C$346,3,0)-VLOOKUP(V$1,városok!$A$2:$C$346,3,0))^2)/1000,0)</f>
        <v>254</v>
      </c>
      <c r="W290">
        <f ca="1">ROUND(SQRT((VLOOKUP($A290,városok!$A$2:$C$346,2,0)-VLOOKUP(W$1,városok!$A$2:$C$346,2,0))^2+(VLOOKUP($A290,városok!$A$2:$C$346,3,0)-VLOOKUP(W$1,városok!$A$2:$C$346,3,0))^2)/1000,0)</f>
        <v>242</v>
      </c>
      <c r="X290">
        <f ca="1">ROUND(SQRT((VLOOKUP($A290,városok!$A$2:$C$346,2,0)-VLOOKUP(X$1,városok!$A$2:$C$346,2,0))^2+(VLOOKUP($A290,városok!$A$2:$C$346,3,0)-VLOOKUP(X$1,városok!$A$2:$C$346,3,0))^2)/1000,0)</f>
        <v>242</v>
      </c>
      <c r="Y290">
        <f ca="1">ROUND(SQRT((VLOOKUP($A290,városok!$A$2:$C$346,2,0)-VLOOKUP(Y$1,városok!$A$2:$C$346,2,0))^2+(VLOOKUP($A290,városok!$A$2:$C$346,3,0)-VLOOKUP(Y$1,városok!$A$2:$C$346,3,0))^2)/1000,0)</f>
        <v>280</v>
      </c>
      <c r="Z290">
        <f ca="1">ROUND(SQRT((VLOOKUP($A290,városok!$A$2:$C$346,2,0)-VLOOKUP(Z$1,városok!$A$2:$C$346,2,0))^2+(VLOOKUP($A290,városok!$A$2:$C$346,3,0)-VLOOKUP(Z$1,városok!$A$2:$C$346,3,0))^2)/1000,0)</f>
        <v>298</v>
      </c>
      <c r="AA290">
        <f ca="1">ROUND(SQRT((VLOOKUP($A290,városok!$A$2:$C$346,2,0)-VLOOKUP(AA$1,városok!$A$2:$C$346,2,0))^2+(VLOOKUP($A290,városok!$A$2:$C$346,3,0)-VLOOKUP(AA$1,városok!$A$2:$C$346,3,0))^2)/1000,0)</f>
        <v>359</v>
      </c>
      <c r="AB290">
        <f ca="1">ROUND(SQRT((VLOOKUP($A290,városok!$A$2:$C$346,2,0)-VLOOKUP(AB$1,városok!$A$2:$C$346,2,0))^2+(VLOOKUP($A290,városok!$A$2:$C$346,3,0)-VLOOKUP(AB$1,városok!$A$2:$C$346,3,0))^2)/1000,0)</f>
        <v>61</v>
      </c>
      <c r="AC290">
        <f ca="1">ROUND(SQRT((VLOOKUP($A290,városok!$A$2:$C$346,2,0)-VLOOKUP(AC$1,városok!$A$2:$C$346,2,0))^2+(VLOOKUP($A290,városok!$A$2:$C$346,3,0)-VLOOKUP(AC$1,városok!$A$2:$C$346,3,0))^2)/1000,0)</f>
        <v>67</v>
      </c>
      <c r="AD290">
        <f ca="1">ROUND(SQRT((VLOOKUP($A290,városok!$A$2:$C$346,2,0)-VLOOKUP(AD$1,városok!$A$2:$C$346,2,0))^2+(VLOOKUP($A290,városok!$A$2:$C$346,3,0)-VLOOKUP(AD$1,városok!$A$2:$C$346,3,0))^2)/1000,0)</f>
        <v>70</v>
      </c>
      <c r="AE290">
        <f ca="1">ROUND(SQRT((VLOOKUP($A290,városok!$A$2:$C$346,2,0)-VLOOKUP(AE$1,városok!$A$2:$C$346,2,0))^2+(VLOOKUP($A290,városok!$A$2:$C$346,3,0)-VLOOKUP(AE$1,városok!$A$2:$C$346,3,0))^2)/1000,0)</f>
        <v>86</v>
      </c>
      <c r="AF290">
        <f ca="1">ROUND(SQRT((VLOOKUP($A290,városok!$A$2:$C$346,2,0)-VLOOKUP(AF$1,városok!$A$2:$C$346,2,0))^2+(VLOOKUP($A290,városok!$A$2:$C$346,3,0)-VLOOKUP(AF$1,városok!$A$2:$C$346,3,0))^2)/1000,0)</f>
        <v>74</v>
      </c>
      <c r="AG290">
        <f ca="1">ROUND(SQRT((VLOOKUP($A290,városok!$A$2:$C$346,2,0)-VLOOKUP(AG$1,városok!$A$2:$C$346,2,0))^2+(VLOOKUP($A290,városok!$A$2:$C$346,3,0)-VLOOKUP(AG$1,városok!$A$2:$C$346,3,0))^2)/1000,0)</f>
        <v>110</v>
      </c>
      <c r="AH290">
        <f ca="1">ROUND(SQRT((VLOOKUP($A290,városok!$A$2:$C$346,2,0)-VLOOKUP(AH$1,városok!$A$2:$C$346,2,0))^2+(VLOOKUP($A290,városok!$A$2:$C$346,3,0)-VLOOKUP(AH$1,városok!$A$2:$C$346,3,0))^2)/1000,0)</f>
        <v>132</v>
      </c>
      <c r="AI290">
        <f ca="1">ROUND(SQRT((VLOOKUP($A290,városok!$A$2:$C$346,2,0)-VLOOKUP(AI$1,városok!$A$2:$C$346,2,0))^2+(VLOOKUP($A290,városok!$A$2:$C$346,3,0)-VLOOKUP(AI$1,városok!$A$2:$C$346,3,0))^2)/1000,0)</f>
        <v>93</v>
      </c>
      <c r="AJ290">
        <f ca="1">ROUND(SQRT((VLOOKUP($A290,városok!$A$2:$C$346,2,0)-VLOOKUP(AJ$1,városok!$A$2:$C$346,2,0))^2+(VLOOKUP($A290,városok!$A$2:$C$346,3,0)-VLOOKUP(AJ$1,városok!$A$2:$C$346,3,0))^2)/1000,0)</f>
        <v>112</v>
      </c>
      <c r="AK290">
        <f ca="1">ROUND(SQRT((VLOOKUP($A290,városok!$A$2:$C$346,2,0)-VLOOKUP(AK$1,városok!$A$2:$C$346,2,0))^2+(VLOOKUP($A290,városok!$A$2:$C$346,3,0)-VLOOKUP(AK$1,városok!$A$2:$C$346,3,0))^2)/1000,0)</f>
        <v>89</v>
      </c>
      <c r="AL290">
        <f ca="1">ROUND(SQRT((VLOOKUP($A290,városok!$A$2:$C$346,2,0)-VLOOKUP(AL$1,városok!$A$2:$C$346,2,0))^2+(VLOOKUP($A290,városok!$A$2:$C$346,3,0)-VLOOKUP(AL$1,városok!$A$2:$C$346,3,0))^2)/1000,0)</f>
        <v>92</v>
      </c>
      <c r="AM290">
        <f ca="1">ROUND(SQRT((VLOOKUP($A290,városok!$A$2:$C$346,2,0)-VLOOKUP(AM$1,városok!$A$2:$C$346,2,0))^2+(VLOOKUP($A290,városok!$A$2:$C$346,3,0)-VLOOKUP(AM$1,városok!$A$2:$C$346,3,0))^2)/1000,0)</f>
        <v>130</v>
      </c>
      <c r="AN290">
        <f ca="1">ROUND(SQRT((VLOOKUP($A290,városok!$A$2:$C$346,2,0)-VLOOKUP(AN$1,városok!$A$2:$C$346,2,0))^2+(VLOOKUP($A290,városok!$A$2:$C$346,3,0)-VLOOKUP(AN$1,városok!$A$2:$C$346,3,0))^2)/1000,0)</f>
        <v>197</v>
      </c>
      <c r="AO290">
        <f ca="1">ROUND(SQRT((VLOOKUP($A290,városok!$A$2:$C$346,2,0)-VLOOKUP(AO$1,városok!$A$2:$C$346,2,0))^2+(VLOOKUP($A290,városok!$A$2:$C$346,3,0)-VLOOKUP(AO$1,városok!$A$2:$C$346,3,0))^2)/1000,0)</f>
        <v>243</v>
      </c>
      <c r="AP290">
        <f ca="1">ROUND(SQRT((VLOOKUP($A290,városok!$A$2:$C$346,2,0)-VLOOKUP(AP$1,városok!$A$2:$C$346,2,0))^2+(VLOOKUP($A290,városok!$A$2:$C$346,3,0)-VLOOKUP(AP$1,városok!$A$2:$C$346,3,0))^2)/1000,0)</f>
        <v>230</v>
      </c>
      <c r="AQ290">
        <f ca="1">ROUND(SQRT((VLOOKUP($A290,városok!$A$2:$C$346,2,0)-VLOOKUP(AQ$1,városok!$A$2:$C$346,2,0))^2+(VLOOKUP($A290,városok!$A$2:$C$346,3,0)-VLOOKUP(AQ$1,városok!$A$2:$C$346,3,0))^2)/1000,0)</f>
        <v>226</v>
      </c>
      <c r="AR290">
        <f ca="1">ROUND(SQRT((VLOOKUP($A290,városok!$A$2:$C$346,2,0)-VLOOKUP(AR$1,városok!$A$2:$C$346,2,0))^2+(VLOOKUP($A290,városok!$A$2:$C$346,3,0)-VLOOKUP(AR$1,városok!$A$2:$C$346,3,0))^2)/1000,0)</f>
        <v>124</v>
      </c>
      <c r="AS290">
        <f ca="1">ROUND(SQRT((VLOOKUP($A290,városok!$A$2:$C$346,2,0)-VLOOKUP(AS$1,városok!$A$2:$C$346,2,0))^2+(VLOOKUP($A290,városok!$A$2:$C$346,3,0)-VLOOKUP(AS$1,városok!$A$2:$C$346,3,0))^2)/1000,0)</f>
        <v>114</v>
      </c>
      <c r="AT290">
        <f ca="1">ROUND(SQRT((VLOOKUP($A290,városok!$A$2:$C$346,2,0)-VLOOKUP(AT$1,városok!$A$2:$C$346,2,0))^2+(VLOOKUP($A290,városok!$A$2:$C$346,3,0)-VLOOKUP(AT$1,városok!$A$2:$C$346,3,0))^2)/1000,0)</f>
        <v>200</v>
      </c>
      <c r="AU290">
        <f ca="1">ROUND(SQRT((VLOOKUP($A290,városok!$A$2:$C$346,2,0)-VLOOKUP(AU$1,városok!$A$2:$C$346,2,0))^2+(VLOOKUP($A290,városok!$A$2:$C$346,3,0)-VLOOKUP(AU$1,városok!$A$2:$C$346,3,0))^2)/1000,0)</f>
        <v>190</v>
      </c>
      <c r="AV290">
        <f ca="1">ROUND(SQRT((VLOOKUP($A290,városok!$A$2:$C$346,2,0)-VLOOKUP(AV$1,városok!$A$2:$C$346,2,0))^2+(VLOOKUP($A290,városok!$A$2:$C$346,3,0)-VLOOKUP(AV$1,városok!$A$2:$C$346,3,0))^2)/1000,0)</f>
        <v>193</v>
      </c>
      <c r="AW290">
        <f ca="1">ROUND(SQRT((VLOOKUP($A290,városok!$A$2:$C$346,2,0)-VLOOKUP(AW$1,városok!$A$2:$C$346,2,0))^2+(VLOOKUP($A290,városok!$A$2:$C$346,3,0)-VLOOKUP(AW$1,városok!$A$2:$C$346,3,0))^2)/1000,0)</f>
        <v>196</v>
      </c>
      <c r="AX290">
        <f ca="1">ROUND(SQRT((VLOOKUP($A290,városok!$A$2:$C$346,2,0)-VLOOKUP(AX$1,városok!$A$2:$C$346,2,0))^2+(VLOOKUP($A290,városok!$A$2:$C$346,3,0)-VLOOKUP(AX$1,városok!$A$2:$C$346,3,0))^2)/1000,0)</f>
        <v>163</v>
      </c>
      <c r="AY290">
        <f ca="1">ROUND(SQRT((VLOOKUP($A290,városok!$A$2:$C$346,2,0)-VLOOKUP(AY$1,városok!$A$2:$C$346,2,0))^2+(VLOOKUP($A290,városok!$A$2:$C$346,3,0)-VLOOKUP(AY$1,városok!$A$2:$C$346,3,0))^2)/1000,0)</f>
        <v>175</v>
      </c>
      <c r="AZ290">
        <f ca="1">ROUND(SQRT((VLOOKUP($A290,városok!$A$2:$C$346,2,0)-VLOOKUP(AZ$1,városok!$A$2:$C$346,2,0))^2+(VLOOKUP($A290,városok!$A$2:$C$346,3,0)-VLOOKUP(AZ$1,városok!$A$2:$C$346,3,0))^2)/1000,0)</f>
        <v>180</v>
      </c>
      <c r="BA290">
        <f ca="1">ROUND(SQRT((VLOOKUP($A290,városok!$A$2:$C$346,2,0)-VLOOKUP(BA$1,városok!$A$2:$C$346,2,0))^2+(VLOOKUP($A290,városok!$A$2:$C$346,3,0)-VLOOKUP(BA$1,városok!$A$2:$C$346,3,0))^2)/1000,0)</f>
        <v>309</v>
      </c>
      <c r="BB290">
        <f ca="1">ROUND(SQRT((VLOOKUP($A290,városok!$A$2:$C$346,2,0)-VLOOKUP(BB$1,városok!$A$2:$C$346,2,0))^2+(VLOOKUP($A290,városok!$A$2:$C$346,3,0)-VLOOKUP(BB$1,városok!$A$2:$C$346,3,0))^2)/1000,0)</f>
        <v>307</v>
      </c>
      <c r="BC290">
        <f ca="1">ROUND(SQRT((VLOOKUP($A290,városok!$A$2:$C$346,2,0)-VLOOKUP(BC$1,városok!$A$2:$C$346,2,0))^2+(VLOOKUP($A290,városok!$A$2:$C$346,3,0)-VLOOKUP(BC$1,városok!$A$2:$C$346,3,0))^2)/1000,0)</f>
        <v>328</v>
      </c>
      <c r="BD290">
        <f ca="1">ROUND(SQRT((VLOOKUP($A290,városok!$A$2:$C$346,2,0)-VLOOKUP(BD$1,városok!$A$2:$C$346,2,0))^2+(VLOOKUP($A290,városok!$A$2:$C$346,3,0)-VLOOKUP(BD$1,városok!$A$2:$C$346,3,0))^2)/1000,0)</f>
        <v>278</v>
      </c>
      <c r="BE290">
        <f ca="1">ROUND(SQRT((VLOOKUP($A290,városok!$A$2:$C$346,2,0)-VLOOKUP(BE$1,városok!$A$2:$C$346,2,0))^2+(VLOOKUP($A290,városok!$A$2:$C$346,3,0)-VLOOKUP(BE$1,városok!$A$2:$C$346,3,0))^2)/1000,0)</f>
        <v>102</v>
      </c>
      <c r="BF290">
        <f ca="1">ROUND(SQRT((VLOOKUP($A290,városok!$A$2:$C$346,2,0)-VLOOKUP(BF$1,városok!$A$2:$C$346,2,0))^2+(VLOOKUP($A290,városok!$A$2:$C$346,3,0)-VLOOKUP(BF$1,városok!$A$2:$C$346,3,0))^2)/1000,0)</f>
        <v>58</v>
      </c>
      <c r="BG290">
        <f ca="1">ROUND(SQRT((VLOOKUP($A290,városok!$A$2:$C$346,2,0)-VLOOKUP(BG$1,városok!$A$2:$C$346,2,0))^2+(VLOOKUP($A290,városok!$A$2:$C$346,3,0)-VLOOKUP(BG$1,városok!$A$2:$C$346,3,0))^2)/1000,0)</f>
        <v>13</v>
      </c>
      <c r="BH290">
        <f ca="1">ROUND(SQRT((VLOOKUP($A290,városok!$A$2:$C$346,2,0)-VLOOKUP(BH$1,városok!$A$2:$C$346,2,0))^2+(VLOOKUP($A290,városok!$A$2:$C$346,3,0)-VLOOKUP(BH$1,városok!$A$2:$C$346,3,0))^2)/1000,0)</f>
        <v>13</v>
      </c>
      <c r="BI290">
        <f ca="1">ROUND(SQRT((VLOOKUP($A290,városok!$A$2:$C$346,2,0)-VLOOKUP(BI$1,városok!$A$2:$C$346,2,0))^2+(VLOOKUP($A290,városok!$A$2:$C$346,3,0)-VLOOKUP(BI$1,városok!$A$2:$C$346,3,0))^2)/1000,0)</f>
        <v>276</v>
      </c>
      <c r="BJ290">
        <f ca="1">ROUND(SQRT((VLOOKUP($A290,városok!$A$2:$C$346,2,0)-VLOOKUP(BJ$1,városok!$A$2:$C$346,2,0))^2+(VLOOKUP($A290,városok!$A$2:$C$346,3,0)-VLOOKUP(BJ$1,városok!$A$2:$C$346,3,0))^2)/1000,0)</f>
        <v>293</v>
      </c>
      <c r="BK290">
        <f ca="1">ROUND(SQRT((VLOOKUP($A290,városok!$A$2:$C$346,2,0)-VLOOKUP(BK$1,városok!$A$2:$C$346,2,0))^2+(VLOOKUP($A290,városok!$A$2:$C$346,3,0)-VLOOKUP(BK$1,városok!$A$2:$C$346,3,0))^2)/1000,0)</f>
        <v>275</v>
      </c>
      <c r="BL290">
        <f ca="1">ROUND(SQRT((VLOOKUP($A290,városok!$A$2:$C$346,2,0)-VLOOKUP(BL$1,városok!$A$2:$C$346,2,0))^2+(VLOOKUP($A290,városok!$A$2:$C$346,3,0)-VLOOKUP(BL$1,városok!$A$2:$C$346,3,0))^2)/1000,0)</f>
        <v>375</v>
      </c>
      <c r="BM290">
        <f ca="1">ROUND(SQRT((VLOOKUP($A290,városok!$A$2:$C$346,2,0)-VLOOKUP(BM$1,városok!$A$2:$C$346,2,0))^2+(VLOOKUP($A290,városok!$A$2:$C$346,3,0)-VLOOKUP(BM$1,városok!$A$2:$C$346,3,0))^2)/1000,0)</f>
        <v>343</v>
      </c>
      <c r="BN290">
        <f ca="1">ROUND(SQRT((VLOOKUP($A290,városok!$A$2:$C$346,2,0)-VLOOKUP(BN$1,városok!$A$2:$C$346,2,0))^2+(VLOOKUP($A290,városok!$A$2:$C$346,3,0)-VLOOKUP(BN$1,városok!$A$2:$C$346,3,0))^2)/1000,0)</f>
        <v>366</v>
      </c>
      <c r="BO290">
        <f ca="1">ROUND(SQRT((VLOOKUP($A290,városok!$A$2:$C$346,2,0)-VLOOKUP(BO$1,városok!$A$2:$C$346,2,0))^2+(VLOOKUP($A290,városok!$A$2:$C$346,3,0)-VLOOKUP(BO$1,városok!$A$2:$C$346,3,0))^2)/1000,0)</f>
        <v>275</v>
      </c>
      <c r="BP290">
        <f ca="1">ROUND(SQRT((VLOOKUP($A290,városok!$A$2:$C$346,2,0)-VLOOKUP(BP$1,városok!$A$2:$C$346,2,0))^2+(VLOOKUP($A290,városok!$A$2:$C$346,3,0)-VLOOKUP(BP$1,városok!$A$2:$C$346,3,0))^2)/1000,0)</f>
        <v>268</v>
      </c>
      <c r="BQ290">
        <f ca="1">ROUND(SQRT((VLOOKUP($A290,városok!$A$2:$C$346,2,0)-VLOOKUP(BQ$1,városok!$A$2:$C$346,2,0))^2+(VLOOKUP($A290,városok!$A$2:$C$346,3,0)-VLOOKUP(BQ$1,városok!$A$2:$C$346,3,0))^2)/1000,0)</f>
        <v>279</v>
      </c>
      <c r="BR290">
        <f ca="1">ROUND(SQRT((VLOOKUP($A290,városok!$A$2:$C$346,2,0)-VLOOKUP(BR$1,városok!$A$2:$C$346,2,0))^2+(VLOOKUP($A290,városok!$A$2:$C$346,3,0)-VLOOKUP(BR$1,városok!$A$2:$C$346,3,0))^2)/1000,0)</f>
        <v>340</v>
      </c>
      <c r="BS290">
        <f ca="1">ROUND(SQRT((VLOOKUP($A290,városok!$A$2:$C$346,2,0)-VLOOKUP(BS$1,városok!$A$2:$C$346,2,0))^2+(VLOOKUP($A290,városok!$A$2:$C$346,3,0)-VLOOKUP(BS$1,városok!$A$2:$C$346,3,0))^2)/1000,0)</f>
        <v>374</v>
      </c>
      <c r="BT290">
        <f ca="1">ROUND(SQRT((VLOOKUP($A290,városok!$A$2:$C$346,2,0)-VLOOKUP(BT$1,városok!$A$2:$C$346,2,0))^2+(VLOOKUP($A290,városok!$A$2:$C$346,3,0)-VLOOKUP(BT$1,városok!$A$2:$C$346,3,0))^2)/1000,0)</f>
        <v>365</v>
      </c>
    </row>
    <row r="291" spans="1:72" x14ac:dyDescent="0.2">
      <c r="A291" t="str">
        <f>városok!A291</f>
        <v>Rakamaz</v>
      </c>
      <c r="B291">
        <f ca="1">ROUND(SQRT((VLOOKUP($A291,városok!$A$2:$C$346,2,0)-VLOOKUP(B$1,városok!$A$2:$C$346,2,0))^2+(VLOOKUP($A291,városok!$A$2:$C$346,3,0)-VLOOKUP(B$1,városok!$A$2:$C$346,3,0))^2)/1000,0)</f>
        <v>287</v>
      </c>
      <c r="C291">
        <f ca="1">ROUND(SQRT((VLOOKUP($A291,városok!$A$2:$C$346,2,0)-VLOOKUP(C$1,városok!$A$2:$C$346,2,0))^2+(VLOOKUP($A291,városok!$A$2:$C$346,3,0)-VLOOKUP(C$1,városok!$A$2:$C$346,3,0))^2)/1000,0)</f>
        <v>258</v>
      </c>
      <c r="D291">
        <f ca="1">ROUND(SQRT((VLOOKUP($A291,városok!$A$2:$C$346,2,0)-VLOOKUP(D$1,városok!$A$2:$C$346,2,0))^2+(VLOOKUP($A291,városok!$A$2:$C$346,3,0)-VLOOKUP(D$1,városok!$A$2:$C$346,3,0))^2)/1000,0)</f>
        <v>190</v>
      </c>
      <c r="E291">
        <f ca="1">ROUND(SQRT((VLOOKUP($A291,városok!$A$2:$C$346,2,0)-VLOOKUP(E$1,városok!$A$2:$C$346,2,0))^2+(VLOOKUP($A291,városok!$A$2:$C$346,3,0)-VLOOKUP(E$1,városok!$A$2:$C$346,3,0))^2)/1000,0)</f>
        <v>324</v>
      </c>
      <c r="F291">
        <f ca="1">ROUND(SQRT((VLOOKUP($A291,városok!$A$2:$C$346,2,0)-VLOOKUP(F$1,városok!$A$2:$C$346,2,0))^2+(VLOOKUP($A291,városok!$A$2:$C$346,3,0)-VLOOKUP(F$1,városok!$A$2:$C$346,3,0))^2)/1000,0)</f>
        <v>317</v>
      </c>
      <c r="G291">
        <f ca="1">ROUND(SQRT((VLOOKUP($A291,városok!$A$2:$C$346,2,0)-VLOOKUP(G$1,városok!$A$2:$C$346,2,0))^2+(VLOOKUP($A291,városok!$A$2:$C$346,3,0)-VLOOKUP(G$1,városok!$A$2:$C$346,3,0))^2)/1000,0)</f>
        <v>334</v>
      </c>
      <c r="H291">
        <f ca="1">ROUND(SQRT((VLOOKUP($A291,városok!$A$2:$C$346,2,0)-VLOOKUP(H$1,városok!$A$2:$C$346,2,0))^2+(VLOOKUP($A291,városok!$A$2:$C$346,3,0)-VLOOKUP(H$1,városok!$A$2:$C$346,3,0))^2)/1000,0)</f>
        <v>362</v>
      </c>
      <c r="I291">
        <f ca="1">ROUND(SQRT((VLOOKUP($A291,városok!$A$2:$C$346,2,0)-VLOOKUP(I$1,városok!$A$2:$C$346,2,0))^2+(VLOOKUP($A291,városok!$A$2:$C$346,3,0)-VLOOKUP(I$1,városok!$A$2:$C$346,3,0))^2)/1000,0)</f>
        <v>164</v>
      </c>
      <c r="J291">
        <f ca="1">ROUND(SQRT((VLOOKUP($A291,városok!$A$2:$C$346,2,0)-VLOOKUP(J$1,városok!$A$2:$C$346,2,0))^2+(VLOOKUP($A291,városok!$A$2:$C$346,3,0)-VLOOKUP(J$1,városok!$A$2:$C$346,3,0))^2)/1000,0)</f>
        <v>165</v>
      </c>
      <c r="K291">
        <f ca="1">ROUND(SQRT((VLOOKUP($A291,városok!$A$2:$C$346,2,0)-VLOOKUP(K$1,városok!$A$2:$C$346,2,0))^2+(VLOOKUP($A291,városok!$A$2:$C$346,3,0)-VLOOKUP(K$1,városok!$A$2:$C$346,3,0))^2)/1000,0)</f>
        <v>184</v>
      </c>
      <c r="L291">
        <f ca="1">ROUND(SQRT((VLOOKUP($A291,városok!$A$2:$C$346,2,0)-VLOOKUP(L$1,városok!$A$2:$C$346,2,0))^2+(VLOOKUP($A291,városok!$A$2:$C$346,3,0)-VLOOKUP(L$1,városok!$A$2:$C$346,3,0))^2)/1000,0)</f>
        <v>63</v>
      </c>
      <c r="M291">
        <f ca="1">ROUND(SQRT((VLOOKUP($A291,városok!$A$2:$C$346,2,0)-VLOOKUP(M$1,városok!$A$2:$C$346,2,0))^2+(VLOOKUP($A291,városok!$A$2:$C$346,3,0)-VLOOKUP(M$1,városok!$A$2:$C$346,3,0))^2)/1000,0)</f>
        <v>50</v>
      </c>
      <c r="N291">
        <f ca="1">ROUND(SQRT((VLOOKUP($A291,városok!$A$2:$C$346,2,0)-VLOOKUP(N$1,városok!$A$2:$C$346,2,0))^2+(VLOOKUP($A291,városok!$A$2:$C$346,3,0)-VLOOKUP(N$1,városok!$A$2:$C$346,3,0))^2)/1000,0)</f>
        <v>88</v>
      </c>
      <c r="O291">
        <f ca="1">ROUND(SQRT((VLOOKUP($A291,városok!$A$2:$C$346,2,0)-VLOOKUP(O$1,városok!$A$2:$C$346,2,0))^2+(VLOOKUP($A291,városok!$A$2:$C$346,3,0)-VLOOKUP(O$1,városok!$A$2:$C$346,3,0))^2)/1000,0)</f>
        <v>33</v>
      </c>
      <c r="P291">
        <f ca="1">ROUND(SQRT((VLOOKUP($A291,városok!$A$2:$C$346,2,0)-VLOOKUP(P$1,városok!$A$2:$C$346,2,0))^2+(VLOOKUP($A291,városok!$A$2:$C$346,3,0)-VLOOKUP(P$1,városok!$A$2:$C$346,3,0))^2)/1000,0)</f>
        <v>33</v>
      </c>
      <c r="Q291">
        <f ca="1">ROUND(SQRT((VLOOKUP($A291,városok!$A$2:$C$346,2,0)-VLOOKUP(Q$1,városok!$A$2:$C$346,2,0))^2+(VLOOKUP($A291,városok!$A$2:$C$346,3,0)-VLOOKUP(Q$1,városok!$A$2:$C$346,3,0))^2)/1000,0)</f>
        <v>208</v>
      </c>
      <c r="R291">
        <f ca="1">ROUND(SQRT((VLOOKUP($A291,városok!$A$2:$C$346,2,0)-VLOOKUP(R$1,városok!$A$2:$C$346,2,0))^2+(VLOOKUP($A291,városok!$A$2:$C$346,3,0)-VLOOKUP(R$1,városok!$A$2:$C$346,3,0))^2)/1000,0)</f>
        <v>225</v>
      </c>
      <c r="S291">
        <f ca="1">ROUND(SQRT((VLOOKUP($A291,városok!$A$2:$C$346,2,0)-VLOOKUP(S$1,városok!$A$2:$C$346,2,0))^2+(VLOOKUP($A291,városok!$A$2:$C$346,3,0)-VLOOKUP(S$1,városok!$A$2:$C$346,3,0))^2)/1000,0)</f>
        <v>231</v>
      </c>
      <c r="T291">
        <f ca="1">ROUND(SQRT((VLOOKUP($A291,városok!$A$2:$C$346,2,0)-VLOOKUP(T$1,városok!$A$2:$C$346,2,0))^2+(VLOOKUP($A291,városok!$A$2:$C$346,3,0)-VLOOKUP(T$1,városok!$A$2:$C$346,3,0))^2)/1000,0)</f>
        <v>223</v>
      </c>
      <c r="U291">
        <f ca="1">ROUND(SQRT((VLOOKUP($A291,városok!$A$2:$C$346,2,0)-VLOOKUP(U$1,városok!$A$2:$C$346,2,0))^2+(VLOOKUP($A291,városok!$A$2:$C$346,3,0)-VLOOKUP(U$1,városok!$A$2:$C$346,3,0))^2)/1000,0)</f>
        <v>230</v>
      </c>
      <c r="V291">
        <f ca="1">ROUND(SQRT((VLOOKUP($A291,városok!$A$2:$C$346,2,0)-VLOOKUP(V$1,városok!$A$2:$C$346,2,0))^2+(VLOOKUP($A291,városok!$A$2:$C$346,3,0)-VLOOKUP(V$1,városok!$A$2:$C$346,3,0))^2)/1000,0)</f>
        <v>265</v>
      </c>
      <c r="W291">
        <f ca="1">ROUND(SQRT((VLOOKUP($A291,városok!$A$2:$C$346,2,0)-VLOOKUP(W$1,városok!$A$2:$C$346,2,0))^2+(VLOOKUP($A291,városok!$A$2:$C$346,3,0)-VLOOKUP(W$1,városok!$A$2:$C$346,3,0))^2)/1000,0)</f>
        <v>254</v>
      </c>
      <c r="X291">
        <f ca="1">ROUND(SQRT((VLOOKUP($A291,városok!$A$2:$C$346,2,0)-VLOOKUP(X$1,városok!$A$2:$C$346,2,0))^2+(VLOOKUP($A291,városok!$A$2:$C$346,3,0)-VLOOKUP(X$1,városok!$A$2:$C$346,3,0))^2)/1000,0)</f>
        <v>253</v>
      </c>
      <c r="Y291">
        <f ca="1">ROUND(SQRT((VLOOKUP($A291,városok!$A$2:$C$346,2,0)-VLOOKUP(Y$1,városok!$A$2:$C$346,2,0))^2+(VLOOKUP($A291,városok!$A$2:$C$346,3,0)-VLOOKUP(Y$1,városok!$A$2:$C$346,3,0))^2)/1000,0)</f>
        <v>290</v>
      </c>
      <c r="Z291">
        <f ca="1">ROUND(SQRT((VLOOKUP($A291,városok!$A$2:$C$346,2,0)-VLOOKUP(Z$1,városok!$A$2:$C$346,2,0))^2+(VLOOKUP($A291,városok!$A$2:$C$346,3,0)-VLOOKUP(Z$1,városok!$A$2:$C$346,3,0))^2)/1000,0)</f>
        <v>307</v>
      </c>
      <c r="AA291">
        <f ca="1">ROUND(SQRT((VLOOKUP($A291,városok!$A$2:$C$346,2,0)-VLOOKUP(AA$1,városok!$A$2:$C$346,2,0))^2+(VLOOKUP($A291,városok!$A$2:$C$346,3,0)-VLOOKUP(AA$1,városok!$A$2:$C$346,3,0))^2)/1000,0)</f>
        <v>368</v>
      </c>
      <c r="AB291">
        <f ca="1">ROUND(SQRT((VLOOKUP($A291,városok!$A$2:$C$346,2,0)-VLOOKUP(AB$1,városok!$A$2:$C$346,2,0))^2+(VLOOKUP($A291,városok!$A$2:$C$346,3,0)-VLOOKUP(AB$1,városok!$A$2:$C$346,3,0))^2)/1000,0)</f>
        <v>67</v>
      </c>
      <c r="AC291">
        <f ca="1">ROUND(SQRT((VLOOKUP($A291,városok!$A$2:$C$346,2,0)-VLOOKUP(AC$1,városok!$A$2:$C$346,2,0))^2+(VLOOKUP($A291,városok!$A$2:$C$346,3,0)-VLOOKUP(AC$1,városok!$A$2:$C$346,3,0))^2)/1000,0)</f>
        <v>76</v>
      </c>
      <c r="AD291">
        <f ca="1">ROUND(SQRT((VLOOKUP($A291,városok!$A$2:$C$346,2,0)-VLOOKUP(AD$1,városok!$A$2:$C$346,2,0))^2+(VLOOKUP($A291,városok!$A$2:$C$346,3,0)-VLOOKUP(AD$1,városok!$A$2:$C$346,3,0))^2)/1000,0)</f>
        <v>81</v>
      </c>
      <c r="AE291">
        <f ca="1">ROUND(SQRT((VLOOKUP($A291,városok!$A$2:$C$346,2,0)-VLOOKUP(AE$1,városok!$A$2:$C$346,2,0))^2+(VLOOKUP($A291,városok!$A$2:$C$346,3,0)-VLOOKUP(AE$1,városok!$A$2:$C$346,3,0))^2)/1000,0)</f>
        <v>96</v>
      </c>
      <c r="AF291">
        <f ca="1">ROUND(SQRT((VLOOKUP($A291,városok!$A$2:$C$346,2,0)-VLOOKUP(AF$1,városok!$A$2:$C$346,2,0))^2+(VLOOKUP($A291,városok!$A$2:$C$346,3,0)-VLOOKUP(AF$1,városok!$A$2:$C$346,3,0))^2)/1000,0)</f>
        <v>85</v>
      </c>
      <c r="AG291">
        <f ca="1">ROUND(SQRT((VLOOKUP($A291,városok!$A$2:$C$346,2,0)-VLOOKUP(AG$1,városok!$A$2:$C$346,2,0))^2+(VLOOKUP($A291,városok!$A$2:$C$346,3,0)-VLOOKUP(AG$1,városok!$A$2:$C$346,3,0))^2)/1000,0)</f>
        <v>121</v>
      </c>
      <c r="AH291">
        <f ca="1">ROUND(SQRT((VLOOKUP($A291,városok!$A$2:$C$346,2,0)-VLOOKUP(AH$1,városok!$A$2:$C$346,2,0))^2+(VLOOKUP($A291,városok!$A$2:$C$346,3,0)-VLOOKUP(AH$1,városok!$A$2:$C$346,3,0))^2)/1000,0)</f>
        <v>143</v>
      </c>
      <c r="AI291">
        <f ca="1">ROUND(SQRT((VLOOKUP($A291,városok!$A$2:$C$346,2,0)-VLOOKUP(AI$1,városok!$A$2:$C$346,2,0))^2+(VLOOKUP($A291,városok!$A$2:$C$346,3,0)-VLOOKUP(AI$1,városok!$A$2:$C$346,3,0))^2)/1000,0)</f>
        <v>102</v>
      </c>
      <c r="AJ291">
        <f ca="1">ROUND(SQRT((VLOOKUP($A291,városok!$A$2:$C$346,2,0)-VLOOKUP(AJ$1,városok!$A$2:$C$346,2,0))^2+(VLOOKUP($A291,városok!$A$2:$C$346,3,0)-VLOOKUP(AJ$1,városok!$A$2:$C$346,3,0))^2)/1000,0)</f>
        <v>123</v>
      </c>
      <c r="AK291">
        <f ca="1">ROUND(SQRT((VLOOKUP($A291,városok!$A$2:$C$346,2,0)-VLOOKUP(AK$1,városok!$A$2:$C$346,2,0))^2+(VLOOKUP($A291,városok!$A$2:$C$346,3,0)-VLOOKUP(AK$1,városok!$A$2:$C$346,3,0))^2)/1000,0)</f>
        <v>101</v>
      </c>
      <c r="AL291">
        <f ca="1">ROUND(SQRT((VLOOKUP($A291,városok!$A$2:$C$346,2,0)-VLOOKUP(AL$1,városok!$A$2:$C$346,2,0))^2+(VLOOKUP($A291,városok!$A$2:$C$346,3,0)-VLOOKUP(AL$1,városok!$A$2:$C$346,3,0))^2)/1000,0)</f>
        <v>105</v>
      </c>
      <c r="AM291">
        <f ca="1">ROUND(SQRT((VLOOKUP($A291,városok!$A$2:$C$346,2,0)-VLOOKUP(AM$1,városok!$A$2:$C$346,2,0))^2+(VLOOKUP($A291,városok!$A$2:$C$346,3,0)-VLOOKUP(AM$1,városok!$A$2:$C$346,3,0))^2)/1000,0)</f>
        <v>142</v>
      </c>
      <c r="AN291">
        <f ca="1">ROUND(SQRT((VLOOKUP($A291,városok!$A$2:$C$346,2,0)-VLOOKUP(AN$1,városok!$A$2:$C$346,2,0))^2+(VLOOKUP($A291,városok!$A$2:$C$346,3,0)-VLOOKUP(AN$1,városok!$A$2:$C$346,3,0))^2)/1000,0)</f>
        <v>206</v>
      </c>
      <c r="AO291">
        <f ca="1">ROUND(SQRT((VLOOKUP($A291,városok!$A$2:$C$346,2,0)-VLOOKUP(AO$1,városok!$A$2:$C$346,2,0))^2+(VLOOKUP($A291,városok!$A$2:$C$346,3,0)-VLOOKUP(AO$1,városok!$A$2:$C$346,3,0))^2)/1000,0)</f>
        <v>253</v>
      </c>
      <c r="AP291">
        <f ca="1">ROUND(SQRT((VLOOKUP($A291,városok!$A$2:$C$346,2,0)-VLOOKUP(AP$1,városok!$A$2:$C$346,2,0))^2+(VLOOKUP($A291,városok!$A$2:$C$346,3,0)-VLOOKUP(AP$1,városok!$A$2:$C$346,3,0))^2)/1000,0)</f>
        <v>240</v>
      </c>
      <c r="AQ291">
        <f ca="1">ROUND(SQRT((VLOOKUP($A291,városok!$A$2:$C$346,2,0)-VLOOKUP(AQ$1,városok!$A$2:$C$346,2,0))^2+(VLOOKUP($A291,városok!$A$2:$C$346,3,0)-VLOOKUP(AQ$1,városok!$A$2:$C$346,3,0))^2)/1000,0)</f>
        <v>237</v>
      </c>
      <c r="AR291">
        <f ca="1">ROUND(SQRT((VLOOKUP($A291,városok!$A$2:$C$346,2,0)-VLOOKUP(AR$1,városok!$A$2:$C$346,2,0))^2+(VLOOKUP($A291,városok!$A$2:$C$346,3,0)-VLOOKUP(AR$1,városok!$A$2:$C$346,3,0))^2)/1000,0)</f>
        <v>134</v>
      </c>
      <c r="AS291">
        <f ca="1">ROUND(SQRT((VLOOKUP($A291,városok!$A$2:$C$346,2,0)-VLOOKUP(AS$1,városok!$A$2:$C$346,2,0))^2+(VLOOKUP($A291,városok!$A$2:$C$346,3,0)-VLOOKUP(AS$1,városok!$A$2:$C$346,3,0))^2)/1000,0)</f>
        <v>123</v>
      </c>
      <c r="AT291">
        <f ca="1">ROUND(SQRT((VLOOKUP($A291,városok!$A$2:$C$346,2,0)-VLOOKUP(AT$1,városok!$A$2:$C$346,2,0))^2+(VLOOKUP($A291,városok!$A$2:$C$346,3,0)-VLOOKUP(AT$1,városok!$A$2:$C$346,3,0))^2)/1000,0)</f>
        <v>211</v>
      </c>
      <c r="AU291">
        <f ca="1">ROUND(SQRT((VLOOKUP($A291,városok!$A$2:$C$346,2,0)-VLOOKUP(AU$1,városok!$A$2:$C$346,2,0))^2+(VLOOKUP($A291,városok!$A$2:$C$346,3,0)-VLOOKUP(AU$1,városok!$A$2:$C$346,3,0))^2)/1000,0)</f>
        <v>201</v>
      </c>
      <c r="AV291">
        <f ca="1">ROUND(SQRT((VLOOKUP($A291,városok!$A$2:$C$346,2,0)-VLOOKUP(AV$1,városok!$A$2:$C$346,2,0))^2+(VLOOKUP($A291,városok!$A$2:$C$346,3,0)-VLOOKUP(AV$1,városok!$A$2:$C$346,3,0))^2)/1000,0)</f>
        <v>204</v>
      </c>
      <c r="AW291">
        <f ca="1">ROUND(SQRT((VLOOKUP($A291,városok!$A$2:$C$346,2,0)-VLOOKUP(AW$1,városok!$A$2:$C$346,2,0))^2+(VLOOKUP($A291,városok!$A$2:$C$346,3,0)-VLOOKUP(AW$1,városok!$A$2:$C$346,3,0))^2)/1000,0)</f>
        <v>208</v>
      </c>
      <c r="AX291">
        <f ca="1">ROUND(SQRT((VLOOKUP($A291,városok!$A$2:$C$346,2,0)-VLOOKUP(AX$1,városok!$A$2:$C$346,2,0))^2+(VLOOKUP($A291,városok!$A$2:$C$346,3,0)-VLOOKUP(AX$1,városok!$A$2:$C$346,3,0))^2)/1000,0)</f>
        <v>176</v>
      </c>
      <c r="AY291">
        <f ca="1">ROUND(SQRT((VLOOKUP($A291,városok!$A$2:$C$346,2,0)-VLOOKUP(AY$1,városok!$A$2:$C$346,2,0))^2+(VLOOKUP($A291,városok!$A$2:$C$346,3,0)-VLOOKUP(AY$1,városok!$A$2:$C$346,3,0))^2)/1000,0)</f>
        <v>186</v>
      </c>
      <c r="AZ291">
        <f ca="1">ROUND(SQRT((VLOOKUP($A291,városok!$A$2:$C$346,2,0)-VLOOKUP(AZ$1,városok!$A$2:$C$346,2,0))^2+(VLOOKUP($A291,városok!$A$2:$C$346,3,0)-VLOOKUP(AZ$1,városok!$A$2:$C$346,3,0))^2)/1000,0)</f>
        <v>190</v>
      </c>
      <c r="BA291">
        <f ca="1">ROUND(SQRT((VLOOKUP($A291,városok!$A$2:$C$346,2,0)-VLOOKUP(BA$1,városok!$A$2:$C$346,2,0))^2+(VLOOKUP($A291,városok!$A$2:$C$346,3,0)-VLOOKUP(BA$1,városok!$A$2:$C$346,3,0))^2)/1000,0)</f>
        <v>320</v>
      </c>
      <c r="BB291">
        <f ca="1">ROUND(SQRT((VLOOKUP($A291,városok!$A$2:$C$346,2,0)-VLOOKUP(BB$1,városok!$A$2:$C$346,2,0))^2+(VLOOKUP($A291,városok!$A$2:$C$346,3,0)-VLOOKUP(BB$1,városok!$A$2:$C$346,3,0))^2)/1000,0)</f>
        <v>319</v>
      </c>
      <c r="BC291">
        <f ca="1">ROUND(SQRT((VLOOKUP($A291,városok!$A$2:$C$346,2,0)-VLOOKUP(BC$1,városok!$A$2:$C$346,2,0))^2+(VLOOKUP($A291,városok!$A$2:$C$346,3,0)-VLOOKUP(BC$1,városok!$A$2:$C$346,3,0))^2)/1000,0)</f>
        <v>340</v>
      </c>
      <c r="BD291">
        <f ca="1">ROUND(SQRT((VLOOKUP($A291,városok!$A$2:$C$346,2,0)-VLOOKUP(BD$1,városok!$A$2:$C$346,2,0))^2+(VLOOKUP($A291,városok!$A$2:$C$346,3,0)-VLOOKUP(BD$1,városok!$A$2:$C$346,3,0))^2)/1000,0)</f>
        <v>289</v>
      </c>
      <c r="BE291">
        <f ca="1">ROUND(SQRT((VLOOKUP($A291,városok!$A$2:$C$346,2,0)-VLOOKUP(BE$1,városok!$A$2:$C$346,2,0))^2+(VLOOKUP($A291,városok!$A$2:$C$346,3,0)-VLOOKUP(BE$1,városok!$A$2:$C$346,3,0))^2)/1000,0)</f>
        <v>96</v>
      </c>
      <c r="BF291">
        <f ca="1">ROUND(SQRT((VLOOKUP($A291,városok!$A$2:$C$346,2,0)-VLOOKUP(BF$1,városok!$A$2:$C$346,2,0))^2+(VLOOKUP($A291,városok!$A$2:$C$346,3,0)-VLOOKUP(BF$1,városok!$A$2:$C$346,3,0))^2)/1000,0)</f>
        <v>47</v>
      </c>
      <c r="BG291">
        <f ca="1">ROUND(SQRT((VLOOKUP($A291,városok!$A$2:$C$346,2,0)-VLOOKUP(BG$1,városok!$A$2:$C$346,2,0))^2+(VLOOKUP($A291,városok!$A$2:$C$346,3,0)-VLOOKUP(BG$1,városok!$A$2:$C$346,3,0))^2)/1000,0)</f>
        <v>0</v>
      </c>
      <c r="BH291">
        <f ca="1">ROUND(SQRT((VLOOKUP($A291,városok!$A$2:$C$346,2,0)-VLOOKUP(BH$1,városok!$A$2:$C$346,2,0))^2+(VLOOKUP($A291,városok!$A$2:$C$346,3,0)-VLOOKUP(BH$1,városok!$A$2:$C$346,3,0))^2)/1000,0)</f>
        <v>0</v>
      </c>
      <c r="BI291">
        <f ca="1">ROUND(SQRT((VLOOKUP($A291,városok!$A$2:$C$346,2,0)-VLOOKUP(BI$1,városok!$A$2:$C$346,2,0))^2+(VLOOKUP($A291,városok!$A$2:$C$346,3,0)-VLOOKUP(BI$1,városok!$A$2:$C$346,3,0))^2)/1000,0)</f>
        <v>288</v>
      </c>
      <c r="BJ291">
        <f ca="1">ROUND(SQRT((VLOOKUP($A291,városok!$A$2:$C$346,2,0)-VLOOKUP(BJ$1,városok!$A$2:$C$346,2,0))^2+(VLOOKUP($A291,városok!$A$2:$C$346,3,0)-VLOOKUP(BJ$1,városok!$A$2:$C$346,3,0))^2)/1000,0)</f>
        <v>306</v>
      </c>
      <c r="BK291">
        <f ca="1">ROUND(SQRT((VLOOKUP($A291,városok!$A$2:$C$346,2,0)-VLOOKUP(BK$1,városok!$A$2:$C$346,2,0))^2+(VLOOKUP($A291,városok!$A$2:$C$346,3,0)-VLOOKUP(BK$1,városok!$A$2:$C$346,3,0))^2)/1000,0)</f>
        <v>287</v>
      </c>
      <c r="BL291">
        <f ca="1">ROUND(SQRT((VLOOKUP($A291,városok!$A$2:$C$346,2,0)-VLOOKUP(BL$1,városok!$A$2:$C$346,2,0))^2+(VLOOKUP($A291,városok!$A$2:$C$346,3,0)-VLOOKUP(BL$1,városok!$A$2:$C$346,3,0))^2)/1000,0)</f>
        <v>386</v>
      </c>
      <c r="BM291">
        <f ca="1">ROUND(SQRT((VLOOKUP($A291,városok!$A$2:$C$346,2,0)-VLOOKUP(BM$1,városok!$A$2:$C$346,2,0))^2+(VLOOKUP($A291,városok!$A$2:$C$346,3,0)-VLOOKUP(BM$1,városok!$A$2:$C$346,3,0))^2)/1000,0)</f>
        <v>353</v>
      </c>
      <c r="BN291">
        <f ca="1">ROUND(SQRT((VLOOKUP($A291,városok!$A$2:$C$346,2,0)-VLOOKUP(BN$1,városok!$A$2:$C$346,2,0))^2+(VLOOKUP($A291,városok!$A$2:$C$346,3,0)-VLOOKUP(BN$1,városok!$A$2:$C$346,3,0))^2)/1000,0)</f>
        <v>377</v>
      </c>
      <c r="BO291">
        <f ca="1">ROUND(SQRT((VLOOKUP($A291,városok!$A$2:$C$346,2,0)-VLOOKUP(BO$1,városok!$A$2:$C$346,2,0))^2+(VLOOKUP($A291,városok!$A$2:$C$346,3,0)-VLOOKUP(BO$1,városok!$A$2:$C$346,3,0))^2)/1000,0)</f>
        <v>287</v>
      </c>
      <c r="BP291">
        <f ca="1">ROUND(SQRT((VLOOKUP($A291,városok!$A$2:$C$346,2,0)-VLOOKUP(BP$1,városok!$A$2:$C$346,2,0))^2+(VLOOKUP($A291,városok!$A$2:$C$346,3,0)-VLOOKUP(BP$1,városok!$A$2:$C$346,3,0))^2)/1000,0)</f>
        <v>280</v>
      </c>
      <c r="BQ291">
        <f ca="1">ROUND(SQRT((VLOOKUP($A291,városok!$A$2:$C$346,2,0)-VLOOKUP(BQ$1,városok!$A$2:$C$346,2,0))^2+(VLOOKUP($A291,városok!$A$2:$C$346,3,0)-VLOOKUP(BQ$1,városok!$A$2:$C$346,3,0))^2)/1000,0)</f>
        <v>291</v>
      </c>
      <c r="BR291">
        <f ca="1">ROUND(SQRT((VLOOKUP($A291,városok!$A$2:$C$346,2,0)-VLOOKUP(BR$1,városok!$A$2:$C$346,2,0))^2+(VLOOKUP($A291,városok!$A$2:$C$346,3,0)-VLOOKUP(BR$1,városok!$A$2:$C$346,3,0))^2)/1000,0)</f>
        <v>351</v>
      </c>
      <c r="BS291">
        <f ca="1">ROUND(SQRT((VLOOKUP($A291,városok!$A$2:$C$346,2,0)-VLOOKUP(BS$1,városok!$A$2:$C$346,2,0))^2+(VLOOKUP($A291,városok!$A$2:$C$346,3,0)-VLOOKUP(BS$1,városok!$A$2:$C$346,3,0))^2)/1000,0)</f>
        <v>386</v>
      </c>
      <c r="BT291">
        <f ca="1">ROUND(SQRT((VLOOKUP($A291,városok!$A$2:$C$346,2,0)-VLOOKUP(BT$1,városok!$A$2:$C$346,2,0))^2+(VLOOKUP($A291,városok!$A$2:$C$346,3,0)-VLOOKUP(BT$1,városok!$A$2:$C$346,3,0))^2)/1000,0)</f>
        <v>377</v>
      </c>
    </row>
    <row r="292" spans="1:72" x14ac:dyDescent="0.2">
      <c r="A292" t="str">
        <f>városok!A292</f>
        <v>Tiszalök</v>
      </c>
      <c r="B292">
        <f ca="1">ROUND(SQRT((VLOOKUP($A292,városok!$A$2:$C$346,2,0)-VLOOKUP(B$1,városok!$A$2:$C$346,2,0))^2+(VLOOKUP($A292,városok!$A$2:$C$346,3,0)-VLOOKUP(B$1,városok!$A$2:$C$346,3,0))^2)/1000,0)</f>
        <v>274</v>
      </c>
      <c r="C292">
        <f ca="1">ROUND(SQRT((VLOOKUP($A292,városok!$A$2:$C$346,2,0)-VLOOKUP(C$1,városok!$A$2:$C$346,2,0))^2+(VLOOKUP($A292,városok!$A$2:$C$346,3,0)-VLOOKUP(C$1,városok!$A$2:$C$346,3,0))^2)/1000,0)</f>
        <v>246</v>
      </c>
      <c r="D292">
        <f ca="1">ROUND(SQRT((VLOOKUP($A292,városok!$A$2:$C$346,2,0)-VLOOKUP(D$1,városok!$A$2:$C$346,2,0))^2+(VLOOKUP($A292,városok!$A$2:$C$346,3,0)-VLOOKUP(D$1,városok!$A$2:$C$346,3,0))^2)/1000,0)</f>
        <v>177</v>
      </c>
      <c r="E292">
        <f ca="1">ROUND(SQRT((VLOOKUP($A292,városok!$A$2:$C$346,2,0)-VLOOKUP(E$1,városok!$A$2:$C$346,2,0))^2+(VLOOKUP($A292,városok!$A$2:$C$346,3,0)-VLOOKUP(E$1,városok!$A$2:$C$346,3,0))^2)/1000,0)</f>
        <v>312</v>
      </c>
      <c r="F292">
        <f ca="1">ROUND(SQRT((VLOOKUP($A292,városok!$A$2:$C$346,2,0)-VLOOKUP(F$1,városok!$A$2:$C$346,2,0))^2+(VLOOKUP($A292,városok!$A$2:$C$346,3,0)-VLOOKUP(F$1,városok!$A$2:$C$346,3,0))^2)/1000,0)</f>
        <v>304</v>
      </c>
      <c r="G292">
        <f ca="1">ROUND(SQRT((VLOOKUP($A292,városok!$A$2:$C$346,2,0)-VLOOKUP(G$1,városok!$A$2:$C$346,2,0))^2+(VLOOKUP($A292,városok!$A$2:$C$346,3,0)-VLOOKUP(G$1,városok!$A$2:$C$346,3,0))^2)/1000,0)</f>
        <v>321</v>
      </c>
      <c r="H292">
        <f ca="1">ROUND(SQRT((VLOOKUP($A292,városok!$A$2:$C$346,2,0)-VLOOKUP(H$1,városok!$A$2:$C$346,2,0))^2+(VLOOKUP($A292,városok!$A$2:$C$346,3,0)-VLOOKUP(H$1,városok!$A$2:$C$346,3,0))^2)/1000,0)</f>
        <v>349</v>
      </c>
      <c r="I292">
        <f ca="1">ROUND(SQRT((VLOOKUP($A292,városok!$A$2:$C$346,2,0)-VLOOKUP(I$1,városok!$A$2:$C$346,2,0))^2+(VLOOKUP($A292,városok!$A$2:$C$346,3,0)-VLOOKUP(I$1,városok!$A$2:$C$346,3,0))^2)/1000,0)</f>
        <v>151</v>
      </c>
      <c r="J292">
        <f ca="1">ROUND(SQRT((VLOOKUP($A292,városok!$A$2:$C$346,2,0)-VLOOKUP(J$1,városok!$A$2:$C$346,2,0))^2+(VLOOKUP($A292,városok!$A$2:$C$346,3,0)-VLOOKUP(J$1,városok!$A$2:$C$346,3,0))^2)/1000,0)</f>
        <v>153</v>
      </c>
      <c r="K292">
        <f ca="1">ROUND(SQRT((VLOOKUP($A292,városok!$A$2:$C$346,2,0)-VLOOKUP(K$1,városok!$A$2:$C$346,2,0))^2+(VLOOKUP($A292,városok!$A$2:$C$346,3,0)-VLOOKUP(K$1,városok!$A$2:$C$346,3,0))^2)/1000,0)</f>
        <v>171</v>
      </c>
      <c r="L292">
        <f ca="1">ROUND(SQRT((VLOOKUP($A292,városok!$A$2:$C$346,2,0)-VLOOKUP(L$1,városok!$A$2:$C$346,2,0))^2+(VLOOKUP($A292,városok!$A$2:$C$346,3,0)-VLOOKUP(L$1,városok!$A$2:$C$346,3,0))^2)/1000,0)</f>
        <v>61</v>
      </c>
      <c r="M292">
        <f ca="1">ROUND(SQRT((VLOOKUP($A292,városok!$A$2:$C$346,2,0)-VLOOKUP(M$1,városok!$A$2:$C$346,2,0))^2+(VLOOKUP($A292,városok!$A$2:$C$346,3,0)-VLOOKUP(M$1,városok!$A$2:$C$346,3,0))^2)/1000,0)</f>
        <v>44</v>
      </c>
      <c r="N292">
        <f ca="1">ROUND(SQRT((VLOOKUP($A292,városok!$A$2:$C$346,2,0)-VLOOKUP(N$1,városok!$A$2:$C$346,2,0))^2+(VLOOKUP($A292,városok!$A$2:$C$346,3,0)-VLOOKUP(N$1,városok!$A$2:$C$346,3,0))^2)/1000,0)</f>
        <v>84</v>
      </c>
      <c r="O292">
        <f ca="1">ROUND(SQRT((VLOOKUP($A292,városok!$A$2:$C$346,2,0)-VLOOKUP(O$1,városok!$A$2:$C$346,2,0))^2+(VLOOKUP($A292,városok!$A$2:$C$346,3,0)-VLOOKUP(O$1,városok!$A$2:$C$346,3,0))^2)/1000,0)</f>
        <v>47</v>
      </c>
      <c r="P292">
        <f ca="1">ROUND(SQRT((VLOOKUP($A292,városok!$A$2:$C$346,2,0)-VLOOKUP(P$1,városok!$A$2:$C$346,2,0))^2+(VLOOKUP($A292,városok!$A$2:$C$346,3,0)-VLOOKUP(P$1,városok!$A$2:$C$346,3,0))^2)/1000,0)</f>
        <v>47</v>
      </c>
      <c r="Q292">
        <f ca="1">ROUND(SQRT((VLOOKUP($A292,városok!$A$2:$C$346,2,0)-VLOOKUP(Q$1,városok!$A$2:$C$346,2,0))^2+(VLOOKUP($A292,városok!$A$2:$C$346,3,0)-VLOOKUP(Q$1,városok!$A$2:$C$346,3,0))^2)/1000,0)</f>
        <v>195</v>
      </c>
      <c r="R292">
        <f ca="1">ROUND(SQRT((VLOOKUP($A292,városok!$A$2:$C$346,2,0)-VLOOKUP(R$1,városok!$A$2:$C$346,2,0))^2+(VLOOKUP($A292,városok!$A$2:$C$346,3,0)-VLOOKUP(R$1,városok!$A$2:$C$346,3,0))^2)/1000,0)</f>
        <v>212</v>
      </c>
      <c r="S292">
        <f ca="1">ROUND(SQRT((VLOOKUP($A292,városok!$A$2:$C$346,2,0)-VLOOKUP(S$1,városok!$A$2:$C$346,2,0))^2+(VLOOKUP($A292,városok!$A$2:$C$346,3,0)-VLOOKUP(S$1,városok!$A$2:$C$346,3,0))^2)/1000,0)</f>
        <v>218</v>
      </c>
      <c r="T292">
        <f ca="1">ROUND(SQRT((VLOOKUP($A292,városok!$A$2:$C$346,2,0)-VLOOKUP(T$1,városok!$A$2:$C$346,2,0))^2+(VLOOKUP($A292,városok!$A$2:$C$346,3,0)-VLOOKUP(T$1,városok!$A$2:$C$346,3,0))^2)/1000,0)</f>
        <v>214</v>
      </c>
      <c r="U292">
        <f ca="1">ROUND(SQRT((VLOOKUP($A292,városok!$A$2:$C$346,2,0)-VLOOKUP(U$1,városok!$A$2:$C$346,2,0))^2+(VLOOKUP($A292,városok!$A$2:$C$346,3,0)-VLOOKUP(U$1,városok!$A$2:$C$346,3,0))^2)/1000,0)</f>
        <v>218</v>
      </c>
      <c r="V292">
        <f ca="1">ROUND(SQRT((VLOOKUP($A292,városok!$A$2:$C$346,2,0)-VLOOKUP(V$1,városok!$A$2:$C$346,2,0))^2+(VLOOKUP($A292,városok!$A$2:$C$346,3,0)-VLOOKUP(V$1,városok!$A$2:$C$346,3,0))^2)/1000,0)</f>
        <v>255</v>
      </c>
      <c r="W292">
        <f ca="1">ROUND(SQRT((VLOOKUP($A292,városok!$A$2:$C$346,2,0)-VLOOKUP(W$1,városok!$A$2:$C$346,2,0))^2+(VLOOKUP($A292,városok!$A$2:$C$346,3,0)-VLOOKUP(W$1,városok!$A$2:$C$346,3,0))^2)/1000,0)</f>
        <v>243</v>
      </c>
      <c r="X292">
        <f ca="1">ROUND(SQRT((VLOOKUP($A292,városok!$A$2:$C$346,2,0)-VLOOKUP(X$1,városok!$A$2:$C$346,2,0))^2+(VLOOKUP($A292,városok!$A$2:$C$346,3,0)-VLOOKUP(X$1,városok!$A$2:$C$346,3,0))^2)/1000,0)</f>
        <v>243</v>
      </c>
      <c r="Y292">
        <f ca="1">ROUND(SQRT((VLOOKUP($A292,városok!$A$2:$C$346,2,0)-VLOOKUP(Y$1,városok!$A$2:$C$346,2,0))^2+(VLOOKUP($A292,városok!$A$2:$C$346,3,0)-VLOOKUP(Y$1,városok!$A$2:$C$346,3,0))^2)/1000,0)</f>
        <v>282</v>
      </c>
      <c r="Z292">
        <f ca="1">ROUND(SQRT((VLOOKUP($A292,városok!$A$2:$C$346,2,0)-VLOOKUP(Z$1,városok!$A$2:$C$346,2,0))^2+(VLOOKUP($A292,városok!$A$2:$C$346,3,0)-VLOOKUP(Z$1,városok!$A$2:$C$346,3,0))^2)/1000,0)</f>
        <v>300</v>
      </c>
      <c r="AA292">
        <f ca="1">ROUND(SQRT((VLOOKUP($A292,városok!$A$2:$C$346,2,0)-VLOOKUP(AA$1,városok!$A$2:$C$346,2,0))^2+(VLOOKUP($A292,városok!$A$2:$C$346,3,0)-VLOOKUP(AA$1,városok!$A$2:$C$346,3,0))^2)/1000,0)</f>
        <v>360</v>
      </c>
      <c r="AB292">
        <f ca="1">ROUND(SQRT((VLOOKUP($A292,városok!$A$2:$C$346,2,0)-VLOOKUP(AB$1,városok!$A$2:$C$346,2,0))^2+(VLOOKUP($A292,városok!$A$2:$C$346,3,0)-VLOOKUP(AB$1,városok!$A$2:$C$346,3,0))^2)/1000,0)</f>
        <v>58</v>
      </c>
      <c r="AC292">
        <f ca="1">ROUND(SQRT((VLOOKUP($A292,városok!$A$2:$C$346,2,0)-VLOOKUP(AC$1,városok!$A$2:$C$346,2,0))^2+(VLOOKUP($A292,városok!$A$2:$C$346,3,0)-VLOOKUP(AC$1,városok!$A$2:$C$346,3,0))^2)/1000,0)</f>
        <v>64</v>
      </c>
      <c r="AD292">
        <f ca="1">ROUND(SQRT((VLOOKUP($A292,városok!$A$2:$C$346,2,0)-VLOOKUP(AD$1,városok!$A$2:$C$346,2,0))^2+(VLOOKUP($A292,városok!$A$2:$C$346,3,0)-VLOOKUP(AD$1,városok!$A$2:$C$346,3,0))^2)/1000,0)</f>
        <v>68</v>
      </c>
      <c r="AE292">
        <f ca="1">ROUND(SQRT((VLOOKUP($A292,városok!$A$2:$C$346,2,0)-VLOOKUP(AE$1,városok!$A$2:$C$346,2,0))^2+(VLOOKUP($A292,városok!$A$2:$C$346,3,0)-VLOOKUP(AE$1,városok!$A$2:$C$346,3,0))^2)/1000,0)</f>
        <v>83</v>
      </c>
      <c r="AF292">
        <f ca="1">ROUND(SQRT((VLOOKUP($A292,városok!$A$2:$C$346,2,0)-VLOOKUP(AF$1,városok!$A$2:$C$346,2,0))^2+(VLOOKUP($A292,városok!$A$2:$C$346,3,0)-VLOOKUP(AF$1,városok!$A$2:$C$346,3,0))^2)/1000,0)</f>
        <v>76</v>
      </c>
      <c r="AG292">
        <f ca="1">ROUND(SQRT((VLOOKUP($A292,városok!$A$2:$C$346,2,0)-VLOOKUP(AG$1,városok!$A$2:$C$346,2,0))^2+(VLOOKUP($A292,városok!$A$2:$C$346,3,0)-VLOOKUP(AG$1,városok!$A$2:$C$346,3,0))^2)/1000,0)</f>
        <v>111</v>
      </c>
      <c r="AH292">
        <f ca="1">ROUND(SQRT((VLOOKUP($A292,városok!$A$2:$C$346,2,0)-VLOOKUP(AH$1,városok!$A$2:$C$346,2,0))^2+(VLOOKUP($A292,városok!$A$2:$C$346,3,0)-VLOOKUP(AH$1,városok!$A$2:$C$346,3,0))^2)/1000,0)</f>
        <v>133</v>
      </c>
      <c r="AI292">
        <f ca="1">ROUND(SQRT((VLOOKUP($A292,városok!$A$2:$C$346,2,0)-VLOOKUP(AI$1,városok!$A$2:$C$346,2,0))^2+(VLOOKUP($A292,városok!$A$2:$C$346,3,0)-VLOOKUP(AI$1,városok!$A$2:$C$346,3,0))^2)/1000,0)</f>
        <v>95</v>
      </c>
      <c r="AJ292">
        <f ca="1">ROUND(SQRT((VLOOKUP($A292,városok!$A$2:$C$346,2,0)-VLOOKUP(AJ$1,városok!$A$2:$C$346,2,0))^2+(VLOOKUP($A292,városok!$A$2:$C$346,3,0)-VLOOKUP(AJ$1,városok!$A$2:$C$346,3,0))^2)/1000,0)</f>
        <v>113</v>
      </c>
      <c r="AK292">
        <f ca="1">ROUND(SQRT((VLOOKUP($A292,városok!$A$2:$C$346,2,0)-VLOOKUP(AK$1,városok!$A$2:$C$346,2,0))^2+(VLOOKUP($A292,városok!$A$2:$C$346,3,0)-VLOOKUP(AK$1,városok!$A$2:$C$346,3,0))^2)/1000,0)</f>
        <v>87</v>
      </c>
      <c r="AL292">
        <f ca="1">ROUND(SQRT((VLOOKUP($A292,városok!$A$2:$C$346,2,0)-VLOOKUP(AL$1,városok!$A$2:$C$346,2,0))^2+(VLOOKUP($A292,városok!$A$2:$C$346,3,0)-VLOOKUP(AL$1,városok!$A$2:$C$346,3,0))^2)/1000,0)</f>
        <v>92</v>
      </c>
      <c r="AM292">
        <f ca="1">ROUND(SQRT((VLOOKUP($A292,városok!$A$2:$C$346,2,0)-VLOOKUP(AM$1,városok!$A$2:$C$346,2,0))^2+(VLOOKUP($A292,városok!$A$2:$C$346,3,0)-VLOOKUP(AM$1,városok!$A$2:$C$346,3,0))^2)/1000,0)</f>
        <v>129</v>
      </c>
      <c r="AN292">
        <f ca="1">ROUND(SQRT((VLOOKUP($A292,városok!$A$2:$C$346,2,0)-VLOOKUP(AN$1,városok!$A$2:$C$346,2,0))^2+(VLOOKUP($A292,városok!$A$2:$C$346,3,0)-VLOOKUP(AN$1,városok!$A$2:$C$346,3,0))^2)/1000,0)</f>
        <v>198</v>
      </c>
      <c r="AO292">
        <f ca="1">ROUND(SQRT((VLOOKUP($A292,városok!$A$2:$C$346,2,0)-VLOOKUP(AO$1,városok!$A$2:$C$346,2,0))^2+(VLOOKUP($A292,városok!$A$2:$C$346,3,0)-VLOOKUP(AO$1,városok!$A$2:$C$346,3,0))^2)/1000,0)</f>
        <v>245</v>
      </c>
      <c r="AP292">
        <f ca="1">ROUND(SQRT((VLOOKUP($A292,városok!$A$2:$C$346,2,0)-VLOOKUP(AP$1,városok!$A$2:$C$346,2,0))^2+(VLOOKUP($A292,városok!$A$2:$C$346,3,0)-VLOOKUP(AP$1,városok!$A$2:$C$346,3,0))^2)/1000,0)</f>
        <v>231</v>
      </c>
      <c r="AQ292">
        <f ca="1">ROUND(SQRT((VLOOKUP($A292,városok!$A$2:$C$346,2,0)-VLOOKUP(AQ$1,városok!$A$2:$C$346,2,0))^2+(VLOOKUP($A292,városok!$A$2:$C$346,3,0)-VLOOKUP(AQ$1,városok!$A$2:$C$346,3,0))^2)/1000,0)</f>
        <v>228</v>
      </c>
      <c r="AR292">
        <f ca="1">ROUND(SQRT((VLOOKUP($A292,városok!$A$2:$C$346,2,0)-VLOOKUP(AR$1,városok!$A$2:$C$346,2,0))^2+(VLOOKUP($A292,városok!$A$2:$C$346,3,0)-VLOOKUP(AR$1,városok!$A$2:$C$346,3,0))^2)/1000,0)</f>
        <v>126</v>
      </c>
      <c r="AS292">
        <f ca="1">ROUND(SQRT((VLOOKUP($A292,városok!$A$2:$C$346,2,0)-VLOOKUP(AS$1,városok!$A$2:$C$346,2,0))^2+(VLOOKUP($A292,városok!$A$2:$C$346,3,0)-VLOOKUP(AS$1,városok!$A$2:$C$346,3,0))^2)/1000,0)</f>
        <v>117</v>
      </c>
      <c r="AT292">
        <f ca="1">ROUND(SQRT((VLOOKUP($A292,városok!$A$2:$C$346,2,0)-VLOOKUP(AT$1,városok!$A$2:$C$346,2,0))^2+(VLOOKUP($A292,városok!$A$2:$C$346,3,0)-VLOOKUP(AT$1,városok!$A$2:$C$346,3,0))^2)/1000,0)</f>
        <v>201</v>
      </c>
      <c r="AU292">
        <f ca="1">ROUND(SQRT((VLOOKUP($A292,városok!$A$2:$C$346,2,0)-VLOOKUP(AU$1,városok!$A$2:$C$346,2,0))^2+(VLOOKUP($A292,városok!$A$2:$C$346,3,0)-VLOOKUP(AU$1,városok!$A$2:$C$346,3,0))^2)/1000,0)</f>
        <v>191</v>
      </c>
      <c r="AV292">
        <f ca="1">ROUND(SQRT((VLOOKUP($A292,városok!$A$2:$C$346,2,0)-VLOOKUP(AV$1,városok!$A$2:$C$346,2,0))^2+(VLOOKUP($A292,városok!$A$2:$C$346,3,0)-VLOOKUP(AV$1,városok!$A$2:$C$346,3,0))^2)/1000,0)</f>
        <v>194</v>
      </c>
      <c r="AW292">
        <f ca="1">ROUND(SQRT((VLOOKUP($A292,városok!$A$2:$C$346,2,0)-VLOOKUP(AW$1,városok!$A$2:$C$346,2,0))^2+(VLOOKUP($A292,városok!$A$2:$C$346,3,0)-VLOOKUP(AW$1,városok!$A$2:$C$346,3,0))^2)/1000,0)</f>
        <v>197</v>
      </c>
      <c r="AX292">
        <f ca="1">ROUND(SQRT((VLOOKUP($A292,városok!$A$2:$C$346,2,0)-VLOOKUP(AX$1,városok!$A$2:$C$346,2,0))^2+(VLOOKUP($A292,városok!$A$2:$C$346,3,0)-VLOOKUP(AX$1,városok!$A$2:$C$346,3,0))^2)/1000,0)</f>
        <v>163</v>
      </c>
      <c r="AY292">
        <f ca="1">ROUND(SQRT((VLOOKUP($A292,városok!$A$2:$C$346,2,0)-VLOOKUP(AY$1,városok!$A$2:$C$346,2,0))^2+(VLOOKUP($A292,városok!$A$2:$C$346,3,0)-VLOOKUP(AY$1,városok!$A$2:$C$346,3,0))^2)/1000,0)</f>
        <v>177</v>
      </c>
      <c r="AZ292">
        <f ca="1">ROUND(SQRT((VLOOKUP($A292,városok!$A$2:$C$346,2,0)-VLOOKUP(AZ$1,városok!$A$2:$C$346,2,0))^2+(VLOOKUP($A292,városok!$A$2:$C$346,3,0)-VLOOKUP(AZ$1,városok!$A$2:$C$346,3,0))^2)/1000,0)</f>
        <v>182</v>
      </c>
      <c r="BA292">
        <f ca="1">ROUND(SQRT((VLOOKUP($A292,városok!$A$2:$C$346,2,0)-VLOOKUP(BA$1,városok!$A$2:$C$346,2,0))^2+(VLOOKUP($A292,városok!$A$2:$C$346,3,0)-VLOOKUP(BA$1,városok!$A$2:$C$346,3,0))^2)/1000,0)</f>
        <v>309</v>
      </c>
      <c r="BB292">
        <f ca="1">ROUND(SQRT((VLOOKUP($A292,városok!$A$2:$C$346,2,0)-VLOOKUP(BB$1,városok!$A$2:$C$346,2,0))^2+(VLOOKUP($A292,városok!$A$2:$C$346,3,0)-VLOOKUP(BB$1,városok!$A$2:$C$346,3,0))^2)/1000,0)</f>
        <v>307</v>
      </c>
      <c r="BC292">
        <f ca="1">ROUND(SQRT((VLOOKUP($A292,városok!$A$2:$C$346,2,0)-VLOOKUP(BC$1,városok!$A$2:$C$346,2,0))^2+(VLOOKUP($A292,városok!$A$2:$C$346,3,0)-VLOOKUP(BC$1,városok!$A$2:$C$346,3,0))^2)/1000,0)</f>
        <v>328</v>
      </c>
      <c r="BD292">
        <f ca="1">ROUND(SQRT((VLOOKUP($A292,városok!$A$2:$C$346,2,0)-VLOOKUP(BD$1,városok!$A$2:$C$346,2,0))^2+(VLOOKUP($A292,városok!$A$2:$C$346,3,0)-VLOOKUP(BD$1,városok!$A$2:$C$346,3,0))^2)/1000,0)</f>
        <v>278</v>
      </c>
      <c r="BE292">
        <f ca="1">ROUND(SQRT((VLOOKUP($A292,városok!$A$2:$C$346,2,0)-VLOOKUP(BE$1,városok!$A$2:$C$346,2,0))^2+(VLOOKUP($A292,városok!$A$2:$C$346,3,0)-VLOOKUP(BE$1,városok!$A$2:$C$346,3,0))^2)/1000,0)</f>
        <v>99</v>
      </c>
      <c r="BF292">
        <f ca="1">ROUND(SQRT((VLOOKUP($A292,városok!$A$2:$C$346,2,0)-VLOOKUP(BF$1,városok!$A$2:$C$346,2,0))^2+(VLOOKUP($A292,városok!$A$2:$C$346,3,0)-VLOOKUP(BF$1,városok!$A$2:$C$346,3,0))^2)/1000,0)</f>
        <v>57</v>
      </c>
      <c r="BG292">
        <f ca="1">ROUND(SQRT((VLOOKUP($A292,városok!$A$2:$C$346,2,0)-VLOOKUP(BG$1,városok!$A$2:$C$346,2,0))^2+(VLOOKUP($A292,városok!$A$2:$C$346,3,0)-VLOOKUP(BG$1,városok!$A$2:$C$346,3,0))^2)/1000,0)</f>
        <v>14</v>
      </c>
      <c r="BH292">
        <f ca="1">ROUND(SQRT((VLOOKUP($A292,városok!$A$2:$C$346,2,0)-VLOOKUP(BH$1,városok!$A$2:$C$346,2,0))^2+(VLOOKUP($A292,városok!$A$2:$C$346,3,0)-VLOOKUP(BH$1,városok!$A$2:$C$346,3,0))^2)/1000,0)</f>
        <v>13</v>
      </c>
      <c r="BI292">
        <f ca="1">ROUND(SQRT((VLOOKUP($A292,városok!$A$2:$C$346,2,0)-VLOOKUP(BI$1,városok!$A$2:$C$346,2,0))^2+(VLOOKUP($A292,városok!$A$2:$C$346,3,0)-VLOOKUP(BI$1,városok!$A$2:$C$346,3,0))^2)/1000,0)</f>
        <v>276</v>
      </c>
      <c r="BJ292">
        <f ca="1">ROUND(SQRT((VLOOKUP($A292,városok!$A$2:$C$346,2,0)-VLOOKUP(BJ$1,városok!$A$2:$C$346,2,0))^2+(VLOOKUP($A292,városok!$A$2:$C$346,3,0)-VLOOKUP(BJ$1,városok!$A$2:$C$346,3,0))^2)/1000,0)</f>
        <v>293</v>
      </c>
      <c r="BK292">
        <f ca="1">ROUND(SQRT((VLOOKUP($A292,városok!$A$2:$C$346,2,0)-VLOOKUP(BK$1,városok!$A$2:$C$346,2,0))^2+(VLOOKUP($A292,városok!$A$2:$C$346,3,0)-VLOOKUP(BK$1,városok!$A$2:$C$346,3,0))^2)/1000,0)</f>
        <v>275</v>
      </c>
      <c r="BL292">
        <f ca="1">ROUND(SQRT((VLOOKUP($A292,városok!$A$2:$C$346,2,0)-VLOOKUP(BL$1,városok!$A$2:$C$346,2,0))^2+(VLOOKUP($A292,városok!$A$2:$C$346,3,0)-VLOOKUP(BL$1,városok!$A$2:$C$346,3,0))^2)/1000,0)</f>
        <v>376</v>
      </c>
      <c r="BM292">
        <f ca="1">ROUND(SQRT((VLOOKUP($A292,városok!$A$2:$C$346,2,0)-VLOOKUP(BM$1,városok!$A$2:$C$346,2,0))^2+(VLOOKUP($A292,városok!$A$2:$C$346,3,0)-VLOOKUP(BM$1,városok!$A$2:$C$346,3,0))^2)/1000,0)</f>
        <v>344</v>
      </c>
      <c r="BN292">
        <f ca="1">ROUND(SQRT((VLOOKUP($A292,városok!$A$2:$C$346,2,0)-VLOOKUP(BN$1,városok!$A$2:$C$346,2,0))^2+(VLOOKUP($A292,városok!$A$2:$C$346,3,0)-VLOOKUP(BN$1,városok!$A$2:$C$346,3,0))^2)/1000,0)</f>
        <v>367</v>
      </c>
      <c r="BO292">
        <f ca="1">ROUND(SQRT((VLOOKUP($A292,városok!$A$2:$C$346,2,0)-VLOOKUP(BO$1,városok!$A$2:$C$346,2,0))^2+(VLOOKUP($A292,városok!$A$2:$C$346,3,0)-VLOOKUP(BO$1,városok!$A$2:$C$346,3,0))^2)/1000,0)</f>
        <v>276</v>
      </c>
      <c r="BP292">
        <f ca="1">ROUND(SQRT((VLOOKUP($A292,városok!$A$2:$C$346,2,0)-VLOOKUP(BP$1,városok!$A$2:$C$346,2,0))^2+(VLOOKUP($A292,városok!$A$2:$C$346,3,0)-VLOOKUP(BP$1,városok!$A$2:$C$346,3,0))^2)/1000,0)</f>
        <v>269</v>
      </c>
      <c r="BQ292">
        <f ca="1">ROUND(SQRT((VLOOKUP($A292,városok!$A$2:$C$346,2,0)-VLOOKUP(BQ$1,városok!$A$2:$C$346,2,0))^2+(VLOOKUP($A292,városok!$A$2:$C$346,3,0)-VLOOKUP(BQ$1,városok!$A$2:$C$346,3,0))^2)/1000,0)</f>
        <v>280</v>
      </c>
      <c r="BR292">
        <f ca="1">ROUND(SQRT((VLOOKUP($A292,városok!$A$2:$C$346,2,0)-VLOOKUP(BR$1,városok!$A$2:$C$346,2,0))^2+(VLOOKUP($A292,városok!$A$2:$C$346,3,0)-VLOOKUP(BR$1,városok!$A$2:$C$346,3,0))^2)/1000,0)</f>
        <v>340</v>
      </c>
      <c r="BS292">
        <f ca="1">ROUND(SQRT((VLOOKUP($A292,városok!$A$2:$C$346,2,0)-VLOOKUP(BS$1,városok!$A$2:$C$346,2,0))^2+(VLOOKUP($A292,városok!$A$2:$C$346,3,0)-VLOOKUP(BS$1,városok!$A$2:$C$346,3,0))^2)/1000,0)</f>
        <v>375</v>
      </c>
      <c r="BT292">
        <f ca="1">ROUND(SQRT((VLOOKUP($A292,városok!$A$2:$C$346,2,0)-VLOOKUP(BT$1,városok!$A$2:$C$346,2,0))^2+(VLOOKUP($A292,városok!$A$2:$C$346,3,0)-VLOOKUP(BT$1,városok!$A$2:$C$346,3,0))^2)/1000,0)</f>
        <v>366</v>
      </c>
    </row>
    <row r="293" spans="1:72" x14ac:dyDescent="0.2">
      <c r="A293" t="str">
        <f>városok!A293</f>
        <v>Tiszavasvári</v>
      </c>
      <c r="B293">
        <f ca="1">ROUND(SQRT((VLOOKUP($A293,városok!$A$2:$C$346,2,0)-VLOOKUP(B$1,városok!$A$2:$C$346,2,0))^2+(VLOOKUP($A293,városok!$A$2:$C$346,3,0)-VLOOKUP(B$1,városok!$A$2:$C$346,3,0))^2)/1000,0)</f>
        <v>268</v>
      </c>
      <c r="C293">
        <f ca="1">ROUND(SQRT((VLOOKUP($A293,városok!$A$2:$C$346,2,0)-VLOOKUP(C$1,városok!$A$2:$C$346,2,0))^2+(VLOOKUP($A293,városok!$A$2:$C$346,3,0)-VLOOKUP(C$1,városok!$A$2:$C$346,3,0))^2)/1000,0)</f>
        <v>240</v>
      </c>
      <c r="D293">
        <f ca="1">ROUND(SQRT((VLOOKUP($A293,városok!$A$2:$C$346,2,0)-VLOOKUP(D$1,városok!$A$2:$C$346,2,0))^2+(VLOOKUP($A293,városok!$A$2:$C$346,3,0)-VLOOKUP(D$1,városok!$A$2:$C$346,3,0))^2)/1000,0)</f>
        <v>172</v>
      </c>
      <c r="E293">
        <f ca="1">ROUND(SQRT((VLOOKUP($A293,városok!$A$2:$C$346,2,0)-VLOOKUP(E$1,városok!$A$2:$C$346,2,0))^2+(VLOOKUP($A293,városok!$A$2:$C$346,3,0)-VLOOKUP(E$1,városok!$A$2:$C$346,3,0))^2)/1000,0)</f>
        <v>307</v>
      </c>
      <c r="F293">
        <f ca="1">ROUND(SQRT((VLOOKUP($A293,városok!$A$2:$C$346,2,0)-VLOOKUP(F$1,városok!$A$2:$C$346,2,0))^2+(VLOOKUP($A293,városok!$A$2:$C$346,3,0)-VLOOKUP(F$1,városok!$A$2:$C$346,3,0))^2)/1000,0)</f>
        <v>299</v>
      </c>
      <c r="G293">
        <f ca="1">ROUND(SQRT((VLOOKUP($A293,városok!$A$2:$C$346,2,0)-VLOOKUP(G$1,városok!$A$2:$C$346,2,0))^2+(VLOOKUP($A293,városok!$A$2:$C$346,3,0)-VLOOKUP(G$1,városok!$A$2:$C$346,3,0))^2)/1000,0)</f>
        <v>316</v>
      </c>
      <c r="H293">
        <f ca="1">ROUND(SQRT((VLOOKUP($A293,városok!$A$2:$C$346,2,0)-VLOOKUP(H$1,városok!$A$2:$C$346,2,0))^2+(VLOOKUP($A293,városok!$A$2:$C$346,3,0)-VLOOKUP(H$1,városok!$A$2:$C$346,3,0))^2)/1000,0)</f>
        <v>344</v>
      </c>
      <c r="I293">
        <f ca="1">ROUND(SQRT((VLOOKUP($A293,városok!$A$2:$C$346,2,0)-VLOOKUP(I$1,városok!$A$2:$C$346,2,0))^2+(VLOOKUP($A293,városok!$A$2:$C$346,3,0)-VLOOKUP(I$1,városok!$A$2:$C$346,3,0))^2)/1000,0)</f>
        <v>144</v>
      </c>
      <c r="J293">
        <f ca="1">ROUND(SQRT((VLOOKUP($A293,városok!$A$2:$C$346,2,0)-VLOOKUP(J$1,városok!$A$2:$C$346,2,0))^2+(VLOOKUP($A293,városok!$A$2:$C$346,3,0)-VLOOKUP(J$1,városok!$A$2:$C$346,3,0))^2)/1000,0)</f>
        <v>146</v>
      </c>
      <c r="K293">
        <f ca="1">ROUND(SQRT((VLOOKUP($A293,városok!$A$2:$C$346,2,0)-VLOOKUP(K$1,városok!$A$2:$C$346,2,0))^2+(VLOOKUP($A293,városok!$A$2:$C$346,3,0)-VLOOKUP(K$1,városok!$A$2:$C$346,3,0))^2)/1000,0)</f>
        <v>164</v>
      </c>
      <c r="L293">
        <f ca="1">ROUND(SQRT((VLOOKUP($A293,városok!$A$2:$C$346,2,0)-VLOOKUP(L$1,városok!$A$2:$C$346,2,0))^2+(VLOOKUP($A293,városok!$A$2:$C$346,3,0)-VLOOKUP(L$1,városok!$A$2:$C$346,3,0))^2)/1000,0)</f>
        <v>63</v>
      </c>
      <c r="M293">
        <f ca="1">ROUND(SQRT((VLOOKUP($A293,városok!$A$2:$C$346,2,0)-VLOOKUP(M$1,városok!$A$2:$C$346,2,0))^2+(VLOOKUP($A293,városok!$A$2:$C$346,3,0)-VLOOKUP(M$1,városok!$A$2:$C$346,3,0))^2)/1000,0)</f>
        <v>45</v>
      </c>
      <c r="N293">
        <f ca="1">ROUND(SQRT((VLOOKUP($A293,városok!$A$2:$C$346,2,0)-VLOOKUP(N$1,városok!$A$2:$C$346,2,0))^2+(VLOOKUP($A293,városok!$A$2:$C$346,3,0)-VLOOKUP(N$1,városok!$A$2:$C$346,3,0))^2)/1000,0)</f>
        <v>85</v>
      </c>
      <c r="O293">
        <f ca="1">ROUND(SQRT((VLOOKUP($A293,városok!$A$2:$C$346,2,0)-VLOOKUP(O$1,városok!$A$2:$C$346,2,0))^2+(VLOOKUP($A293,városok!$A$2:$C$346,3,0)-VLOOKUP(O$1,városok!$A$2:$C$346,3,0))^2)/1000,0)</f>
        <v>53</v>
      </c>
      <c r="P293">
        <f ca="1">ROUND(SQRT((VLOOKUP($A293,városok!$A$2:$C$346,2,0)-VLOOKUP(P$1,városok!$A$2:$C$346,2,0))^2+(VLOOKUP($A293,városok!$A$2:$C$346,3,0)-VLOOKUP(P$1,városok!$A$2:$C$346,3,0))^2)/1000,0)</f>
        <v>54</v>
      </c>
      <c r="Q293">
        <f ca="1">ROUND(SQRT((VLOOKUP($A293,városok!$A$2:$C$346,2,0)-VLOOKUP(Q$1,városok!$A$2:$C$346,2,0))^2+(VLOOKUP($A293,városok!$A$2:$C$346,3,0)-VLOOKUP(Q$1,városok!$A$2:$C$346,3,0))^2)/1000,0)</f>
        <v>188</v>
      </c>
      <c r="R293">
        <f ca="1">ROUND(SQRT((VLOOKUP($A293,városok!$A$2:$C$346,2,0)-VLOOKUP(R$1,városok!$A$2:$C$346,2,0))^2+(VLOOKUP($A293,városok!$A$2:$C$346,3,0)-VLOOKUP(R$1,városok!$A$2:$C$346,3,0))^2)/1000,0)</f>
        <v>205</v>
      </c>
      <c r="S293">
        <f ca="1">ROUND(SQRT((VLOOKUP($A293,városok!$A$2:$C$346,2,0)-VLOOKUP(S$1,városok!$A$2:$C$346,2,0))^2+(VLOOKUP($A293,városok!$A$2:$C$346,3,0)-VLOOKUP(S$1,városok!$A$2:$C$346,3,0))^2)/1000,0)</f>
        <v>211</v>
      </c>
      <c r="T293">
        <f ca="1">ROUND(SQRT((VLOOKUP($A293,városok!$A$2:$C$346,2,0)-VLOOKUP(T$1,városok!$A$2:$C$346,2,0))^2+(VLOOKUP($A293,városok!$A$2:$C$346,3,0)-VLOOKUP(T$1,városok!$A$2:$C$346,3,0))^2)/1000,0)</f>
        <v>211</v>
      </c>
      <c r="U293">
        <f ca="1">ROUND(SQRT((VLOOKUP($A293,városok!$A$2:$C$346,2,0)-VLOOKUP(U$1,városok!$A$2:$C$346,2,0))^2+(VLOOKUP($A293,városok!$A$2:$C$346,3,0)-VLOOKUP(U$1,városok!$A$2:$C$346,3,0))^2)/1000,0)</f>
        <v>214</v>
      </c>
      <c r="V293">
        <f ca="1">ROUND(SQRT((VLOOKUP($A293,városok!$A$2:$C$346,2,0)-VLOOKUP(V$1,városok!$A$2:$C$346,2,0))^2+(VLOOKUP($A293,városok!$A$2:$C$346,3,0)-VLOOKUP(V$1,városok!$A$2:$C$346,3,0))^2)/1000,0)</f>
        <v>251</v>
      </c>
      <c r="W293">
        <f ca="1">ROUND(SQRT((VLOOKUP($A293,városok!$A$2:$C$346,2,0)-VLOOKUP(W$1,városok!$A$2:$C$346,2,0))^2+(VLOOKUP($A293,városok!$A$2:$C$346,3,0)-VLOOKUP(W$1,városok!$A$2:$C$346,3,0))^2)/1000,0)</f>
        <v>238</v>
      </c>
      <c r="X293">
        <f ca="1">ROUND(SQRT((VLOOKUP($A293,városok!$A$2:$C$346,2,0)-VLOOKUP(X$1,városok!$A$2:$C$346,2,0))^2+(VLOOKUP($A293,városok!$A$2:$C$346,3,0)-VLOOKUP(X$1,városok!$A$2:$C$346,3,0))^2)/1000,0)</f>
        <v>240</v>
      </c>
      <c r="Y293">
        <f ca="1">ROUND(SQRT((VLOOKUP($A293,városok!$A$2:$C$346,2,0)-VLOOKUP(Y$1,városok!$A$2:$C$346,2,0))^2+(VLOOKUP($A293,városok!$A$2:$C$346,3,0)-VLOOKUP(Y$1,városok!$A$2:$C$346,3,0))^2)/1000,0)</f>
        <v>281</v>
      </c>
      <c r="Z293">
        <f ca="1">ROUND(SQRT((VLOOKUP($A293,városok!$A$2:$C$346,2,0)-VLOOKUP(Z$1,városok!$A$2:$C$346,2,0))^2+(VLOOKUP($A293,városok!$A$2:$C$346,3,0)-VLOOKUP(Z$1,városok!$A$2:$C$346,3,0))^2)/1000,0)</f>
        <v>298</v>
      </c>
      <c r="AA293">
        <f ca="1">ROUND(SQRT((VLOOKUP($A293,városok!$A$2:$C$346,2,0)-VLOOKUP(AA$1,városok!$A$2:$C$346,2,0))^2+(VLOOKUP($A293,városok!$A$2:$C$346,3,0)-VLOOKUP(AA$1,városok!$A$2:$C$346,3,0))^2)/1000,0)</f>
        <v>359</v>
      </c>
      <c r="AB293">
        <f ca="1">ROUND(SQRT((VLOOKUP($A293,városok!$A$2:$C$346,2,0)-VLOOKUP(AB$1,városok!$A$2:$C$346,2,0))^2+(VLOOKUP($A293,városok!$A$2:$C$346,3,0)-VLOOKUP(AB$1,városok!$A$2:$C$346,3,0))^2)/1000,0)</f>
        <v>52</v>
      </c>
      <c r="AC293">
        <f ca="1">ROUND(SQRT((VLOOKUP($A293,városok!$A$2:$C$346,2,0)-VLOOKUP(AC$1,városok!$A$2:$C$346,2,0))^2+(VLOOKUP($A293,városok!$A$2:$C$346,3,0)-VLOOKUP(AC$1,városok!$A$2:$C$346,3,0))^2)/1000,0)</f>
        <v>57</v>
      </c>
      <c r="AD293">
        <f ca="1">ROUND(SQRT((VLOOKUP($A293,városok!$A$2:$C$346,2,0)-VLOOKUP(AD$1,városok!$A$2:$C$346,2,0))^2+(VLOOKUP($A293,városok!$A$2:$C$346,3,0)-VLOOKUP(AD$1,városok!$A$2:$C$346,3,0))^2)/1000,0)</f>
        <v>61</v>
      </c>
      <c r="AE293">
        <f ca="1">ROUND(SQRT((VLOOKUP($A293,városok!$A$2:$C$346,2,0)-VLOOKUP(AE$1,városok!$A$2:$C$346,2,0))^2+(VLOOKUP($A293,városok!$A$2:$C$346,3,0)-VLOOKUP(AE$1,városok!$A$2:$C$346,3,0))^2)/1000,0)</f>
        <v>76</v>
      </c>
      <c r="AF293">
        <f ca="1">ROUND(SQRT((VLOOKUP($A293,városok!$A$2:$C$346,2,0)-VLOOKUP(AF$1,városok!$A$2:$C$346,2,0))^2+(VLOOKUP($A293,városok!$A$2:$C$346,3,0)-VLOOKUP(AF$1,városok!$A$2:$C$346,3,0))^2)/1000,0)</f>
        <v>74</v>
      </c>
      <c r="AG293">
        <f ca="1">ROUND(SQRT((VLOOKUP($A293,városok!$A$2:$C$346,2,0)-VLOOKUP(AG$1,városok!$A$2:$C$346,2,0))^2+(VLOOKUP($A293,városok!$A$2:$C$346,3,0)-VLOOKUP(AG$1,városok!$A$2:$C$346,3,0))^2)/1000,0)</f>
        <v>109</v>
      </c>
      <c r="AH293">
        <f ca="1">ROUND(SQRT((VLOOKUP($A293,városok!$A$2:$C$346,2,0)-VLOOKUP(AH$1,városok!$A$2:$C$346,2,0))^2+(VLOOKUP($A293,városok!$A$2:$C$346,3,0)-VLOOKUP(AH$1,városok!$A$2:$C$346,3,0))^2)/1000,0)</f>
        <v>130</v>
      </c>
      <c r="AI293">
        <f ca="1">ROUND(SQRT((VLOOKUP($A293,városok!$A$2:$C$346,2,0)-VLOOKUP(AI$1,városok!$A$2:$C$346,2,0))^2+(VLOOKUP($A293,városok!$A$2:$C$346,3,0)-VLOOKUP(AI$1,városok!$A$2:$C$346,3,0))^2)/1000,0)</f>
        <v>95</v>
      </c>
      <c r="AJ293">
        <f ca="1">ROUND(SQRT((VLOOKUP($A293,városok!$A$2:$C$346,2,0)-VLOOKUP(AJ$1,városok!$A$2:$C$346,2,0))^2+(VLOOKUP($A293,városok!$A$2:$C$346,3,0)-VLOOKUP(AJ$1,városok!$A$2:$C$346,3,0))^2)/1000,0)</f>
        <v>109</v>
      </c>
      <c r="AK293">
        <f ca="1">ROUND(SQRT((VLOOKUP($A293,városok!$A$2:$C$346,2,0)-VLOOKUP(AK$1,városok!$A$2:$C$346,2,0))^2+(VLOOKUP($A293,városok!$A$2:$C$346,3,0)-VLOOKUP(AK$1,városok!$A$2:$C$346,3,0))^2)/1000,0)</f>
        <v>80</v>
      </c>
      <c r="AL293">
        <f ca="1">ROUND(SQRT((VLOOKUP($A293,városok!$A$2:$C$346,2,0)-VLOOKUP(AL$1,városok!$A$2:$C$346,2,0))^2+(VLOOKUP($A293,városok!$A$2:$C$346,3,0)-VLOOKUP(AL$1,városok!$A$2:$C$346,3,0))^2)/1000,0)</f>
        <v>86</v>
      </c>
      <c r="AM293">
        <f ca="1">ROUND(SQRT((VLOOKUP($A293,városok!$A$2:$C$346,2,0)-VLOOKUP(AM$1,városok!$A$2:$C$346,2,0))^2+(VLOOKUP($A293,városok!$A$2:$C$346,3,0)-VLOOKUP(AM$1,városok!$A$2:$C$346,3,0))^2)/1000,0)</f>
        <v>124</v>
      </c>
      <c r="AN293">
        <f ca="1">ROUND(SQRT((VLOOKUP($A293,városok!$A$2:$C$346,2,0)-VLOOKUP(AN$1,városok!$A$2:$C$346,2,0))^2+(VLOOKUP($A293,városok!$A$2:$C$346,3,0)-VLOOKUP(AN$1,városok!$A$2:$C$346,3,0))^2)/1000,0)</f>
        <v>197</v>
      </c>
      <c r="AO293">
        <f ca="1">ROUND(SQRT((VLOOKUP($A293,városok!$A$2:$C$346,2,0)-VLOOKUP(AO$1,városok!$A$2:$C$346,2,0))^2+(VLOOKUP($A293,városok!$A$2:$C$346,3,0)-VLOOKUP(AO$1,városok!$A$2:$C$346,3,0))^2)/1000,0)</f>
        <v>244</v>
      </c>
      <c r="AP293">
        <f ca="1">ROUND(SQRT((VLOOKUP($A293,városok!$A$2:$C$346,2,0)-VLOOKUP(AP$1,városok!$A$2:$C$346,2,0))^2+(VLOOKUP($A293,városok!$A$2:$C$346,3,0)-VLOOKUP(AP$1,városok!$A$2:$C$346,3,0))^2)/1000,0)</f>
        <v>229</v>
      </c>
      <c r="AQ293">
        <f ca="1">ROUND(SQRT((VLOOKUP($A293,városok!$A$2:$C$346,2,0)-VLOOKUP(AQ$1,városok!$A$2:$C$346,2,0))^2+(VLOOKUP($A293,városok!$A$2:$C$346,3,0)-VLOOKUP(AQ$1,városok!$A$2:$C$346,3,0))^2)/1000,0)</f>
        <v>225</v>
      </c>
      <c r="AR293">
        <f ca="1">ROUND(SQRT((VLOOKUP($A293,városok!$A$2:$C$346,2,0)-VLOOKUP(AR$1,városok!$A$2:$C$346,2,0))^2+(VLOOKUP($A293,városok!$A$2:$C$346,3,0)-VLOOKUP(AR$1,városok!$A$2:$C$346,3,0))^2)/1000,0)</f>
        <v>125</v>
      </c>
      <c r="AS293">
        <f ca="1">ROUND(SQRT((VLOOKUP($A293,városok!$A$2:$C$346,2,0)-VLOOKUP(AS$1,városok!$A$2:$C$346,2,0))^2+(VLOOKUP($A293,városok!$A$2:$C$346,3,0)-VLOOKUP(AS$1,városok!$A$2:$C$346,3,0))^2)/1000,0)</f>
        <v>117</v>
      </c>
      <c r="AT293">
        <f ca="1">ROUND(SQRT((VLOOKUP($A293,városok!$A$2:$C$346,2,0)-VLOOKUP(AT$1,városok!$A$2:$C$346,2,0))^2+(VLOOKUP($A293,városok!$A$2:$C$346,3,0)-VLOOKUP(AT$1,városok!$A$2:$C$346,3,0))^2)/1000,0)</f>
        <v>198</v>
      </c>
      <c r="AU293">
        <f ca="1">ROUND(SQRT((VLOOKUP($A293,városok!$A$2:$C$346,2,0)-VLOOKUP(AU$1,városok!$A$2:$C$346,2,0))^2+(VLOOKUP($A293,városok!$A$2:$C$346,3,0)-VLOOKUP(AU$1,városok!$A$2:$C$346,3,0))^2)/1000,0)</f>
        <v>188</v>
      </c>
      <c r="AV293">
        <f ca="1">ROUND(SQRT((VLOOKUP($A293,városok!$A$2:$C$346,2,0)-VLOOKUP(AV$1,városok!$A$2:$C$346,2,0))^2+(VLOOKUP($A293,városok!$A$2:$C$346,3,0)-VLOOKUP(AV$1,városok!$A$2:$C$346,3,0))^2)/1000,0)</f>
        <v>191</v>
      </c>
      <c r="AW293">
        <f ca="1">ROUND(SQRT((VLOOKUP($A293,városok!$A$2:$C$346,2,0)-VLOOKUP(AW$1,városok!$A$2:$C$346,2,0))^2+(VLOOKUP($A293,városok!$A$2:$C$346,3,0)-VLOOKUP(AW$1,városok!$A$2:$C$346,3,0))^2)/1000,0)</f>
        <v>194</v>
      </c>
      <c r="AX293">
        <f ca="1">ROUND(SQRT((VLOOKUP($A293,városok!$A$2:$C$346,2,0)-VLOOKUP(AX$1,városok!$A$2:$C$346,2,0))^2+(VLOOKUP($A293,városok!$A$2:$C$346,3,0)-VLOOKUP(AX$1,városok!$A$2:$C$346,3,0))^2)/1000,0)</f>
        <v>157</v>
      </c>
      <c r="AY293">
        <f ca="1">ROUND(SQRT((VLOOKUP($A293,városok!$A$2:$C$346,2,0)-VLOOKUP(AY$1,városok!$A$2:$C$346,2,0))^2+(VLOOKUP($A293,városok!$A$2:$C$346,3,0)-VLOOKUP(AY$1,városok!$A$2:$C$346,3,0))^2)/1000,0)</f>
        <v>175</v>
      </c>
      <c r="AZ293">
        <f ca="1">ROUND(SQRT((VLOOKUP($A293,városok!$A$2:$C$346,2,0)-VLOOKUP(AZ$1,városok!$A$2:$C$346,2,0))^2+(VLOOKUP($A293,városok!$A$2:$C$346,3,0)-VLOOKUP(AZ$1,városok!$A$2:$C$346,3,0))^2)/1000,0)</f>
        <v>180</v>
      </c>
      <c r="BA293">
        <f ca="1">ROUND(SQRT((VLOOKUP($A293,városok!$A$2:$C$346,2,0)-VLOOKUP(BA$1,városok!$A$2:$C$346,2,0))^2+(VLOOKUP($A293,városok!$A$2:$C$346,3,0)-VLOOKUP(BA$1,városok!$A$2:$C$346,3,0))^2)/1000,0)</f>
        <v>306</v>
      </c>
      <c r="BB293">
        <f ca="1">ROUND(SQRT((VLOOKUP($A293,városok!$A$2:$C$346,2,0)-VLOOKUP(BB$1,városok!$A$2:$C$346,2,0))^2+(VLOOKUP($A293,városok!$A$2:$C$346,3,0)-VLOOKUP(BB$1,városok!$A$2:$C$346,3,0))^2)/1000,0)</f>
        <v>303</v>
      </c>
      <c r="BC293">
        <f ca="1">ROUND(SQRT((VLOOKUP($A293,városok!$A$2:$C$346,2,0)-VLOOKUP(BC$1,városok!$A$2:$C$346,2,0))^2+(VLOOKUP($A293,városok!$A$2:$C$346,3,0)-VLOOKUP(BC$1,városok!$A$2:$C$346,3,0))^2)/1000,0)</f>
        <v>324</v>
      </c>
      <c r="BD293">
        <f ca="1">ROUND(SQRT((VLOOKUP($A293,városok!$A$2:$C$346,2,0)-VLOOKUP(BD$1,városok!$A$2:$C$346,2,0))^2+(VLOOKUP($A293,városok!$A$2:$C$346,3,0)-VLOOKUP(BD$1,városok!$A$2:$C$346,3,0))^2)/1000,0)</f>
        <v>275</v>
      </c>
      <c r="BE293">
        <f ca="1">ROUND(SQRT((VLOOKUP($A293,városok!$A$2:$C$346,2,0)-VLOOKUP(BE$1,városok!$A$2:$C$346,2,0))^2+(VLOOKUP($A293,városok!$A$2:$C$346,3,0)-VLOOKUP(BE$1,városok!$A$2:$C$346,3,0))^2)/1000,0)</f>
        <v>99</v>
      </c>
      <c r="BF293">
        <f ca="1">ROUND(SQRT((VLOOKUP($A293,városok!$A$2:$C$346,2,0)-VLOOKUP(BF$1,városok!$A$2:$C$346,2,0))^2+(VLOOKUP($A293,városok!$A$2:$C$346,3,0)-VLOOKUP(BF$1,városok!$A$2:$C$346,3,0))^2)/1000,0)</f>
        <v>61</v>
      </c>
      <c r="BG293">
        <f ca="1">ROUND(SQRT((VLOOKUP($A293,városok!$A$2:$C$346,2,0)-VLOOKUP(BG$1,városok!$A$2:$C$346,2,0))^2+(VLOOKUP($A293,városok!$A$2:$C$346,3,0)-VLOOKUP(BG$1,városok!$A$2:$C$346,3,0))^2)/1000,0)</f>
        <v>20</v>
      </c>
      <c r="BH293">
        <f ca="1">ROUND(SQRT((VLOOKUP($A293,városok!$A$2:$C$346,2,0)-VLOOKUP(BH$1,városok!$A$2:$C$346,2,0))^2+(VLOOKUP($A293,városok!$A$2:$C$346,3,0)-VLOOKUP(BH$1,városok!$A$2:$C$346,3,0))^2)/1000,0)</f>
        <v>20</v>
      </c>
      <c r="BI293">
        <f ca="1">ROUND(SQRT((VLOOKUP($A293,városok!$A$2:$C$346,2,0)-VLOOKUP(BI$1,városok!$A$2:$C$346,2,0))^2+(VLOOKUP($A293,városok!$A$2:$C$346,3,0)-VLOOKUP(BI$1,városok!$A$2:$C$346,3,0))^2)/1000,0)</f>
        <v>270</v>
      </c>
      <c r="BJ293">
        <f ca="1">ROUND(SQRT((VLOOKUP($A293,városok!$A$2:$C$346,2,0)-VLOOKUP(BJ$1,városok!$A$2:$C$346,2,0))^2+(VLOOKUP($A293,városok!$A$2:$C$346,3,0)-VLOOKUP(BJ$1,városok!$A$2:$C$346,3,0))^2)/1000,0)</f>
        <v>288</v>
      </c>
      <c r="BK293">
        <f ca="1">ROUND(SQRT((VLOOKUP($A293,városok!$A$2:$C$346,2,0)-VLOOKUP(BK$1,városok!$A$2:$C$346,2,0))^2+(VLOOKUP($A293,városok!$A$2:$C$346,3,0)-VLOOKUP(BK$1,városok!$A$2:$C$346,3,0))^2)/1000,0)</f>
        <v>269</v>
      </c>
      <c r="BL293">
        <f ca="1">ROUND(SQRT((VLOOKUP($A293,városok!$A$2:$C$346,2,0)-VLOOKUP(BL$1,városok!$A$2:$C$346,2,0))^2+(VLOOKUP($A293,városok!$A$2:$C$346,3,0)-VLOOKUP(BL$1,városok!$A$2:$C$346,3,0))^2)/1000,0)</f>
        <v>373</v>
      </c>
      <c r="BM293">
        <f ca="1">ROUND(SQRT((VLOOKUP($A293,városok!$A$2:$C$346,2,0)-VLOOKUP(BM$1,városok!$A$2:$C$346,2,0))^2+(VLOOKUP($A293,városok!$A$2:$C$346,3,0)-VLOOKUP(BM$1,városok!$A$2:$C$346,3,0))^2)/1000,0)</f>
        <v>342</v>
      </c>
      <c r="BN293">
        <f ca="1">ROUND(SQRT((VLOOKUP($A293,városok!$A$2:$C$346,2,0)-VLOOKUP(BN$1,városok!$A$2:$C$346,2,0))^2+(VLOOKUP($A293,városok!$A$2:$C$346,3,0)-VLOOKUP(BN$1,városok!$A$2:$C$346,3,0))^2)/1000,0)</f>
        <v>365</v>
      </c>
      <c r="BO293">
        <f ca="1">ROUND(SQRT((VLOOKUP($A293,városok!$A$2:$C$346,2,0)-VLOOKUP(BO$1,városok!$A$2:$C$346,2,0))^2+(VLOOKUP($A293,városok!$A$2:$C$346,3,0)-VLOOKUP(BO$1,városok!$A$2:$C$346,3,0))^2)/1000,0)</f>
        <v>272</v>
      </c>
      <c r="BP293">
        <f ca="1">ROUND(SQRT((VLOOKUP($A293,városok!$A$2:$C$346,2,0)-VLOOKUP(BP$1,városok!$A$2:$C$346,2,0))^2+(VLOOKUP($A293,városok!$A$2:$C$346,3,0)-VLOOKUP(BP$1,városok!$A$2:$C$346,3,0))^2)/1000,0)</f>
        <v>265</v>
      </c>
      <c r="BQ293">
        <f ca="1">ROUND(SQRT((VLOOKUP($A293,városok!$A$2:$C$346,2,0)-VLOOKUP(BQ$1,városok!$A$2:$C$346,2,0))^2+(VLOOKUP($A293,városok!$A$2:$C$346,3,0)-VLOOKUP(BQ$1,városok!$A$2:$C$346,3,0))^2)/1000,0)</f>
        <v>277</v>
      </c>
      <c r="BR293">
        <f ca="1">ROUND(SQRT((VLOOKUP($A293,városok!$A$2:$C$346,2,0)-VLOOKUP(BR$1,városok!$A$2:$C$346,2,0))^2+(VLOOKUP($A293,városok!$A$2:$C$346,3,0)-VLOOKUP(BR$1,városok!$A$2:$C$346,3,0))^2)/1000,0)</f>
        <v>337</v>
      </c>
      <c r="BS293">
        <f ca="1">ROUND(SQRT((VLOOKUP($A293,városok!$A$2:$C$346,2,0)-VLOOKUP(BS$1,városok!$A$2:$C$346,2,0))^2+(VLOOKUP($A293,városok!$A$2:$C$346,3,0)-VLOOKUP(BS$1,városok!$A$2:$C$346,3,0))^2)/1000,0)</f>
        <v>371</v>
      </c>
      <c r="BT293">
        <f ca="1">ROUND(SQRT((VLOOKUP($A293,városok!$A$2:$C$346,2,0)-VLOOKUP(BT$1,városok!$A$2:$C$346,2,0))^2+(VLOOKUP($A293,városok!$A$2:$C$346,3,0)-VLOOKUP(BT$1,városok!$A$2:$C$346,3,0))^2)/1000,0)</f>
        <v>363</v>
      </c>
    </row>
    <row r="294" spans="1:72" x14ac:dyDescent="0.2">
      <c r="A294" t="str">
        <f>városok!A294</f>
        <v>Újfehértó</v>
      </c>
      <c r="B294">
        <f ca="1">ROUND(SQRT((VLOOKUP($A294,városok!$A$2:$C$346,2,0)-VLOOKUP(B$1,városok!$A$2:$C$346,2,0))^2+(VLOOKUP($A294,városok!$A$2:$C$346,3,0)-VLOOKUP(B$1,városok!$A$2:$C$346,3,0))^2)/1000,0)</f>
        <v>274</v>
      </c>
      <c r="C294">
        <f ca="1">ROUND(SQRT((VLOOKUP($A294,városok!$A$2:$C$346,2,0)-VLOOKUP(C$1,városok!$A$2:$C$346,2,0))^2+(VLOOKUP($A294,városok!$A$2:$C$346,3,0)-VLOOKUP(C$1,városok!$A$2:$C$346,3,0))^2)/1000,0)</f>
        <v>249</v>
      </c>
      <c r="D294">
        <f ca="1">ROUND(SQRT((VLOOKUP($A294,városok!$A$2:$C$346,2,0)-VLOOKUP(D$1,városok!$A$2:$C$346,2,0))^2+(VLOOKUP($A294,városok!$A$2:$C$346,3,0)-VLOOKUP(D$1,városok!$A$2:$C$346,3,0))^2)/1000,0)</f>
        <v>180</v>
      </c>
      <c r="E294">
        <f ca="1">ROUND(SQRT((VLOOKUP($A294,városok!$A$2:$C$346,2,0)-VLOOKUP(E$1,városok!$A$2:$C$346,2,0))^2+(VLOOKUP($A294,városok!$A$2:$C$346,3,0)-VLOOKUP(E$1,városok!$A$2:$C$346,3,0))^2)/1000,0)</f>
        <v>315</v>
      </c>
      <c r="F294">
        <f ca="1">ROUND(SQRT((VLOOKUP($A294,városok!$A$2:$C$346,2,0)-VLOOKUP(F$1,városok!$A$2:$C$346,2,0))^2+(VLOOKUP($A294,városok!$A$2:$C$346,3,0)-VLOOKUP(F$1,városok!$A$2:$C$346,3,0))^2)/1000,0)</f>
        <v>304</v>
      </c>
      <c r="G294">
        <f ca="1">ROUND(SQRT((VLOOKUP($A294,városok!$A$2:$C$346,2,0)-VLOOKUP(G$1,városok!$A$2:$C$346,2,0))^2+(VLOOKUP($A294,városok!$A$2:$C$346,3,0)-VLOOKUP(G$1,városok!$A$2:$C$346,3,0))^2)/1000,0)</f>
        <v>324</v>
      </c>
      <c r="H294">
        <f ca="1">ROUND(SQRT((VLOOKUP($A294,városok!$A$2:$C$346,2,0)-VLOOKUP(H$1,városok!$A$2:$C$346,2,0))^2+(VLOOKUP($A294,városok!$A$2:$C$346,3,0)-VLOOKUP(H$1,városok!$A$2:$C$346,3,0))^2)/1000,0)</f>
        <v>354</v>
      </c>
      <c r="I294">
        <f ca="1">ROUND(SQRT((VLOOKUP($A294,városok!$A$2:$C$346,2,0)-VLOOKUP(I$1,városok!$A$2:$C$346,2,0))^2+(VLOOKUP($A294,városok!$A$2:$C$346,3,0)-VLOOKUP(I$1,városok!$A$2:$C$346,3,0))^2)/1000,0)</f>
        <v>133</v>
      </c>
      <c r="J294">
        <f ca="1">ROUND(SQRT((VLOOKUP($A294,városok!$A$2:$C$346,2,0)-VLOOKUP(J$1,városok!$A$2:$C$346,2,0))^2+(VLOOKUP($A294,városok!$A$2:$C$346,3,0)-VLOOKUP(J$1,városok!$A$2:$C$346,3,0))^2)/1000,0)</f>
        <v>132</v>
      </c>
      <c r="K294">
        <f ca="1">ROUND(SQRT((VLOOKUP($A294,városok!$A$2:$C$346,2,0)-VLOOKUP(K$1,városok!$A$2:$C$346,2,0))^2+(VLOOKUP($A294,városok!$A$2:$C$346,3,0)-VLOOKUP(K$1,városok!$A$2:$C$346,3,0))^2)/1000,0)</f>
        <v>157</v>
      </c>
      <c r="L294">
        <f ca="1">ROUND(SQRT((VLOOKUP($A294,városok!$A$2:$C$346,2,0)-VLOOKUP(L$1,városok!$A$2:$C$346,2,0))^2+(VLOOKUP($A294,városok!$A$2:$C$346,3,0)-VLOOKUP(L$1,városok!$A$2:$C$346,3,0))^2)/1000,0)</f>
        <v>93</v>
      </c>
      <c r="M294">
        <f ca="1">ROUND(SQRT((VLOOKUP($A294,városok!$A$2:$C$346,2,0)-VLOOKUP(M$1,városok!$A$2:$C$346,2,0))^2+(VLOOKUP($A294,városok!$A$2:$C$346,3,0)-VLOOKUP(M$1,városok!$A$2:$C$346,3,0))^2)/1000,0)</f>
        <v>74</v>
      </c>
      <c r="N294">
        <f ca="1">ROUND(SQRT((VLOOKUP($A294,városok!$A$2:$C$346,2,0)-VLOOKUP(N$1,városok!$A$2:$C$346,2,0))^2+(VLOOKUP($A294,városok!$A$2:$C$346,3,0)-VLOOKUP(N$1,városok!$A$2:$C$346,3,0))^2)/1000,0)</f>
        <v>114</v>
      </c>
      <c r="O294">
        <f ca="1">ROUND(SQRT((VLOOKUP($A294,városok!$A$2:$C$346,2,0)-VLOOKUP(O$1,városok!$A$2:$C$346,2,0))^2+(VLOOKUP($A294,városok!$A$2:$C$346,3,0)-VLOOKUP(O$1,városok!$A$2:$C$346,3,0))^2)/1000,0)</f>
        <v>66</v>
      </c>
      <c r="P294">
        <f ca="1">ROUND(SQRT((VLOOKUP($A294,városok!$A$2:$C$346,2,0)-VLOOKUP(P$1,városok!$A$2:$C$346,2,0))^2+(VLOOKUP($A294,városok!$A$2:$C$346,3,0)-VLOOKUP(P$1,városok!$A$2:$C$346,3,0))^2)/1000,0)</f>
        <v>67</v>
      </c>
      <c r="Q294">
        <f ca="1">ROUND(SQRT((VLOOKUP($A294,városok!$A$2:$C$346,2,0)-VLOOKUP(Q$1,városok!$A$2:$C$346,2,0))^2+(VLOOKUP($A294,városok!$A$2:$C$346,3,0)-VLOOKUP(Q$1,városok!$A$2:$C$346,3,0))^2)/1000,0)</f>
        <v>185</v>
      </c>
      <c r="R294">
        <f ca="1">ROUND(SQRT((VLOOKUP($A294,városok!$A$2:$C$346,2,0)-VLOOKUP(R$1,városok!$A$2:$C$346,2,0))^2+(VLOOKUP($A294,városok!$A$2:$C$346,3,0)-VLOOKUP(R$1,városok!$A$2:$C$346,3,0))^2)/1000,0)</f>
        <v>198</v>
      </c>
      <c r="S294">
        <f ca="1">ROUND(SQRT((VLOOKUP($A294,városok!$A$2:$C$346,2,0)-VLOOKUP(S$1,városok!$A$2:$C$346,2,0))^2+(VLOOKUP($A294,városok!$A$2:$C$346,3,0)-VLOOKUP(S$1,városok!$A$2:$C$346,3,0))^2)/1000,0)</f>
        <v>208</v>
      </c>
      <c r="T294">
        <f ca="1">ROUND(SQRT((VLOOKUP($A294,városok!$A$2:$C$346,2,0)-VLOOKUP(T$1,városok!$A$2:$C$346,2,0))^2+(VLOOKUP($A294,városok!$A$2:$C$346,3,0)-VLOOKUP(T$1,városok!$A$2:$C$346,3,0))^2)/1000,0)</f>
        <v>231</v>
      </c>
      <c r="U294">
        <f ca="1">ROUND(SQRT((VLOOKUP($A294,városok!$A$2:$C$346,2,0)-VLOOKUP(U$1,városok!$A$2:$C$346,2,0))^2+(VLOOKUP($A294,városok!$A$2:$C$346,3,0)-VLOOKUP(U$1,városok!$A$2:$C$346,3,0))^2)/1000,0)</f>
        <v>227</v>
      </c>
      <c r="V294">
        <f ca="1">ROUND(SQRT((VLOOKUP($A294,városok!$A$2:$C$346,2,0)-VLOOKUP(V$1,városok!$A$2:$C$346,2,0))^2+(VLOOKUP($A294,városok!$A$2:$C$346,3,0)-VLOOKUP(V$1,városok!$A$2:$C$346,3,0))^2)/1000,0)</f>
        <v>268</v>
      </c>
      <c r="W294">
        <f ca="1">ROUND(SQRT((VLOOKUP($A294,városok!$A$2:$C$346,2,0)-VLOOKUP(W$1,városok!$A$2:$C$346,2,0))^2+(VLOOKUP($A294,városok!$A$2:$C$346,3,0)-VLOOKUP(W$1,városok!$A$2:$C$346,3,0))^2)/1000,0)</f>
        <v>252</v>
      </c>
      <c r="X294">
        <f ca="1">ROUND(SQRT((VLOOKUP($A294,városok!$A$2:$C$346,2,0)-VLOOKUP(X$1,városok!$A$2:$C$346,2,0))^2+(VLOOKUP($A294,városok!$A$2:$C$346,3,0)-VLOOKUP(X$1,városok!$A$2:$C$346,3,0))^2)/1000,0)</f>
        <v>259</v>
      </c>
      <c r="Y294">
        <f ca="1">ROUND(SQRT((VLOOKUP($A294,városok!$A$2:$C$346,2,0)-VLOOKUP(Y$1,városok!$A$2:$C$346,2,0))^2+(VLOOKUP($A294,városok!$A$2:$C$346,3,0)-VLOOKUP(Y$1,városok!$A$2:$C$346,3,0))^2)/1000,0)</f>
        <v>303</v>
      </c>
      <c r="Z294">
        <f ca="1">ROUND(SQRT((VLOOKUP($A294,városok!$A$2:$C$346,2,0)-VLOOKUP(Z$1,városok!$A$2:$C$346,2,0))^2+(VLOOKUP($A294,városok!$A$2:$C$346,3,0)-VLOOKUP(Z$1,városok!$A$2:$C$346,3,0))^2)/1000,0)</f>
        <v>321</v>
      </c>
      <c r="AA294">
        <f ca="1">ROUND(SQRT((VLOOKUP($A294,városok!$A$2:$C$346,2,0)-VLOOKUP(AA$1,városok!$A$2:$C$346,2,0))^2+(VLOOKUP($A294,városok!$A$2:$C$346,3,0)-VLOOKUP(AA$1,városok!$A$2:$C$346,3,0))^2)/1000,0)</f>
        <v>382</v>
      </c>
      <c r="AB294">
        <f ca="1">ROUND(SQRT((VLOOKUP($A294,városok!$A$2:$C$346,2,0)-VLOOKUP(AB$1,városok!$A$2:$C$346,2,0))^2+(VLOOKUP($A294,városok!$A$2:$C$346,3,0)-VLOOKUP(AB$1,városok!$A$2:$C$346,3,0))^2)/1000,0)</f>
        <v>30</v>
      </c>
      <c r="AC294">
        <f ca="1">ROUND(SQRT((VLOOKUP($A294,városok!$A$2:$C$346,2,0)-VLOOKUP(AC$1,városok!$A$2:$C$346,2,0))^2+(VLOOKUP($A294,városok!$A$2:$C$346,3,0)-VLOOKUP(AC$1,városok!$A$2:$C$346,3,0))^2)/1000,0)</f>
        <v>45</v>
      </c>
      <c r="AD294">
        <f ca="1">ROUND(SQRT((VLOOKUP($A294,városok!$A$2:$C$346,2,0)-VLOOKUP(AD$1,városok!$A$2:$C$346,2,0))^2+(VLOOKUP($A294,városok!$A$2:$C$346,3,0)-VLOOKUP(AD$1,városok!$A$2:$C$346,3,0))^2)/1000,0)</f>
        <v>57</v>
      </c>
      <c r="AE294">
        <f ca="1">ROUND(SQRT((VLOOKUP($A294,városok!$A$2:$C$346,2,0)-VLOOKUP(AE$1,városok!$A$2:$C$346,2,0))^2+(VLOOKUP($A294,városok!$A$2:$C$346,3,0)-VLOOKUP(AE$1,városok!$A$2:$C$346,3,0))^2)/1000,0)</f>
        <v>69</v>
      </c>
      <c r="AF294">
        <f ca="1">ROUND(SQRT((VLOOKUP($A294,városok!$A$2:$C$346,2,0)-VLOOKUP(AF$1,városok!$A$2:$C$346,2,0))^2+(VLOOKUP($A294,városok!$A$2:$C$346,3,0)-VLOOKUP(AF$1,városok!$A$2:$C$346,3,0))^2)/1000,0)</f>
        <v>98</v>
      </c>
      <c r="AG294">
        <f ca="1">ROUND(SQRT((VLOOKUP($A294,városok!$A$2:$C$346,2,0)-VLOOKUP(AG$1,városok!$A$2:$C$346,2,0))^2+(VLOOKUP($A294,városok!$A$2:$C$346,3,0)-VLOOKUP(AG$1,városok!$A$2:$C$346,3,0))^2)/1000,0)</f>
        <v>131</v>
      </c>
      <c r="AH294">
        <f ca="1">ROUND(SQRT((VLOOKUP($A294,városok!$A$2:$C$346,2,0)-VLOOKUP(AH$1,városok!$A$2:$C$346,2,0))^2+(VLOOKUP($A294,városok!$A$2:$C$346,3,0)-VLOOKUP(AH$1,városok!$A$2:$C$346,3,0))^2)/1000,0)</f>
        <v>151</v>
      </c>
      <c r="AI294">
        <f ca="1">ROUND(SQRT((VLOOKUP($A294,városok!$A$2:$C$346,2,0)-VLOOKUP(AI$1,városok!$A$2:$C$346,2,0))^2+(VLOOKUP($A294,városok!$A$2:$C$346,3,0)-VLOOKUP(AI$1,városok!$A$2:$C$346,3,0))^2)/1000,0)</f>
        <v>121</v>
      </c>
      <c r="AJ294">
        <f ca="1">ROUND(SQRT((VLOOKUP($A294,városok!$A$2:$C$346,2,0)-VLOOKUP(AJ$1,városok!$A$2:$C$346,2,0))^2+(VLOOKUP($A294,városok!$A$2:$C$346,3,0)-VLOOKUP(AJ$1,városok!$A$2:$C$346,3,0))^2)/1000,0)</f>
        <v>129</v>
      </c>
      <c r="AK294">
        <f ca="1">ROUND(SQRT((VLOOKUP($A294,városok!$A$2:$C$346,2,0)-VLOOKUP(AK$1,városok!$A$2:$C$346,2,0))^2+(VLOOKUP($A294,városok!$A$2:$C$346,3,0)-VLOOKUP(AK$1,városok!$A$2:$C$346,3,0))^2)/1000,0)</f>
        <v>78</v>
      </c>
      <c r="AL294">
        <f ca="1">ROUND(SQRT((VLOOKUP($A294,városok!$A$2:$C$346,2,0)-VLOOKUP(AL$1,városok!$A$2:$C$346,2,0))^2+(VLOOKUP($A294,városok!$A$2:$C$346,3,0)-VLOOKUP(AL$1,városok!$A$2:$C$346,3,0))^2)/1000,0)</f>
        <v>92</v>
      </c>
      <c r="AM294">
        <f ca="1">ROUND(SQRT((VLOOKUP($A294,városok!$A$2:$C$346,2,0)-VLOOKUP(AM$1,városok!$A$2:$C$346,2,0))^2+(VLOOKUP($A294,városok!$A$2:$C$346,3,0)-VLOOKUP(AM$1,városok!$A$2:$C$346,3,0))^2)/1000,0)</f>
        <v>132</v>
      </c>
      <c r="AN294">
        <f ca="1">ROUND(SQRT((VLOOKUP($A294,városok!$A$2:$C$346,2,0)-VLOOKUP(AN$1,városok!$A$2:$C$346,2,0))^2+(VLOOKUP($A294,városok!$A$2:$C$346,3,0)-VLOOKUP(AN$1,városok!$A$2:$C$346,3,0))^2)/1000,0)</f>
        <v>220</v>
      </c>
      <c r="AO294">
        <f ca="1">ROUND(SQRT((VLOOKUP($A294,városok!$A$2:$C$346,2,0)-VLOOKUP(AO$1,városok!$A$2:$C$346,2,0))^2+(VLOOKUP($A294,városok!$A$2:$C$346,3,0)-VLOOKUP(AO$1,városok!$A$2:$C$346,3,0))^2)/1000,0)</f>
        <v>267</v>
      </c>
      <c r="AP294">
        <f ca="1">ROUND(SQRT((VLOOKUP($A294,városok!$A$2:$C$346,2,0)-VLOOKUP(AP$1,városok!$A$2:$C$346,2,0))^2+(VLOOKUP($A294,városok!$A$2:$C$346,3,0)-VLOOKUP(AP$1,városok!$A$2:$C$346,3,0))^2)/1000,0)</f>
        <v>252</v>
      </c>
      <c r="AQ294">
        <f ca="1">ROUND(SQRT((VLOOKUP($A294,városok!$A$2:$C$346,2,0)-VLOOKUP(AQ$1,városok!$A$2:$C$346,2,0))^2+(VLOOKUP($A294,városok!$A$2:$C$346,3,0)-VLOOKUP(AQ$1,városok!$A$2:$C$346,3,0))^2)/1000,0)</f>
        <v>247</v>
      </c>
      <c r="AR294">
        <f ca="1">ROUND(SQRT((VLOOKUP($A294,városok!$A$2:$C$346,2,0)-VLOOKUP(AR$1,városok!$A$2:$C$346,2,0))^2+(VLOOKUP($A294,városok!$A$2:$C$346,3,0)-VLOOKUP(AR$1,városok!$A$2:$C$346,3,0))^2)/1000,0)</f>
        <v>149</v>
      </c>
      <c r="AS294">
        <f ca="1">ROUND(SQRT((VLOOKUP($A294,városok!$A$2:$C$346,2,0)-VLOOKUP(AS$1,városok!$A$2:$C$346,2,0))^2+(VLOOKUP($A294,városok!$A$2:$C$346,3,0)-VLOOKUP(AS$1,városok!$A$2:$C$346,3,0))^2)/1000,0)</f>
        <v>144</v>
      </c>
      <c r="AT294">
        <f ca="1">ROUND(SQRT((VLOOKUP($A294,városok!$A$2:$C$346,2,0)-VLOOKUP(AT$1,városok!$A$2:$C$346,2,0))^2+(VLOOKUP($A294,városok!$A$2:$C$346,3,0)-VLOOKUP(AT$1,városok!$A$2:$C$346,3,0))^2)/1000,0)</f>
        <v>218</v>
      </c>
      <c r="AU294">
        <f ca="1">ROUND(SQRT((VLOOKUP($A294,városok!$A$2:$C$346,2,0)-VLOOKUP(AU$1,városok!$A$2:$C$346,2,0))^2+(VLOOKUP($A294,városok!$A$2:$C$346,3,0)-VLOOKUP(AU$1,városok!$A$2:$C$346,3,0))^2)/1000,0)</f>
        <v>208</v>
      </c>
      <c r="AV294">
        <f ca="1">ROUND(SQRT((VLOOKUP($A294,városok!$A$2:$C$346,2,0)-VLOOKUP(AV$1,városok!$A$2:$C$346,2,0))^2+(VLOOKUP($A294,városok!$A$2:$C$346,3,0)-VLOOKUP(AV$1,városok!$A$2:$C$346,3,0))^2)/1000,0)</f>
        <v>210</v>
      </c>
      <c r="AW294">
        <f ca="1">ROUND(SQRT((VLOOKUP($A294,városok!$A$2:$C$346,2,0)-VLOOKUP(AW$1,városok!$A$2:$C$346,2,0))^2+(VLOOKUP($A294,városok!$A$2:$C$346,3,0)-VLOOKUP(AW$1,városok!$A$2:$C$346,3,0))^2)/1000,0)</f>
        <v>213</v>
      </c>
      <c r="AX294">
        <f ca="1">ROUND(SQRT((VLOOKUP($A294,városok!$A$2:$C$346,2,0)-VLOOKUP(AX$1,városok!$A$2:$C$346,2,0))^2+(VLOOKUP($A294,városok!$A$2:$C$346,3,0)-VLOOKUP(AX$1,városok!$A$2:$C$346,3,0))^2)/1000,0)</f>
        <v>167</v>
      </c>
      <c r="AY294">
        <f ca="1">ROUND(SQRT((VLOOKUP($A294,városok!$A$2:$C$346,2,0)-VLOOKUP(AY$1,városok!$A$2:$C$346,2,0))^2+(VLOOKUP($A294,városok!$A$2:$C$346,3,0)-VLOOKUP(AY$1,városok!$A$2:$C$346,3,0))^2)/1000,0)</f>
        <v>197</v>
      </c>
      <c r="AZ294">
        <f ca="1">ROUND(SQRT((VLOOKUP($A294,városok!$A$2:$C$346,2,0)-VLOOKUP(AZ$1,városok!$A$2:$C$346,2,0))^2+(VLOOKUP($A294,városok!$A$2:$C$346,3,0)-VLOOKUP(AZ$1,városok!$A$2:$C$346,3,0))^2)/1000,0)</f>
        <v>203</v>
      </c>
      <c r="BA294">
        <f ca="1">ROUND(SQRT((VLOOKUP($A294,városok!$A$2:$C$346,2,0)-VLOOKUP(BA$1,városok!$A$2:$C$346,2,0))^2+(VLOOKUP($A294,városok!$A$2:$C$346,3,0)-VLOOKUP(BA$1,városok!$A$2:$C$346,3,0))^2)/1000,0)</f>
        <v>321</v>
      </c>
      <c r="BB294">
        <f ca="1">ROUND(SQRT((VLOOKUP($A294,városok!$A$2:$C$346,2,0)-VLOOKUP(BB$1,városok!$A$2:$C$346,2,0))^2+(VLOOKUP($A294,városok!$A$2:$C$346,3,0)-VLOOKUP(BB$1,városok!$A$2:$C$346,3,0))^2)/1000,0)</f>
        <v>316</v>
      </c>
      <c r="BC294">
        <f ca="1">ROUND(SQRT((VLOOKUP($A294,városok!$A$2:$C$346,2,0)-VLOOKUP(BC$1,városok!$A$2:$C$346,2,0))^2+(VLOOKUP($A294,városok!$A$2:$C$346,3,0)-VLOOKUP(BC$1,városok!$A$2:$C$346,3,0))^2)/1000,0)</f>
        <v>336</v>
      </c>
      <c r="BD294">
        <f ca="1">ROUND(SQRT((VLOOKUP($A294,városok!$A$2:$C$346,2,0)-VLOOKUP(BD$1,városok!$A$2:$C$346,2,0))^2+(VLOOKUP($A294,városok!$A$2:$C$346,3,0)-VLOOKUP(BD$1,városok!$A$2:$C$346,3,0))^2)/1000,0)</f>
        <v>290</v>
      </c>
      <c r="BE294">
        <f ca="1">ROUND(SQRT((VLOOKUP($A294,városok!$A$2:$C$346,2,0)-VLOOKUP(BE$1,városok!$A$2:$C$346,2,0))^2+(VLOOKUP($A294,városok!$A$2:$C$346,3,0)-VLOOKUP(BE$1,városok!$A$2:$C$346,3,0))^2)/1000,0)</f>
        <v>74</v>
      </c>
      <c r="BF294">
        <f ca="1">ROUND(SQRT((VLOOKUP($A294,városok!$A$2:$C$346,2,0)-VLOOKUP(BF$1,városok!$A$2:$C$346,2,0))^2+(VLOOKUP($A294,városok!$A$2:$C$346,3,0)-VLOOKUP(BF$1,városok!$A$2:$C$346,3,0))^2)/1000,0)</f>
        <v>56</v>
      </c>
      <c r="BG294">
        <f ca="1">ROUND(SQRT((VLOOKUP($A294,városok!$A$2:$C$346,2,0)-VLOOKUP(BG$1,városok!$A$2:$C$346,2,0))^2+(VLOOKUP($A294,városok!$A$2:$C$346,3,0)-VLOOKUP(BG$1,városok!$A$2:$C$346,3,0))^2)/1000,0)</f>
        <v>39</v>
      </c>
      <c r="BH294">
        <f ca="1">ROUND(SQRT((VLOOKUP($A294,városok!$A$2:$C$346,2,0)-VLOOKUP(BH$1,városok!$A$2:$C$346,2,0))^2+(VLOOKUP($A294,városok!$A$2:$C$346,3,0)-VLOOKUP(BH$1,városok!$A$2:$C$346,3,0))^2)/1000,0)</f>
        <v>40</v>
      </c>
      <c r="BI294">
        <f ca="1">ROUND(SQRT((VLOOKUP($A294,városok!$A$2:$C$346,2,0)-VLOOKUP(BI$1,városok!$A$2:$C$346,2,0))^2+(VLOOKUP($A294,városok!$A$2:$C$346,3,0)-VLOOKUP(BI$1,városok!$A$2:$C$346,3,0))^2)/1000,0)</f>
        <v>279</v>
      </c>
      <c r="BJ294">
        <f ca="1">ROUND(SQRT((VLOOKUP($A294,városok!$A$2:$C$346,2,0)-VLOOKUP(BJ$1,városok!$A$2:$C$346,2,0))^2+(VLOOKUP($A294,városok!$A$2:$C$346,3,0)-VLOOKUP(BJ$1,városok!$A$2:$C$346,3,0))^2)/1000,0)</f>
        <v>297</v>
      </c>
      <c r="BK294">
        <f ca="1">ROUND(SQRT((VLOOKUP($A294,városok!$A$2:$C$346,2,0)-VLOOKUP(BK$1,városok!$A$2:$C$346,2,0))^2+(VLOOKUP($A294,városok!$A$2:$C$346,3,0)-VLOOKUP(BK$1,városok!$A$2:$C$346,3,0))^2)/1000,0)</f>
        <v>277</v>
      </c>
      <c r="BL294">
        <f ca="1">ROUND(SQRT((VLOOKUP($A294,városok!$A$2:$C$346,2,0)-VLOOKUP(BL$1,városok!$A$2:$C$346,2,0))^2+(VLOOKUP($A294,városok!$A$2:$C$346,3,0)-VLOOKUP(BL$1,városok!$A$2:$C$346,3,0))^2)/1000,0)</f>
        <v>393</v>
      </c>
      <c r="BM294">
        <f ca="1">ROUND(SQRT((VLOOKUP($A294,városok!$A$2:$C$346,2,0)-VLOOKUP(BM$1,városok!$A$2:$C$346,2,0))^2+(VLOOKUP($A294,városok!$A$2:$C$346,3,0)-VLOOKUP(BM$1,városok!$A$2:$C$346,3,0))^2)/1000,0)</f>
        <v>362</v>
      </c>
      <c r="BN294">
        <f ca="1">ROUND(SQRT((VLOOKUP($A294,városok!$A$2:$C$346,2,0)-VLOOKUP(BN$1,városok!$A$2:$C$346,2,0))^2+(VLOOKUP($A294,városok!$A$2:$C$346,3,0)-VLOOKUP(BN$1,városok!$A$2:$C$346,3,0))^2)/1000,0)</f>
        <v>386</v>
      </c>
      <c r="BO294">
        <f ca="1">ROUND(SQRT((VLOOKUP($A294,városok!$A$2:$C$346,2,0)-VLOOKUP(BO$1,városok!$A$2:$C$346,2,0))^2+(VLOOKUP($A294,városok!$A$2:$C$346,3,0)-VLOOKUP(BO$1,városok!$A$2:$C$346,3,0))^2)/1000,0)</f>
        <v>289</v>
      </c>
      <c r="BP294">
        <f ca="1">ROUND(SQRT((VLOOKUP($A294,városok!$A$2:$C$346,2,0)-VLOOKUP(BP$1,városok!$A$2:$C$346,2,0))^2+(VLOOKUP($A294,városok!$A$2:$C$346,3,0)-VLOOKUP(BP$1,városok!$A$2:$C$346,3,0))^2)/1000,0)</f>
        <v>282</v>
      </c>
      <c r="BQ294">
        <f ca="1">ROUND(SQRT((VLOOKUP($A294,városok!$A$2:$C$346,2,0)-VLOOKUP(BQ$1,városok!$A$2:$C$346,2,0))^2+(VLOOKUP($A294,városok!$A$2:$C$346,3,0)-VLOOKUP(BQ$1,városok!$A$2:$C$346,3,0))^2)/1000,0)</f>
        <v>295</v>
      </c>
      <c r="BR294">
        <f ca="1">ROUND(SQRT((VLOOKUP($A294,városok!$A$2:$C$346,2,0)-VLOOKUP(BR$1,városok!$A$2:$C$346,2,0))^2+(VLOOKUP($A294,városok!$A$2:$C$346,3,0)-VLOOKUP(BR$1,városok!$A$2:$C$346,3,0))^2)/1000,0)</f>
        <v>354</v>
      </c>
      <c r="BS294">
        <f ca="1">ROUND(SQRT((VLOOKUP($A294,városok!$A$2:$C$346,2,0)-VLOOKUP(BS$1,városok!$A$2:$C$346,2,0))^2+(VLOOKUP($A294,városok!$A$2:$C$346,3,0)-VLOOKUP(BS$1,városok!$A$2:$C$346,3,0))^2)/1000,0)</f>
        <v>386</v>
      </c>
      <c r="BT294">
        <f ca="1">ROUND(SQRT((VLOOKUP($A294,városok!$A$2:$C$346,2,0)-VLOOKUP(BT$1,városok!$A$2:$C$346,2,0))^2+(VLOOKUP($A294,városok!$A$2:$C$346,3,0)-VLOOKUP(BT$1,városok!$A$2:$C$346,3,0))^2)/1000,0)</f>
        <v>381</v>
      </c>
    </row>
    <row r="295" spans="1:72" x14ac:dyDescent="0.2">
      <c r="A295" t="str">
        <f>városok!A295</f>
        <v>Vaja</v>
      </c>
      <c r="B295">
        <f ca="1">ROUND(SQRT((VLOOKUP($A295,városok!$A$2:$C$346,2,0)-VLOOKUP(B$1,városok!$A$2:$C$346,2,0))^2+(VLOOKUP($A295,városok!$A$2:$C$346,3,0)-VLOOKUP(B$1,városok!$A$2:$C$346,3,0))^2)/1000,0)</f>
        <v>316</v>
      </c>
      <c r="C295">
        <f ca="1">ROUND(SQRT((VLOOKUP($A295,városok!$A$2:$C$346,2,0)-VLOOKUP(C$1,városok!$A$2:$C$346,2,0))^2+(VLOOKUP($A295,városok!$A$2:$C$346,3,0)-VLOOKUP(C$1,városok!$A$2:$C$346,3,0))^2)/1000,0)</f>
        <v>291</v>
      </c>
      <c r="D295">
        <f ca="1">ROUND(SQRT((VLOOKUP($A295,városok!$A$2:$C$346,2,0)-VLOOKUP(D$1,városok!$A$2:$C$346,2,0))^2+(VLOOKUP($A295,városok!$A$2:$C$346,3,0)-VLOOKUP(D$1,városok!$A$2:$C$346,3,0))^2)/1000,0)</f>
        <v>223</v>
      </c>
      <c r="E295">
        <f ca="1">ROUND(SQRT((VLOOKUP($A295,városok!$A$2:$C$346,2,0)-VLOOKUP(E$1,városok!$A$2:$C$346,2,0))^2+(VLOOKUP($A295,városok!$A$2:$C$346,3,0)-VLOOKUP(E$1,városok!$A$2:$C$346,3,0))^2)/1000,0)</f>
        <v>358</v>
      </c>
      <c r="F295">
        <f ca="1">ROUND(SQRT((VLOOKUP($A295,városok!$A$2:$C$346,2,0)-VLOOKUP(F$1,városok!$A$2:$C$346,2,0))^2+(VLOOKUP($A295,városok!$A$2:$C$346,3,0)-VLOOKUP(F$1,városok!$A$2:$C$346,3,0))^2)/1000,0)</f>
        <v>346</v>
      </c>
      <c r="G295">
        <f ca="1">ROUND(SQRT((VLOOKUP($A295,városok!$A$2:$C$346,2,0)-VLOOKUP(G$1,városok!$A$2:$C$346,2,0))^2+(VLOOKUP($A295,városok!$A$2:$C$346,3,0)-VLOOKUP(G$1,városok!$A$2:$C$346,3,0))^2)/1000,0)</f>
        <v>366</v>
      </c>
      <c r="H295">
        <f ca="1">ROUND(SQRT((VLOOKUP($A295,városok!$A$2:$C$346,2,0)-VLOOKUP(H$1,városok!$A$2:$C$346,2,0))^2+(VLOOKUP($A295,városok!$A$2:$C$346,3,0)-VLOOKUP(H$1,városok!$A$2:$C$346,3,0))^2)/1000,0)</f>
        <v>397</v>
      </c>
      <c r="I295">
        <f ca="1">ROUND(SQRT((VLOOKUP($A295,városok!$A$2:$C$346,2,0)-VLOOKUP(I$1,városok!$A$2:$C$346,2,0))^2+(VLOOKUP($A295,városok!$A$2:$C$346,3,0)-VLOOKUP(I$1,városok!$A$2:$C$346,3,0))^2)/1000,0)</f>
        <v>168</v>
      </c>
      <c r="J295">
        <f ca="1">ROUND(SQRT((VLOOKUP($A295,városok!$A$2:$C$346,2,0)-VLOOKUP(J$1,városok!$A$2:$C$346,2,0))^2+(VLOOKUP($A295,városok!$A$2:$C$346,3,0)-VLOOKUP(J$1,városok!$A$2:$C$346,3,0))^2)/1000,0)</f>
        <v>165</v>
      </c>
      <c r="K295">
        <f ca="1">ROUND(SQRT((VLOOKUP($A295,városok!$A$2:$C$346,2,0)-VLOOKUP(K$1,városok!$A$2:$C$346,2,0))^2+(VLOOKUP($A295,városok!$A$2:$C$346,3,0)-VLOOKUP(K$1,városok!$A$2:$C$346,3,0))^2)/1000,0)</f>
        <v>196</v>
      </c>
      <c r="L295">
        <f ca="1">ROUND(SQRT((VLOOKUP($A295,városok!$A$2:$C$346,2,0)-VLOOKUP(L$1,városok!$A$2:$C$346,2,0))^2+(VLOOKUP($A295,városok!$A$2:$C$346,3,0)-VLOOKUP(L$1,városok!$A$2:$C$346,3,0))^2)/1000,0)</f>
        <v>118</v>
      </c>
      <c r="M295">
        <f ca="1">ROUND(SQRT((VLOOKUP($A295,városok!$A$2:$C$346,2,0)-VLOOKUP(M$1,városok!$A$2:$C$346,2,0))^2+(VLOOKUP($A295,városok!$A$2:$C$346,3,0)-VLOOKUP(M$1,városok!$A$2:$C$346,3,0))^2)/1000,0)</f>
        <v>103</v>
      </c>
      <c r="N295">
        <f ca="1">ROUND(SQRT((VLOOKUP($A295,városok!$A$2:$C$346,2,0)-VLOOKUP(N$1,városok!$A$2:$C$346,2,0))^2+(VLOOKUP($A295,városok!$A$2:$C$346,3,0)-VLOOKUP(N$1,városok!$A$2:$C$346,3,0))^2)/1000,0)</f>
        <v>142</v>
      </c>
      <c r="O295">
        <f ca="1">ROUND(SQRT((VLOOKUP($A295,városok!$A$2:$C$346,2,0)-VLOOKUP(O$1,városok!$A$2:$C$346,2,0))^2+(VLOOKUP($A295,városok!$A$2:$C$346,3,0)-VLOOKUP(O$1,városok!$A$2:$C$346,3,0))^2)/1000,0)</f>
        <v>59</v>
      </c>
      <c r="P295">
        <f ca="1">ROUND(SQRT((VLOOKUP($A295,városok!$A$2:$C$346,2,0)-VLOOKUP(P$1,városok!$A$2:$C$346,2,0))^2+(VLOOKUP($A295,városok!$A$2:$C$346,3,0)-VLOOKUP(P$1,városok!$A$2:$C$346,3,0))^2)/1000,0)</f>
        <v>59</v>
      </c>
      <c r="Q295">
        <f ca="1">ROUND(SQRT((VLOOKUP($A295,városok!$A$2:$C$346,2,0)-VLOOKUP(Q$1,városok!$A$2:$C$346,2,0))^2+(VLOOKUP($A295,városok!$A$2:$C$346,3,0)-VLOOKUP(Q$1,városok!$A$2:$C$346,3,0))^2)/1000,0)</f>
        <v>224</v>
      </c>
      <c r="R295">
        <f ca="1">ROUND(SQRT((VLOOKUP($A295,városok!$A$2:$C$346,2,0)-VLOOKUP(R$1,városok!$A$2:$C$346,2,0))^2+(VLOOKUP($A295,városok!$A$2:$C$346,3,0)-VLOOKUP(R$1,városok!$A$2:$C$346,3,0))^2)/1000,0)</f>
        <v>236</v>
      </c>
      <c r="S295">
        <f ca="1">ROUND(SQRT((VLOOKUP($A295,városok!$A$2:$C$346,2,0)-VLOOKUP(S$1,városok!$A$2:$C$346,2,0))^2+(VLOOKUP($A295,városok!$A$2:$C$346,3,0)-VLOOKUP(S$1,városok!$A$2:$C$346,3,0))^2)/1000,0)</f>
        <v>247</v>
      </c>
      <c r="T295">
        <f ca="1">ROUND(SQRT((VLOOKUP($A295,városok!$A$2:$C$346,2,0)-VLOOKUP(T$1,városok!$A$2:$C$346,2,0))^2+(VLOOKUP($A295,városok!$A$2:$C$346,3,0)-VLOOKUP(T$1,városok!$A$2:$C$346,3,0))^2)/1000,0)</f>
        <v>271</v>
      </c>
      <c r="U295">
        <f ca="1">ROUND(SQRT((VLOOKUP($A295,városok!$A$2:$C$346,2,0)-VLOOKUP(U$1,városok!$A$2:$C$346,2,0))^2+(VLOOKUP($A295,városok!$A$2:$C$346,3,0)-VLOOKUP(U$1,városok!$A$2:$C$346,3,0))^2)/1000,0)</f>
        <v>269</v>
      </c>
      <c r="V295">
        <f ca="1">ROUND(SQRT((VLOOKUP($A295,városok!$A$2:$C$346,2,0)-VLOOKUP(V$1,városok!$A$2:$C$346,2,0))^2+(VLOOKUP($A295,városok!$A$2:$C$346,3,0)-VLOOKUP(V$1,városok!$A$2:$C$346,3,0))^2)/1000,0)</f>
        <v>309</v>
      </c>
      <c r="W295">
        <f ca="1">ROUND(SQRT((VLOOKUP($A295,városok!$A$2:$C$346,2,0)-VLOOKUP(W$1,városok!$A$2:$C$346,2,0))^2+(VLOOKUP($A295,városok!$A$2:$C$346,3,0)-VLOOKUP(W$1,városok!$A$2:$C$346,3,0))^2)/1000,0)</f>
        <v>295</v>
      </c>
      <c r="X295">
        <f ca="1">ROUND(SQRT((VLOOKUP($A295,városok!$A$2:$C$346,2,0)-VLOOKUP(X$1,városok!$A$2:$C$346,2,0))^2+(VLOOKUP($A295,városok!$A$2:$C$346,3,0)-VLOOKUP(X$1,városok!$A$2:$C$346,3,0))^2)/1000,0)</f>
        <v>299</v>
      </c>
      <c r="Y295">
        <f ca="1">ROUND(SQRT((VLOOKUP($A295,városok!$A$2:$C$346,2,0)-VLOOKUP(Y$1,városok!$A$2:$C$346,2,0))^2+(VLOOKUP($A295,városok!$A$2:$C$346,3,0)-VLOOKUP(Y$1,városok!$A$2:$C$346,3,0))^2)/1000,0)</f>
        <v>341</v>
      </c>
      <c r="Z295">
        <f ca="1">ROUND(SQRT((VLOOKUP($A295,városok!$A$2:$C$346,2,0)-VLOOKUP(Z$1,városok!$A$2:$C$346,2,0))^2+(VLOOKUP($A295,városok!$A$2:$C$346,3,0)-VLOOKUP(Z$1,városok!$A$2:$C$346,3,0))^2)/1000,0)</f>
        <v>359</v>
      </c>
      <c r="AA295">
        <f ca="1">ROUND(SQRT((VLOOKUP($A295,városok!$A$2:$C$346,2,0)-VLOOKUP(AA$1,városok!$A$2:$C$346,2,0))^2+(VLOOKUP($A295,városok!$A$2:$C$346,3,0)-VLOOKUP(AA$1,városok!$A$2:$C$346,3,0))^2)/1000,0)</f>
        <v>419</v>
      </c>
      <c r="AB295">
        <f ca="1">ROUND(SQRT((VLOOKUP($A295,városok!$A$2:$C$346,2,0)-VLOOKUP(AB$1,városok!$A$2:$C$346,2,0))^2+(VLOOKUP($A295,városok!$A$2:$C$346,3,0)-VLOOKUP(AB$1,városok!$A$2:$C$346,3,0))^2)/1000,0)</f>
        <v>66</v>
      </c>
      <c r="AC295">
        <f ca="1">ROUND(SQRT((VLOOKUP($A295,városok!$A$2:$C$346,2,0)-VLOOKUP(AC$1,városok!$A$2:$C$346,2,0))^2+(VLOOKUP($A295,városok!$A$2:$C$346,3,0)-VLOOKUP(AC$1,városok!$A$2:$C$346,3,0))^2)/1000,0)</f>
        <v>84</v>
      </c>
      <c r="AD295">
        <f ca="1">ROUND(SQRT((VLOOKUP($A295,városok!$A$2:$C$346,2,0)-VLOOKUP(AD$1,városok!$A$2:$C$346,2,0))^2+(VLOOKUP($A295,városok!$A$2:$C$346,3,0)-VLOOKUP(AD$1,városok!$A$2:$C$346,3,0))^2)/1000,0)</f>
        <v>99</v>
      </c>
      <c r="AE295">
        <f ca="1">ROUND(SQRT((VLOOKUP($A295,városok!$A$2:$C$346,2,0)-VLOOKUP(AE$1,városok!$A$2:$C$346,2,0))^2+(VLOOKUP($A295,városok!$A$2:$C$346,3,0)-VLOOKUP(AE$1,városok!$A$2:$C$346,3,0))^2)/1000,0)</f>
        <v>109</v>
      </c>
      <c r="AF295">
        <f ca="1">ROUND(SQRT((VLOOKUP($A295,városok!$A$2:$C$346,2,0)-VLOOKUP(AF$1,városok!$A$2:$C$346,2,0))^2+(VLOOKUP($A295,városok!$A$2:$C$346,3,0)-VLOOKUP(AF$1,városok!$A$2:$C$346,3,0))^2)/1000,0)</f>
        <v>134</v>
      </c>
      <c r="AG295">
        <f ca="1">ROUND(SQRT((VLOOKUP($A295,városok!$A$2:$C$346,2,0)-VLOOKUP(AG$1,városok!$A$2:$C$346,2,0))^2+(VLOOKUP($A295,városok!$A$2:$C$346,3,0)-VLOOKUP(AG$1,városok!$A$2:$C$346,3,0))^2)/1000,0)</f>
        <v>169</v>
      </c>
      <c r="AH295">
        <f ca="1">ROUND(SQRT((VLOOKUP($A295,városok!$A$2:$C$346,2,0)-VLOOKUP(AH$1,városok!$A$2:$C$346,2,0))^2+(VLOOKUP($A295,városok!$A$2:$C$346,3,0)-VLOOKUP(AH$1,városok!$A$2:$C$346,3,0))^2)/1000,0)</f>
        <v>190</v>
      </c>
      <c r="AI295">
        <f ca="1">ROUND(SQRT((VLOOKUP($A295,városok!$A$2:$C$346,2,0)-VLOOKUP(AI$1,városok!$A$2:$C$346,2,0))^2+(VLOOKUP($A295,városok!$A$2:$C$346,3,0)-VLOOKUP(AI$1,városok!$A$2:$C$346,3,0))^2)/1000,0)</f>
        <v>155</v>
      </c>
      <c r="AJ295">
        <f ca="1">ROUND(SQRT((VLOOKUP($A295,városok!$A$2:$C$346,2,0)-VLOOKUP(AJ$1,városok!$A$2:$C$346,2,0))^2+(VLOOKUP($A295,városok!$A$2:$C$346,3,0)-VLOOKUP(AJ$1,városok!$A$2:$C$346,3,0))^2)/1000,0)</f>
        <v>169</v>
      </c>
      <c r="AK295">
        <f ca="1">ROUND(SQRT((VLOOKUP($A295,városok!$A$2:$C$346,2,0)-VLOOKUP(AK$1,városok!$A$2:$C$346,2,0))^2+(VLOOKUP($A295,városok!$A$2:$C$346,3,0)-VLOOKUP(AK$1,városok!$A$2:$C$346,3,0))^2)/1000,0)</f>
        <v>120</v>
      </c>
      <c r="AL295">
        <f ca="1">ROUND(SQRT((VLOOKUP($A295,városok!$A$2:$C$346,2,0)-VLOOKUP(AL$1,városok!$A$2:$C$346,2,0))^2+(VLOOKUP($A295,városok!$A$2:$C$346,3,0)-VLOOKUP(AL$1,városok!$A$2:$C$346,3,0))^2)/1000,0)</f>
        <v>135</v>
      </c>
      <c r="AM295">
        <f ca="1">ROUND(SQRT((VLOOKUP($A295,városok!$A$2:$C$346,2,0)-VLOOKUP(AM$1,városok!$A$2:$C$346,2,0))^2+(VLOOKUP($A295,városok!$A$2:$C$346,3,0)-VLOOKUP(AM$1,városok!$A$2:$C$346,3,0))^2)/1000,0)</f>
        <v>175</v>
      </c>
      <c r="AN295">
        <f ca="1">ROUND(SQRT((VLOOKUP($A295,városok!$A$2:$C$346,2,0)-VLOOKUP(AN$1,városok!$A$2:$C$346,2,0))^2+(VLOOKUP($A295,városok!$A$2:$C$346,3,0)-VLOOKUP(AN$1,városok!$A$2:$C$346,3,0))^2)/1000,0)</f>
        <v>257</v>
      </c>
      <c r="AO295">
        <f ca="1">ROUND(SQRT((VLOOKUP($A295,városok!$A$2:$C$346,2,0)-VLOOKUP(AO$1,városok!$A$2:$C$346,2,0))^2+(VLOOKUP($A295,városok!$A$2:$C$346,3,0)-VLOOKUP(AO$1,városok!$A$2:$C$346,3,0))^2)/1000,0)</f>
        <v>304</v>
      </c>
      <c r="AP295">
        <f ca="1">ROUND(SQRT((VLOOKUP($A295,városok!$A$2:$C$346,2,0)-VLOOKUP(AP$1,városok!$A$2:$C$346,2,0))^2+(VLOOKUP($A295,városok!$A$2:$C$346,3,0)-VLOOKUP(AP$1,városok!$A$2:$C$346,3,0))^2)/1000,0)</f>
        <v>290</v>
      </c>
      <c r="AQ295">
        <f ca="1">ROUND(SQRT((VLOOKUP($A295,városok!$A$2:$C$346,2,0)-VLOOKUP(AQ$1,városok!$A$2:$C$346,2,0))^2+(VLOOKUP($A295,városok!$A$2:$C$346,3,0)-VLOOKUP(AQ$1,városok!$A$2:$C$346,3,0))^2)/1000,0)</f>
        <v>286</v>
      </c>
      <c r="AR295">
        <f ca="1">ROUND(SQRT((VLOOKUP($A295,városok!$A$2:$C$346,2,0)-VLOOKUP(AR$1,városok!$A$2:$C$346,2,0))^2+(VLOOKUP($A295,városok!$A$2:$C$346,3,0)-VLOOKUP(AR$1,városok!$A$2:$C$346,3,0))^2)/1000,0)</f>
        <v>185</v>
      </c>
      <c r="AS295">
        <f ca="1">ROUND(SQRT((VLOOKUP($A295,városok!$A$2:$C$346,2,0)-VLOOKUP(AS$1,városok!$A$2:$C$346,2,0))^2+(VLOOKUP($A295,városok!$A$2:$C$346,3,0)-VLOOKUP(AS$1,városok!$A$2:$C$346,3,0))^2)/1000,0)</f>
        <v>176</v>
      </c>
      <c r="AT295">
        <f ca="1">ROUND(SQRT((VLOOKUP($A295,városok!$A$2:$C$346,2,0)-VLOOKUP(AT$1,városok!$A$2:$C$346,2,0))^2+(VLOOKUP($A295,városok!$A$2:$C$346,3,0)-VLOOKUP(AT$1,városok!$A$2:$C$346,3,0))^2)/1000,0)</f>
        <v>258</v>
      </c>
      <c r="AU295">
        <f ca="1">ROUND(SQRT((VLOOKUP($A295,városok!$A$2:$C$346,2,0)-VLOOKUP(AU$1,városok!$A$2:$C$346,2,0))^2+(VLOOKUP($A295,városok!$A$2:$C$346,3,0)-VLOOKUP(AU$1,városok!$A$2:$C$346,3,0))^2)/1000,0)</f>
        <v>248</v>
      </c>
      <c r="AV295">
        <f ca="1">ROUND(SQRT((VLOOKUP($A295,városok!$A$2:$C$346,2,0)-VLOOKUP(AV$1,városok!$A$2:$C$346,2,0))^2+(VLOOKUP($A295,városok!$A$2:$C$346,3,0)-VLOOKUP(AV$1,városok!$A$2:$C$346,3,0))^2)/1000,0)</f>
        <v>250</v>
      </c>
      <c r="AW295">
        <f ca="1">ROUND(SQRT((VLOOKUP($A295,városok!$A$2:$C$346,2,0)-VLOOKUP(AW$1,városok!$A$2:$C$346,2,0))^2+(VLOOKUP($A295,városok!$A$2:$C$346,3,0)-VLOOKUP(AW$1,városok!$A$2:$C$346,3,0))^2)/1000,0)</f>
        <v>254</v>
      </c>
      <c r="AX295">
        <f ca="1">ROUND(SQRT((VLOOKUP($A295,városok!$A$2:$C$346,2,0)-VLOOKUP(AX$1,városok!$A$2:$C$346,2,0))^2+(VLOOKUP($A295,városok!$A$2:$C$346,3,0)-VLOOKUP(AX$1,városok!$A$2:$C$346,3,0))^2)/1000,0)</f>
        <v>209</v>
      </c>
      <c r="AY295">
        <f ca="1">ROUND(SQRT((VLOOKUP($A295,városok!$A$2:$C$346,2,0)-VLOOKUP(AY$1,városok!$A$2:$C$346,2,0))^2+(VLOOKUP($A295,városok!$A$2:$C$346,3,0)-VLOOKUP(AY$1,városok!$A$2:$C$346,3,0))^2)/1000,0)</f>
        <v>235</v>
      </c>
      <c r="AZ295">
        <f ca="1">ROUND(SQRT((VLOOKUP($A295,városok!$A$2:$C$346,2,0)-VLOOKUP(AZ$1,városok!$A$2:$C$346,2,0))^2+(VLOOKUP($A295,városok!$A$2:$C$346,3,0)-VLOOKUP(AZ$1,városok!$A$2:$C$346,3,0))^2)/1000,0)</f>
        <v>240</v>
      </c>
      <c r="BA295">
        <f ca="1">ROUND(SQRT((VLOOKUP($A295,városok!$A$2:$C$346,2,0)-VLOOKUP(BA$1,városok!$A$2:$C$346,2,0))^2+(VLOOKUP($A295,városok!$A$2:$C$346,3,0)-VLOOKUP(BA$1,városok!$A$2:$C$346,3,0))^2)/1000,0)</f>
        <v>363</v>
      </c>
      <c r="BB295">
        <f ca="1">ROUND(SQRT((VLOOKUP($A295,városok!$A$2:$C$346,2,0)-VLOOKUP(BB$1,városok!$A$2:$C$346,2,0))^2+(VLOOKUP($A295,városok!$A$2:$C$346,3,0)-VLOOKUP(BB$1,városok!$A$2:$C$346,3,0))^2)/1000,0)</f>
        <v>358</v>
      </c>
      <c r="BC295">
        <f ca="1">ROUND(SQRT((VLOOKUP($A295,városok!$A$2:$C$346,2,0)-VLOOKUP(BC$1,városok!$A$2:$C$346,2,0))^2+(VLOOKUP($A295,városok!$A$2:$C$346,3,0)-VLOOKUP(BC$1,városok!$A$2:$C$346,3,0))^2)/1000,0)</f>
        <v>378</v>
      </c>
      <c r="BD295">
        <f ca="1">ROUND(SQRT((VLOOKUP($A295,városok!$A$2:$C$346,2,0)-VLOOKUP(BD$1,városok!$A$2:$C$346,2,0))^2+(VLOOKUP($A295,városok!$A$2:$C$346,3,0)-VLOOKUP(BD$1,városok!$A$2:$C$346,3,0))^2)/1000,0)</f>
        <v>332</v>
      </c>
      <c r="BE295">
        <f ca="1">ROUND(SQRT((VLOOKUP($A295,városok!$A$2:$C$346,2,0)-VLOOKUP(BE$1,városok!$A$2:$C$346,2,0))^2+(VLOOKUP($A295,városok!$A$2:$C$346,3,0)-VLOOKUP(BE$1,városok!$A$2:$C$346,3,0))^2)/1000,0)</f>
        <v>41</v>
      </c>
      <c r="BF295">
        <f ca="1">ROUND(SQRT((VLOOKUP($A295,városok!$A$2:$C$346,2,0)-VLOOKUP(BF$1,városok!$A$2:$C$346,2,0))^2+(VLOOKUP($A295,városok!$A$2:$C$346,3,0)-VLOOKUP(BF$1,városok!$A$2:$C$346,3,0))^2)/1000,0)</f>
        <v>26</v>
      </c>
      <c r="BG295">
        <f ca="1">ROUND(SQRT((VLOOKUP($A295,városok!$A$2:$C$346,2,0)-VLOOKUP(BG$1,városok!$A$2:$C$346,2,0))^2+(VLOOKUP($A295,városok!$A$2:$C$346,3,0)-VLOOKUP(BG$1,városok!$A$2:$C$346,3,0))^2)/1000,0)</f>
        <v>54</v>
      </c>
      <c r="BH295">
        <f ca="1">ROUND(SQRT((VLOOKUP($A295,városok!$A$2:$C$346,2,0)-VLOOKUP(BH$1,városok!$A$2:$C$346,2,0))^2+(VLOOKUP($A295,városok!$A$2:$C$346,3,0)-VLOOKUP(BH$1,városok!$A$2:$C$346,3,0))^2)/1000,0)</f>
        <v>54</v>
      </c>
      <c r="BI295">
        <f ca="1">ROUND(SQRT((VLOOKUP($A295,városok!$A$2:$C$346,2,0)-VLOOKUP(BI$1,városok!$A$2:$C$346,2,0))^2+(VLOOKUP($A295,városok!$A$2:$C$346,3,0)-VLOOKUP(BI$1,városok!$A$2:$C$346,3,0))^2)/1000,0)</f>
        <v>322</v>
      </c>
      <c r="BJ295">
        <f ca="1">ROUND(SQRT((VLOOKUP($A295,városok!$A$2:$C$346,2,0)-VLOOKUP(BJ$1,városok!$A$2:$C$346,2,0))^2+(VLOOKUP($A295,városok!$A$2:$C$346,3,0)-VLOOKUP(BJ$1,városok!$A$2:$C$346,3,0))^2)/1000,0)</f>
        <v>340</v>
      </c>
      <c r="BK295">
        <f ca="1">ROUND(SQRT((VLOOKUP($A295,városok!$A$2:$C$346,2,0)-VLOOKUP(BK$1,városok!$A$2:$C$346,2,0))^2+(VLOOKUP($A295,városok!$A$2:$C$346,3,0)-VLOOKUP(BK$1,városok!$A$2:$C$346,3,0))^2)/1000,0)</f>
        <v>320</v>
      </c>
      <c r="BL295">
        <f ca="1">ROUND(SQRT((VLOOKUP($A295,városok!$A$2:$C$346,2,0)-VLOOKUP(BL$1,városok!$A$2:$C$346,2,0))^2+(VLOOKUP($A295,városok!$A$2:$C$346,3,0)-VLOOKUP(BL$1,városok!$A$2:$C$346,3,0))^2)/1000,0)</f>
        <v>433</v>
      </c>
      <c r="BM295">
        <f ca="1">ROUND(SQRT((VLOOKUP($A295,városok!$A$2:$C$346,2,0)-VLOOKUP(BM$1,városok!$A$2:$C$346,2,0))^2+(VLOOKUP($A295,városok!$A$2:$C$346,3,0)-VLOOKUP(BM$1,városok!$A$2:$C$346,3,0))^2)/1000,0)</f>
        <v>402</v>
      </c>
      <c r="BN295">
        <f ca="1">ROUND(SQRT((VLOOKUP($A295,városok!$A$2:$C$346,2,0)-VLOOKUP(BN$1,városok!$A$2:$C$346,2,0))^2+(VLOOKUP($A295,városok!$A$2:$C$346,3,0)-VLOOKUP(BN$1,városok!$A$2:$C$346,3,0))^2)/1000,0)</f>
        <v>425</v>
      </c>
      <c r="BO295">
        <f ca="1">ROUND(SQRT((VLOOKUP($A295,városok!$A$2:$C$346,2,0)-VLOOKUP(BO$1,városok!$A$2:$C$346,2,0))^2+(VLOOKUP($A295,városok!$A$2:$C$346,3,0)-VLOOKUP(BO$1,városok!$A$2:$C$346,3,0))^2)/1000,0)</f>
        <v>331</v>
      </c>
      <c r="BP295">
        <f ca="1">ROUND(SQRT((VLOOKUP($A295,városok!$A$2:$C$346,2,0)-VLOOKUP(BP$1,városok!$A$2:$C$346,2,0))^2+(VLOOKUP($A295,városok!$A$2:$C$346,3,0)-VLOOKUP(BP$1,városok!$A$2:$C$346,3,0))^2)/1000,0)</f>
        <v>324</v>
      </c>
      <c r="BQ295">
        <f ca="1">ROUND(SQRT((VLOOKUP($A295,városok!$A$2:$C$346,2,0)-VLOOKUP(BQ$1,városok!$A$2:$C$346,2,0))^2+(VLOOKUP($A295,városok!$A$2:$C$346,3,0)-VLOOKUP(BQ$1,városok!$A$2:$C$346,3,0))^2)/1000,0)</f>
        <v>336</v>
      </c>
      <c r="BR295">
        <f ca="1">ROUND(SQRT((VLOOKUP($A295,városok!$A$2:$C$346,2,0)-VLOOKUP(BR$1,városok!$A$2:$C$346,2,0))^2+(VLOOKUP($A295,városok!$A$2:$C$346,3,0)-VLOOKUP(BR$1,városok!$A$2:$C$346,3,0))^2)/1000,0)</f>
        <v>395</v>
      </c>
      <c r="BS295">
        <f ca="1">ROUND(SQRT((VLOOKUP($A295,városok!$A$2:$C$346,2,0)-VLOOKUP(BS$1,városok!$A$2:$C$346,2,0))^2+(VLOOKUP($A295,városok!$A$2:$C$346,3,0)-VLOOKUP(BS$1,városok!$A$2:$C$346,3,0))^2)/1000,0)</f>
        <v>428</v>
      </c>
      <c r="BT295">
        <f ca="1">ROUND(SQRT((VLOOKUP($A295,városok!$A$2:$C$346,2,0)-VLOOKUP(BT$1,városok!$A$2:$C$346,2,0))^2+(VLOOKUP($A295,városok!$A$2:$C$346,3,0)-VLOOKUP(BT$1,városok!$A$2:$C$346,3,0))^2)/1000,0)</f>
        <v>422</v>
      </c>
    </row>
    <row r="296" spans="1:72" x14ac:dyDescent="0.2">
      <c r="A296" t="str">
        <f>városok!A296</f>
        <v>Vásárosnamény</v>
      </c>
      <c r="B296">
        <f ca="1">ROUND(SQRT((VLOOKUP($A296,városok!$A$2:$C$346,2,0)-VLOOKUP(B$1,városok!$A$2:$C$346,2,0))^2+(VLOOKUP($A296,városok!$A$2:$C$346,3,0)-VLOOKUP(B$1,városok!$A$2:$C$346,3,0))^2)/1000,0)</f>
        <v>333</v>
      </c>
      <c r="C296">
        <f ca="1">ROUND(SQRT((VLOOKUP($A296,városok!$A$2:$C$346,2,0)-VLOOKUP(C$1,városok!$A$2:$C$346,2,0))^2+(VLOOKUP($A296,városok!$A$2:$C$346,3,0)-VLOOKUP(C$1,városok!$A$2:$C$346,3,0))^2)/1000,0)</f>
        <v>308</v>
      </c>
      <c r="D296">
        <f ca="1">ROUND(SQRT((VLOOKUP($A296,városok!$A$2:$C$346,2,0)-VLOOKUP(D$1,városok!$A$2:$C$346,2,0))^2+(VLOOKUP($A296,városok!$A$2:$C$346,3,0)-VLOOKUP(D$1,városok!$A$2:$C$346,3,0))^2)/1000,0)</f>
        <v>239</v>
      </c>
      <c r="E296">
        <f ca="1">ROUND(SQRT((VLOOKUP($A296,városok!$A$2:$C$346,2,0)-VLOOKUP(E$1,városok!$A$2:$C$346,2,0))^2+(VLOOKUP($A296,városok!$A$2:$C$346,3,0)-VLOOKUP(E$1,városok!$A$2:$C$346,3,0))^2)/1000,0)</f>
        <v>375</v>
      </c>
      <c r="F296">
        <f ca="1">ROUND(SQRT((VLOOKUP($A296,városok!$A$2:$C$346,2,0)-VLOOKUP(F$1,városok!$A$2:$C$346,2,0))^2+(VLOOKUP($A296,városok!$A$2:$C$346,3,0)-VLOOKUP(F$1,városok!$A$2:$C$346,3,0))^2)/1000,0)</f>
        <v>364</v>
      </c>
      <c r="G296">
        <f ca="1">ROUND(SQRT((VLOOKUP($A296,városok!$A$2:$C$346,2,0)-VLOOKUP(G$1,városok!$A$2:$C$346,2,0))^2+(VLOOKUP($A296,városok!$A$2:$C$346,3,0)-VLOOKUP(G$1,városok!$A$2:$C$346,3,0))^2)/1000,0)</f>
        <v>383</v>
      </c>
      <c r="H296">
        <f ca="1">ROUND(SQRT((VLOOKUP($A296,városok!$A$2:$C$346,2,0)-VLOOKUP(H$1,városok!$A$2:$C$346,2,0))^2+(VLOOKUP($A296,városok!$A$2:$C$346,3,0)-VLOOKUP(H$1,városok!$A$2:$C$346,3,0))^2)/1000,0)</f>
        <v>413</v>
      </c>
      <c r="I296">
        <f ca="1">ROUND(SQRT((VLOOKUP($A296,városok!$A$2:$C$346,2,0)-VLOOKUP(I$1,városok!$A$2:$C$346,2,0))^2+(VLOOKUP($A296,városok!$A$2:$C$346,3,0)-VLOOKUP(I$1,városok!$A$2:$C$346,3,0))^2)/1000,0)</f>
        <v>186</v>
      </c>
      <c r="J296">
        <f ca="1">ROUND(SQRT((VLOOKUP($A296,városok!$A$2:$C$346,2,0)-VLOOKUP(J$1,városok!$A$2:$C$346,2,0))^2+(VLOOKUP($A296,városok!$A$2:$C$346,3,0)-VLOOKUP(J$1,városok!$A$2:$C$346,3,0))^2)/1000,0)</f>
        <v>183</v>
      </c>
      <c r="K296">
        <f ca="1">ROUND(SQRT((VLOOKUP($A296,városok!$A$2:$C$346,2,0)-VLOOKUP(K$1,városok!$A$2:$C$346,2,0))^2+(VLOOKUP($A296,városok!$A$2:$C$346,3,0)-VLOOKUP(K$1,városok!$A$2:$C$346,3,0))^2)/1000,0)</f>
        <v>214</v>
      </c>
      <c r="L296">
        <f ca="1">ROUND(SQRT((VLOOKUP($A296,városok!$A$2:$C$346,2,0)-VLOOKUP(L$1,városok!$A$2:$C$346,2,0))^2+(VLOOKUP($A296,városok!$A$2:$C$346,3,0)-VLOOKUP(L$1,városok!$A$2:$C$346,3,0))^2)/1000,0)</f>
        <v>125</v>
      </c>
      <c r="M296">
        <f ca="1">ROUND(SQRT((VLOOKUP($A296,városok!$A$2:$C$346,2,0)-VLOOKUP(M$1,városok!$A$2:$C$346,2,0))^2+(VLOOKUP($A296,városok!$A$2:$C$346,3,0)-VLOOKUP(M$1,városok!$A$2:$C$346,3,0))^2)/1000,0)</f>
        <v>113</v>
      </c>
      <c r="N296">
        <f ca="1">ROUND(SQRT((VLOOKUP($A296,városok!$A$2:$C$346,2,0)-VLOOKUP(N$1,városok!$A$2:$C$346,2,0))^2+(VLOOKUP($A296,városok!$A$2:$C$346,3,0)-VLOOKUP(N$1,városok!$A$2:$C$346,3,0))^2)/1000,0)</f>
        <v>150</v>
      </c>
      <c r="O296">
        <f ca="1">ROUND(SQRT((VLOOKUP($A296,városok!$A$2:$C$346,2,0)-VLOOKUP(O$1,városok!$A$2:$C$346,2,0))^2+(VLOOKUP($A296,városok!$A$2:$C$346,3,0)-VLOOKUP(O$1,városok!$A$2:$C$346,3,0))^2)/1000,0)</f>
        <v>57</v>
      </c>
      <c r="P296">
        <f ca="1">ROUND(SQRT((VLOOKUP($A296,városok!$A$2:$C$346,2,0)-VLOOKUP(P$1,városok!$A$2:$C$346,2,0))^2+(VLOOKUP($A296,városok!$A$2:$C$346,3,0)-VLOOKUP(P$1,városok!$A$2:$C$346,3,0))^2)/1000,0)</f>
        <v>57</v>
      </c>
      <c r="Q296">
        <f ca="1">ROUND(SQRT((VLOOKUP($A296,városok!$A$2:$C$346,2,0)-VLOOKUP(Q$1,városok!$A$2:$C$346,2,0))^2+(VLOOKUP($A296,városok!$A$2:$C$346,3,0)-VLOOKUP(Q$1,városok!$A$2:$C$346,3,0))^2)/1000,0)</f>
        <v>242</v>
      </c>
      <c r="R296">
        <f ca="1">ROUND(SQRT((VLOOKUP($A296,városok!$A$2:$C$346,2,0)-VLOOKUP(R$1,városok!$A$2:$C$346,2,0))^2+(VLOOKUP($A296,városok!$A$2:$C$346,3,0)-VLOOKUP(R$1,városok!$A$2:$C$346,3,0))^2)/1000,0)</f>
        <v>254</v>
      </c>
      <c r="S296">
        <f ca="1">ROUND(SQRT((VLOOKUP($A296,városok!$A$2:$C$346,2,0)-VLOOKUP(S$1,városok!$A$2:$C$346,2,0))^2+(VLOOKUP($A296,városok!$A$2:$C$346,3,0)-VLOOKUP(S$1,városok!$A$2:$C$346,3,0))^2)/1000,0)</f>
        <v>265</v>
      </c>
      <c r="T296">
        <f ca="1">ROUND(SQRT((VLOOKUP($A296,városok!$A$2:$C$346,2,0)-VLOOKUP(T$1,városok!$A$2:$C$346,2,0))^2+(VLOOKUP($A296,városok!$A$2:$C$346,3,0)-VLOOKUP(T$1,városok!$A$2:$C$346,3,0))^2)/1000,0)</f>
        <v>284</v>
      </c>
      <c r="U296">
        <f ca="1">ROUND(SQRT((VLOOKUP($A296,városok!$A$2:$C$346,2,0)-VLOOKUP(U$1,városok!$A$2:$C$346,2,0))^2+(VLOOKUP($A296,városok!$A$2:$C$346,3,0)-VLOOKUP(U$1,városok!$A$2:$C$346,3,0))^2)/1000,0)</f>
        <v>285</v>
      </c>
      <c r="V296">
        <f ca="1">ROUND(SQRT((VLOOKUP($A296,városok!$A$2:$C$346,2,0)-VLOOKUP(V$1,városok!$A$2:$C$346,2,0))^2+(VLOOKUP($A296,városok!$A$2:$C$346,3,0)-VLOOKUP(V$1,városok!$A$2:$C$346,3,0))^2)/1000,0)</f>
        <v>324</v>
      </c>
      <c r="W296">
        <f ca="1">ROUND(SQRT((VLOOKUP($A296,városok!$A$2:$C$346,2,0)-VLOOKUP(W$1,városok!$A$2:$C$346,2,0))^2+(VLOOKUP($A296,városok!$A$2:$C$346,3,0)-VLOOKUP(W$1,városok!$A$2:$C$346,3,0))^2)/1000,0)</f>
        <v>310</v>
      </c>
      <c r="X296">
        <f ca="1">ROUND(SQRT((VLOOKUP($A296,városok!$A$2:$C$346,2,0)-VLOOKUP(X$1,városok!$A$2:$C$346,2,0))^2+(VLOOKUP($A296,városok!$A$2:$C$346,3,0)-VLOOKUP(X$1,városok!$A$2:$C$346,3,0))^2)/1000,0)</f>
        <v>313</v>
      </c>
      <c r="Y296">
        <f ca="1">ROUND(SQRT((VLOOKUP($A296,városok!$A$2:$C$346,2,0)-VLOOKUP(Y$1,városok!$A$2:$C$346,2,0))^2+(VLOOKUP($A296,városok!$A$2:$C$346,3,0)-VLOOKUP(Y$1,városok!$A$2:$C$346,3,0))^2)/1000,0)</f>
        <v>353</v>
      </c>
      <c r="Z296">
        <f ca="1">ROUND(SQRT((VLOOKUP($A296,városok!$A$2:$C$346,2,0)-VLOOKUP(Z$1,városok!$A$2:$C$346,2,0))^2+(VLOOKUP($A296,városok!$A$2:$C$346,3,0)-VLOOKUP(Z$1,városok!$A$2:$C$346,3,0))^2)/1000,0)</f>
        <v>370</v>
      </c>
      <c r="AA296">
        <f ca="1">ROUND(SQRT((VLOOKUP($A296,városok!$A$2:$C$346,2,0)-VLOOKUP(AA$1,városok!$A$2:$C$346,2,0))^2+(VLOOKUP($A296,városok!$A$2:$C$346,3,0)-VLOOKUP(AA$1,városok!$A$2:$C$346,3,0))^2)/1000,0)</f>
        <v>431</v>
      </c>
      <c r="AB296">
        <f ca="1">ROUND(SQRT((VLOOKUP($A296,városok!$A$2:$C$346,2,0)-VLOOKUP(AB$1,városok!$A$2:$C$346,2,0))^2+(VLOOKUP($A296,városok!$A$2:$C$346,3,0)-VLOOKUP(AB$1,városok!$A$2:$C$346,3,0))^2)/1000,0)</f>
        <v>84</v>
      </c>
      <c r="AC296">
        <f ca="1">ROUND(SQRT((VLOOKUP($A296,városok!$A$2:$C$346,2,0)-VLOOKUP(AC$1,városok!$A$2:$C$346,2,0))^2+(VLOOKUP($A296,városok!$A$2:$C$346,3,0)-VLOOKUP(AC$1,városok!$A$2:$C$346,3,0))^2)/1000,0)</f>
        <v>102</v>
      </c>
      <c r="AD296">
        <f ca="1">ROUND(SQRT((VLOOKUP($A296,városok!$A$2:$C$346,2,0)-VLOOKUP(AD$1,városok!$A$2:$C$346,2,0))^2+(VLOOKUP($A296,városok!$A$2:$C$346,3,0)-VLOOKUP(AD$1,városok!$A$2:$C$346,3,0))^2)/1000,0)</f>
        <v>116</v>
      </c>
      <c r="AE296">
        <f ca="1">ROUND(SQRT((VLOOKUP($A296,városok!$A$2:$C$346,2,0)-VLOOKUP(AE$1,városok!$A$2:$C$346,2,0))^2+(VLOOKUP($A296,városok!$A$2:$C$346,3,0)-VLOOKUP(AE$1,városok!$A$2:$C$346,3,0))^2)/1000,0)</f>
        <v>127</v>
      </c>
      <c r="AF296">
        <f ca="1">ROUND(SQRT((VLOOKUP($A296,városok!$A$2:$C$346,2,0)-VLOOKUP(AF$1,városok!$A$2:$C$346,2,0))^2+(VLOOKUP($A296,városok!$A$2:$C$346,3,0)-VLOOKUP(AF$1,városok!$A$2:$C$346,3,0))^2)/1000,0)</f>
        <v>146</v>
      </c>
      <c r="AG296">
        <f ca="1">ROUND(SQRT((VLOOKUP($A296,városok!$A$2:$C$346,2,0)-VLOOKUP(AG$1,városok!$A$2:$C$346,2,0))^2+(VLOOKUP($A296,városok!$A$2:$C$346,3,0)-VLOOKUP(AG$1,városok!$A$2:$C$346,3,0))^2)/1000,0)</f>
        <v>182</v>
      </c>
      <c r="AH296">
        <f ca="1">ROUND(SQRT((VLOOKUP($A296,városok!$A$2:$C$346,2,0)-VLOOKUP(AH$1,városok!$A$2:$C$346,2,0))^2+(VLOOKUP($A296,városok!$A$2:$C$346,3,0)-VLOOKUP(AH$1,városok!$A$2:$C$346,3,0))^2)/1000,0)</f>
        <v>203</v>
      </c>
      <c r="AI296">
        <f ca="1">ROUND(SQRT((VLOOKUP($A296,városok!$A$2:$C$346,2,0)-VLOOKUP(AI$1,városok!$A$2:$C$346,2,0))^2+(VLOOKUP($A296,városok!$A$2:$C$346,3,0)-VLOOKUP(AI$1,városok!$A$2:$C$346,3,0))^2)/1000,0)</f>
        <v>165</v>
      </c>
      <c r="AJ296">
        <f ca="1">ROUND(SQRT((VLOOKUP($A296,városok!$A$2:$C$346,2,0)-VLOOKUP(AJ$1,városok!$A$2:$C$346,2,0))^2+(VLOOKUP($A296,városok!$A$2:$C$346,3,0)-VLOOKUP(AJ$1,városok!$A$2:$C$346,3,0))^2)/1000,0)</f>
        <v>183</v>
      </c>
      <c r="AK296">
        <f ca="1">ROUND(SQRT((VLOOKUP($A296,városok!$A$2:$C$346,2,0)-VLOOKUP(AK$1,városok!$A$2:$C$346,2,0))^2+(VLOOKUP($A296,városok!$A$2:$C$346,3,0)-VLOOKUP(AK$1,városok!$A$2:$C$346,3,0))^2)/1000,0)</f>
        <v>137</v>
      </c>
      <c r="AL296">
        <f ca="1">ROUND(SQRT((VLOOKUP($A296,városok!$A$2:$C$346,2,0)-VLOOKUP(AL$1,városok!$A$2:$C$346,2,0))^2+(VLOOKUP($A296,városok!$A$2:$C$346,3,0)-VLOOKUP(AL$1,városok!$A$2:$C$346,3,0))^2)/1000,0)</f>
        <v>152</v>
      </c>
      <c r="AM296">
        <f ca="1">ROUND(SQRT((VLOOKUP($A296,városok!$A$2:$C$346,2,0)-VLOOKUP(AM$1,városok!$A$2:$C$346,2,0))^2+(VLOOKUP($A296,városok!$A$2:$C$346,3,0)-VLOOKUP(AM$1,városok!$A$2:$C$346,3,0))^2)/1000,0)</f>
        <v>191</v>
      </c>
      <c r="AN296">
        <f ca="1">ROUND(SQRT((VLOOKUP($A296,városok!$A$2:$C$346,2,0)-VLOOKUP(AN$1,városok!$A$2:$C$346,2,0))^2+(VLOOKUP($A296,városok!$A$2:$C$346,3,0)-VLOOKUP(AN$1,városok!$A$2:$C$346,3,0))^2)/1000,0)</f>
        <v>269</v>
      </c>
      <c r="AO296">
        <f ca="1">ROUND(SQRT((VLOOKUP($A296,városok!$A$2:$C$346,2,0)-VLOOKUP(AO$1,városok!$A$2:$C$346,2,0))^2+(VLOOKUP($A296,városok!$A$2:$C$346,3,0)-VLOOKUP(AO$1,városok!$A$2:$C$346,3,0))^2)/1000,0)</f>
        <v>316</v>
      </c>
      <c r="AP296">
        <f ca="1">ROUND(SQRT((VLOOKUP($A296,városok!$A$2:$C$346,2,0)-VLOOKUP(AP$1,városok!$A$2:$C$346,2,0))^2+(VLOOKUP($A296,városok!$A$2:$C$346,3,0)-VLOOKUP(AP$1,városok!$A$2:$C$346,3,0))^2)/1000,0)</f>
        <v>302</v>
      </c>
      <c r="AQ296">
        <f ca="1">ROUND(SQRT((VLOOKUP($A296,városok!$A$2:$C$346,2,0)-VLOOKUP(AQ$1,városok!$A$2:$C$346,2,0))^2+(VLOOKUP($A296,városok!$A$2:$C$346,3,0)-VLOOKUP(AQ$1,városok!$A$2:$C$346,3,0))^2)/1000,0)</f>
        <v>298</v>
      </c>
      <c r="AR296">
        <f ca="1">ROUND(SQRT((VLOOKUP($A296,városok!$A$2:$C$346,2,0)-VLOOKUP(AR$1,városok!$A$2:$C$346,2,0))^2+(VLOOKUP($A296,városok!$A$2:$C$346,3,0)-VLOOKUP(AR$1,városok!$A$2:$C$346,3,0))^2)/1000,0)</f>
        <v>196</v>
      </c>
      <c r="AS296">
        <f ca="1">ROUND(SQRT((VLOOKUP($A296,városok!$A$2:$C$346,2,0)-VLOOKUP(AS$1,városok!$A$2:$C$346,2,0))^2+(VLOOKUP($A296,városok!$A$2:$C$346,3,0)-VLOOKUP(AS$1,városok!$A$2:$C$346,3,0))^2)/1000,0)</f>
        <v>186</v>
      </c>
      <c r="AT296">
        <f ca="1">ROUND(SQRT((VLOOKUP($A296,városok!$A$2:$C$346,2,0)-VLOOKUP(AT$1,városok!$A$2:$C$346,2,0))^2+(VLOOKUP($A296,városok!$A$2:$C$346,3,0)-VLOOKUP(AT$1,városok!$A$2:$C$346,3,0))^2)/1000,0)</f>
        <v>271</v>
      </c>
      <c r="AU296">
        <f ca="1">ROUND(SQRT((VLOOKUP($A296,városok!$A$2:$C$346,2,0)-VLOOKUP(AU$1,városok!$A$2:$C$346,2,0))^2+(VLOOKUP($A296,városok!$A$2:$C$346,3,0)-VLOOKUP(AU$1,városok!$A$2:$C$346,3,0))^2)/1000,0)</f>
        <v>261</v>
      </c>
      <c r="AV296">
        <f ca="1">ROUND(SQRT((VLOOKUP($A296,városok!$A$2:$C$346,2,0)-VLOOKUP(AV$1,városok!$A$2:$C$346,2,0))^2+(VLOOKUP($A296,városok!$A$2:$C$346,3,0)-VLOOKUP(AV$1,városok!$A$2:$C$346,3,0))^2)/1000,0)</f>
        <v>264</v>
      </c>
      <c r="AW296">
        <f ca="1">ROUND(SQRT((VLOOKUP($A296,városok!$A$2:$C$346,2,0)-VLOOKUP(AW$1,városok!$A$2:$C$346,2,0))^2+(VLOOKUP($A296,városok!$A$2:$C$346,3,0)-VLOOKUP(AW$1,városok!$A$2:$C$346,3,0))^2)/1000,0)</f>
        <v>267</v>
      </c>
      <c r="AX296">
        <f ca="1">ROUND(SQRT((VLOOKUP($A296,városok!$A$2:$C$346,2,0)-VLOOKUP(AX$1,városok!$A$2:$C$346,2,0))^2+(VLOOKUP($A296,városok!$A$2:$C$346,3,0)-VLOOKUP(AX$1,városok!$A$2:$C$346,3,0))^2)/1000,0)</f>
        <v>226</v>
      </c>
      <c r="AY296">
        <f ca="1">ROUND(SQRT((VLOOKUP($A296,városok!$A$2:$C$346,2,0)-VLOOKUP(AY$1,városok!$A$2:$C$346,2,0))^2+(VLOOKUP($A296,városok!$A$2:$C$346,3,0)-VLOOKUP(AY$1,városok!$A$2:$C$346,3,0))^2)/1000,0)</f>
        <v>248</v>
      </c>
      <c r="AZ296">
        <f ca="1">ROUND(SQRT((VLOOKUP($A296,városok!$A$2:$C$346,2,0)-VLOOKUP(AZ$1,városok!$A$2:$C$346,2,0))^2+(VLOOKUP($A296,városok!$A$2:$C$346,3,0)-VLOOKUP(AZ$1,városok!$A$2:$C$346,3,0))^2)/1000,0)</f>
        <v>252</v>
      </c>
      <c r="BA296">
        <f ca="1">ROUND(SQRT((VLOOKUP($A296,városok!$A$2:$C$346,2,0)-VLOOKUP(BA$1,városok!$A$2:$C$346,2,0))^2+(VLOOKUP($A296,városok!$A$2:$C$346,3,0)-VLOOKUP(BA$1,városok!$A$2:$C$346,3,0))^2)/1000,0)</f>
        <v>378</v>
      </c>
      <c r="BB296">
        <f ca="1">ROUND(SQRT((VLOOKUP($A296,városok!$A$2:$C$346,2,0)-VLOOKUP(BB$1,városok!$A$2:$C$346,2,0))^2+(VLOOKUP($A296,városok!$A$2:$C$346,3,0)-VLOOKUP(BB$1,városok!$A$2:$C$346,3,0))^2)/1000,0)</f>
        <v>374</v>
      </c>
      <c r="BC296">
        <f ca="1">ROUND(SQRT((VLOOKUP($A296,városok!$A$2:$C$346,2,0)-VLOOKUP(BC$1,városok!$A$2:$C$346,2,0))^2+(VLOOKUP($A296,városok!$A$2:$C$346,3,0)-VLOOKUP(BC$1,városok!$A$2:$C$346,3,0))^2)/1000,0)</f>
        <v>394</v>
      </c>
      <c r="BD296">
        <f ca="1">ROUND(SQRT((VLOOKUP($A296,városok!$A$2:$C$346,2,0)-VLOOKUP(BD$1,városok!$A$2:$C$346,2,0))^2+(VLOOKUP($A296,városok!$A$2:$C$346,3,0)-VLOOKUP(BD$1,városok!$A$2:$C$346,3,0))^2)/1000,0)</f>
        <v>347</v>
      </c>
      <c r="BE296">
        <f ca="1">ROUND(SQRT((VLOOKUP($A296,városok!$A$2:$C$346,2,0)-VLOOKUP(BE$1,városok!$A$2:$C$346,2,0))^2+(VLOOKUP($A296,városok!$A$2:$C$346,3,0)-VLOOKUP(BE$1,városok!$A$2:$C$346,3,0))^2)/1000,0)</f>
        <v>42</v>
      </c>
      <c r="BF296">
        <f ca="1">ROUND(SQRT((VLOOKUP($A296,városok!$A$2:$C$346,2,0)-VLOOKUP(BF$1,városok!$A$2:$C$346,2,0))^2+(VLOOKUP($A296,városok!$A$2:$C$346,3,0)-VLOOKUP(BF$1,városok!$A$2:$C$346,3,0))^2)/1000,0)</f>
        <v>20</v>
      </c>
      <c r="BG296">
        <f ca="1">ROUND(SQRT((VLOOKUP($A296,városok!$A$2:$C$346,2,0)-VLOOKUP(BG$1,városok!$A$2:$C$346,2,0))^2+(VLOOKUP($A296,városok!$A$2:$C$346,3,0)-VLOOKUP(BG$1,városok!$A$2:$C$346,3,0))^2)/1000,0)</f>
        <v>63</v>
      </c>
      <c r="BH296">
        <f ca="1">ROUND(SQRT((VLOOKUP($A296,városok!$A$2:$C$346,2,0)-VLOOKUP(BH$1,városok!$A$2:$C$346,2,0))^2+(VLOOKUP($A296,városok!$A$2:$C$346,3,0)-VLOOKUP(BH$1,városok!$A$2:$C$346,3,0))^2)/1000,0)</f>
        <v>63</v>
      </c>
      <c r="BI296">
        <f ca="1">ROUND(SQRT((VLOOKUP($A296,városok!$A$2:$C$346,2,0)-VLOOKUP(BI$1,városok!$A$2:$C$346,2,0))^2+(VLOOKUP($A296,városok!$A$2:$C$346,3,0)-VLOOKUP(BI$1,városok!$A$2:$C$346,3,0))^2)/1000,0)</f>
        <v>339</v>
      </c>
      <c r="BJ296">
        <f ca="1">ROUND(SQRT((VLOOKUP($A296,városok!$A$2:$C$346,2,0)-VLOOKUP(BJ$1,városok!$A$2:$C$346,2,0))^2+(VLOOKUP($A296,városok!$A$2:$C$346,3,0)-VLOOKUP(BJ$1,városok!$A$2:$C$346,3,0))^2)/1000,0)</f>
        <v>356</v>
      </c>
      <c r="BK296">
        <f ca="1">ROUND(SQRT((VLOOKUP($A296,városok!$A$2:$C$346,2,0)-VLOOKUP(BK$1,városok!$A$2:$C$346,2,0))^2+(VLOOKUP($A296,városok!$A$2:$C$346,3,0)-VLOOKUP(BK$1,városok!$A$2:$C$346,3,0))^2)/1000,0)</f>
        <v>337</v>
      </c>
      <c r="BL296">
        <f ca="1">ROUND(SQRT((VLOOKUP($A296,városok!$A$2:$C$346,2,0)-VLOOKUP(BL$1,városok!$A$2:$C$346,2,0))^2+(VLOOKUP($A296,városok!$A$2:$C$346,3,0)-VLOOKUP(BL$1,városok!$A$2:$C$346,3,0))^2)/1000,0)</f>
        <v>447</v>
      </c>
      <c r="BM296">
        <f ca="1">ROUND(SQRT((VLOOKUP($A296,városok!$A$2:$C$346,2,0)-VLOOKUP(BM$1,városok!$A$2:$C$346,2,0))^2+(VLOOKUP($A296,városok!$A$2:$C$346,3,0)-VLOOKUP(BM$1,városok!$A$2:$C$346,3,0))^2)/1000,0)</f>
        <v>415</v>
      </c>
      <c r="BN296">
        <f ca="1">ROUND(SQRT((VLOOKUP($A296,városok!$A$2:$C$346,2,0)-VLOOKUP(BN$1,városok!$A$2:$C$346,2,0))^2+(VLOOKUP($A296,városok!$A$2:$C$346,3,0)-VLOOKUP(BN$1,városok!$A$2:$C$346,3,0))^2)/1000,0)</f>
        <v>438</v>
      </c>
      <c r="BO296">
        <f ca="1">ROUND(SQRT((VLOOKUP($A296,városok!$A$2:$C$346,2,0)-VLOOKUP(BO$1,városok!$A$2:$C$346,2,0))^2+(VLOOKUP($A296,városok!$A$2:$C$346,3,0)-VLOOKUP(BO$1,városok!$A$2:$C$346,3,0))^2)/1000,0)</f>
        <v>345</v>
      </c>
      <c r="BP296">
        <f ca="1">ROUND(SQRT((VLOOKUP($A296,városok!$A$2:$C$346,2,0)-VLOOKUP(BP$1,városok!$A$2:$C$346,2,0))^2+(VLOOKUP($A296,városok!$A$2:$C$346,3,0)-VLOOKUP(BP$1,városok!$A$2:$C$346,3,0))^2)/1000,0)</f>
        <v>338</v>
      </c>
      <c r="BQ296">
        <f ca="1">ROUND(SQRT((VLOOKUP($A296,városok!$A$2:$C$346,2,0)-VLOOKUP(BQ$1,városok!$A$2:$C$346,2,0))^2+(VLOOKUP($A296,városok!$A$2:$C$346,3,0)-VLOOKUP(BQ$1,városok!$A$2:$C$346,3,0))^2)/1000,0)</f>
        <v>350</v>
      </c>
      <c r="BR296">
        <f ca="1">ROUND(SQRT((VLOOKUP($A296,városok!$A$2:$C$346,2,0)-VLOOKUP(BR$1,városok!$A$2:$C$346,2,0))^2+(VLOOKUP($A296,városok!$A$2:$C$346,3,0)-VLOOKUP(BR$1,városok!$A$2:$C$346,3,0))^2)/1000,0)</f>
        <v>410</v>
      </c>
      <c r="BS296">
        <f ca="1">ROUND(SQRT((VLOOKUP($A296,városok!$A$2:$C$346,2,0)-VLOOKUP(BS$1,városok!$A$2:$C$346,2,0))^2+(VLOOKUP($A296,városok!$A$2:$C$346,3,0)-VLOOKUP(BS$1,városok!$A$2:$C$346,3,0))^2)/1000,0)</f>
        <v>443</v>
      </c>
      <c r="BT296">
        <f ca="1">ROUND(SQRT((VLOOKUP($A296,városok!$A$2:$C$346,2,0)-VLOOKUP(BT$1,városok!$A$2:$C$346,2,0))^2+(VLOOKUP($A296,városok!$A$2:$C$346,3,0)-VLOOKUP(BT$1,városok!$A$2:$C$346,3,0))^2)/1000,0)</f>
        <v>436</v>
      </c>
    </row>
    <row r="297" spans="1:72" x14ac:dyDescent="0.2">
      <c r="A297" t="str">
        <f>városok!A297</f>
        <v>Záhony</v>
      </c>
      <c r="B297">
        <f ca="1">ROUND(SQRT((VLOOKUP($A297,városok!$A$2:$C$346,2,0)-VLOOKUP(B$1,városok!$A$2:$C$346,2,0))^2+(VLOOKUP($A297,városok!$A$2:$C$346,3,0)-VLOOKUP(B$1,városok!$A$2:$C$346,3,0))^2)/1000,0)</f>
        <v>347</v>
      </c>
      <c r="C297">
        <f ca="1">ROUND(SQRT((VLOOKUP($A297,városok!$A$2:$C$346,2,0)-VLOOKUP(C$1,városok!$A$2:$C$346,2,0))^2+(VLOOKUP($A297,városok!$A$2:$C$346,3,0)-VLOOKUP(C$1,városok!$A$2:$C$346,3,0))^2)/1000,0)</f>
        <v>320</v>
      </c>
      <c r="D297">
        <f ca="1">ROUND(SQRT((VLOOKUP($A297,városok!$A$2:$C$346,2,0)-VLOOKUP(D$1,városok!$A$2:$C$346,2,0))^2+(VLOOKUP($A297,városok!$A$2:$C$346,3,0)-VLOOKUP(D$1,városok!$A$2:$C$346,3,0))^2)/1000,0)</f>
        <v>251</v>
      </c>
      <c r="E297">
        <f ca="1">ROUND(SQRT((VLOOKUP($A297,városok!$A$2:$C$346,2,0)-VLOOKUP(E$1,városok!$A$2:$C$346,2,0))^2+(VLOOKUP($A297,városok!$A$2:$C$346,3,0)-VLOOKUP(E$1,városok!$A$2:$C$346,3,0))^2)/1000,0)</f>
        <v>386</v>
      </c>
      <c r="F297">
        <f ca="1">ROUND(SQRT((VLOOKUP($A297,városok!$A$2:$C$346,2,0)-VLOOKUP(F$1,városok!$A$2:$C$346,2,0))^2+(VLOOKUP($A297,városok!$A$2:$C$346,3,0)-VLOOKUP(F$1,városok!$A$2:$C$346,3,0))^2)/1000,0)</f>
        <v>378</v>
      </c>
      <c r="G297">
        <f ca="1">ROUND(SQRT((VLOOKUP($A297,városok!$A$2:$C$346,2,0)-VLOOKUP(G$1,városok!$A$2:$C$346,2,0))^2+(VLOOKUP($A297,városok!$A$2:$C$346,3,0)-VLOOKUP(G$1,városok!$A$2:$C$346,3,0))^2)/1000,0)</f>
        <v>395</v>
      </c>
      <c r="H297">
        <f ca="1">ROUND(SQRT((VLOOKUP($A297,városok!$A$2:$C$346,2,0)-VLOOKUP(H$1,városok!$A$2:$C$346,2,0))^2+(VLOOKUP($A297,városok!$A$2:$C$346,3,0)-VLOOKUP(H$1,városok!$A$2:$C$346,3,0))^2)/1000,0)</f>
        <v>423</v>
      </c>
      <c r="I297">
        <f ca="1">ROUND(SQRT((VLOOKUP($A297,városok!$A$2:$C$346,2,0)-VLOOKUP(I$1,városok!$A$2:$C$346,2,0))^2+(VLOOKUP($A297,városok!$A$2:$C$346,3,0)-VLOOKUP(I$1,városok!$A$2:$C$346,3,0))^2)/1000,0)</f>
        <v>210</v>
      </c>
      <c r="J297">
        <f ca="1">ROUND(SQRT((VLOOKUP($A297,városok!$A$2:$C$346,2,0)-VLOOKUP(J$1,városok!$A$2:$C$346,2,0))^2+(VLOOKUP($A297,városok!$A$2:$C$346,3,0)-VLOOKUP(J$1,városok!$A$2:$C$346,3,0))^2)/1000,0)</f>
        <v>208</v>
      </c>
      <c r="K297">
        <f ca="1">ROUND(SQRT((VLOOKUP($A297,városok!$A$2:$C$346,2,0)-VLOOKUP(K$1,városok!$A$2:$C$346,2,0))^2+(VLOOKUP($A297,városok!$A$2:$C$346,3,0)-VLOOKUP(K$1,városok!$A$2:$C$346,3,0))^2)/1000,0)</f>
        <v>235</v>
      </c>
      <c r="L297">
        <f ca="1">ROUND(SQRT((VLOOKUP($A297,városok!$A$2:$C$346,2,0)-VLOOKUP(L$1,városok!$A$2:$C$346,2,0))^2+(VLOOKUP($A297,városok!$A$2:$C$346,3,0)-VLOOKUP(L$1,városok!$A$2:$C$346,3,0))^2)/1000,0)</f>
        <v>116</v>
      </c>
      <c r="M297">
        <f ca="1">ROUND(SQRT((VLOOKUP($A297,városok!$A$2:$C$346,2,0)-VLOOKUP(M$1,városok!$A$2:$C$346,2,0))^2+(VLOOKUP($A297,városok!$A$2:$C$346,3,0)-VLOOKUP(M$1,városok!$A$2:$C$346,3,0))^2)/1000,0)</f>
        <v>109</v>
      </c>
      <c r="N297">
        <f ca="1">ROUND(SQRT((VLOOKUP($A297,városok!$A$2:$C$346,2,0)-VLOOKUP(N$1,városok!$A$2:$C$346,2,0))^2+(VLOOKUP($A297,városok!$A$2:$C$346,3,0)-VLOOKUP(N$1,városok!$A$2:$C$346,3,0))^2)/1000,0)</f>
        <v>142</v>
      </c>
      <c r="O297">
        <f ca="1">ROUND(SQRT((VLOOKUP($A297,városok!$A$2:$C$346,2,0)-VLOOKUP(O$1,városok!$A$2:$C$346,2,0))^2+(VLOOKUP($A297,városok!$A$2:$C$346,3,0)-VLOOKUP(O$1,városok!$A$2:$C$346,3,0))^2)/1000,0)</f>
        <v>39</v>
      </c>
      <c r="P297">
        <f ca="1">ROUND(SQRT((VLOOKUP($A297,városok!$A$2:$C$346,2,0)-VLOOKUP(P$1,városok!$A$2:$C$346,2,0))^2+(VLOOKUP($A297,városok!$A$2:$C$346,3,0)-VLOOKUP(P$1,városok!$A$2:$C$346,3,0))^2)/1000,0)</f>
        <v>40</v>
      </c>
      <c r="Q297">
        <f ca="1">ROUND(SQRT((VLOOKUP($A297,városok!$A$2:$C$346,2,0)-VLOOKUP(Q$1,városok!$A$2:$C$346,2,0))^2+(VLOOKUP($A297,városok!$A$2:$C$346,3,0)-VLOOKUP(Q$1,városok!$A$2:$C$346,3,0))^2)/1000,0)</f>
        <v>262</v>
      </c>
      <c r="R297">
        <f ca="1">ROUND(SQRT((VLOOKUP($A297,városok!$A$2:$C$346,2,0)-VLOOKUP(R$1,városok!$A$2:$C$346,2,0))^2+(VLOOKUP($A297,városok!$A$2:$C$346,3,0)-VLOOKUP(R$1,városok!$A$2:$C$346,3,0))^2)/1000,0)</f>
        <v>276</v>
      </c>
      <c r="S297">
        <f ca="1">ROUND(SQRT((VLOOKUP($A297,városok!$A$2:$C$346,2,0)-VLOOKUP(S$1,városok!$A$2:$C$346,2,0))^2+(VLOOKUP($A297,városok!$A$2:$C$346,3,0)-VLOOKUP(S$1,városok!$A$2:$C$346,3,0))^2)/1000,0)</f>
        <v>285</v>
      </c>
      <c r="T297">
        <f ca="1">ROUND(SQRT((VLOOKUP($A297,városok!$A$2:$C$346,2,0)-VLOOKUP(T$1,városok!$A$2:$C$346,2,0))^2+(VLOOKUP($A297,városok!$A$2:$C$346,3,0)-VLOOKUP(T$1,városok!$A$2:$C$346,3,0))^2)/1000,0)</f>
        <v>284</v>
      </c>
      <c r="U297">
        <f ca="1">ROUND(SQRT((VLOOKUP($A297,városok!$A$2:$C$346,2,0)-VLOOKUP(U$1,városok!$A$2:$C$346,2,0))^2+(VLOOKUP($A297,városok!$A$2:$C$346,3,0)-VLOOKUP(U$1,városok!$A$2:$C$346,3,0))^2)/1000,0)</f>
        <v>292</v>
      </c>
      <c r="V297">
        <f ca="1">ROUND(SQRT((VLOOKUP($A297,városok!$A$2:$C$346,2,0)-VLOOKUP(V$1,városok!$A$2:$C$346,2,0))^2+(VLOOKUP($A297,városok!$A$2:$C$346,3,0)-VLOOKUP(V$1,városok!$A$2:$C$346,3,0))^2)/1000,0)</f>
        <v>327</v>
      </c>
      <c r="W297">
        <f ca="1">ROUND(SQRT((VLOOKUP($A297,városok!$A$2:$C$346,2,0)-VLOOKUP(W$1,városok!$A$2:$C$346,2,0))^2+(VLOOKUP($A297,városok!$A$2:$C$346,3,0)-VLOOKUP(W$1,városok!$A$2:$C$346,3,0))^2)/1000,0)</f>
        <v>317</v>
      </c>
      <c r="X297">
        <f ca="1">ROUND(SQRT((VLOOKUP($A297,városok!$A$2:$C$346,2,0)-VLOOKUP(X$1,városok!$A$2:$C$346,2,0))^2+(VLOOKUP($A297,városok!$A$2:$C$346,3,0)-VLOOKUP(X$1,városok!$A$2:$C$346,3,0))^2)/1000,0)</f>
        <v>314</v>
      </c>
      <c r="Y297">
        <f ca="1">ROUND(SQRT((VLOOKUP($A297,városok!$A$2:$C$346,2,0)-VLOOKUP(Y$1,városok!$A$2:$C$346,2,0))^2+(VLOOKUP($A297,városok!$A$2:$C$346,3,0)-VLOOKUP(Y$1,városok!$A$2:$C$346,3,0))^2)/1000,0)</f>
        <v>348</v>
      </c>
      <c r="Z297">
        <f ca="1">ROUND(SQRT((VLOOKUP($A297,városok!$A$2:$C$346,2,0)-VLOOKUP(Z$1,városok!$A$2:$C$346,2,0))^2+(VLOOKUP($A297,városok!$A$2:$C$346,3,0)-VLOOKUP(Z$1,városok!$A$2:$C$346,3,0))^2)/1000,0)</f>
        <v>365</v>
      </c>
      <c r="AA297">
        <f ca="1">ROUND(SQRT((VLOOKUP($A297,városok!$A$2:$C$346,2,0)-VLOOKUP(AA$1,városok!$A$2:$C$346,2,0))^2+(VLOOKUP($A297,városok!$A$2:$C$346,3,0)-VLOOKUP(AA$1,városok!$A$2:$C$346,3,0))^2)/1000,0)</f>
        <v>425</v>
      </c>
      <c r="AB297">
        <f ca="1">ROUND(SQRT((VLOOKUP($A297,városok!$A$2:$C$346,2,0)-VLOOKUP(AB$1,városok!$A$2:$C$346,2,0))^2+(VLOOKUP($A297,városok!$A$2:$C$346,3,0)-VLOOKUP(AB$1,városok!$A$2:$C$346,3,0))^2)/1000,0)</f>
        <v>106</v>
      </c>
      <c r="AC297">
        <f ca="1">ROUND(SQRT((VLOOKUP($A297,városok!$A$2:$C$346,2,0)-VLOOKUP(AC$1,városok!$A$2:$C$346,2,0))^2+(VLOOKUP($A297,városok!$A$2:$C$346,3,0)-VLOOKUP(AC$1,városok!$A$2:$C$346,3,0))^2)/1000,0)</f>
        <v>123</v>
      </c>
      <c r="AD297">
        <f ca="1">ROUND(SQRT((VLOOKUP($A297,városok!$A$2:$C$346,2,0)-VLOOKUP(AD$1,városok!$A$2:$C$346,2,0))^2+(VLOOKUP($A297,városok!$A$2:$C$346,3,0)-VLOOKUP(AD$1,városok!$A$2:$C$346,3,0))^2)/1000,0)</f>
        <v>134</v>
      </c>
      <c r="AE297">
        <f ca="1">ROUND(SQRT((VLOOKUP($A297,városok!$A$2:$C$346,2,0)-VLOOKUP(AE$1,városok!$A$2:$C$346,2,0))^2+(VLOOKUP($A297,városok!$A$2:$C$346,3,0)-VLOOKUP(AE$1,városok!$A$2:$C$346,3,0))^2)/1000,0)</f>
        <v>147</v>
      </c>
      <c r="AF297">
        <f ca="1">ROUND(SQRT((VLOOKUP($A297,városok!$A$2:$C$346,2,0)-VLOOKUP(AF$1,városok!$A$2:$C$346,2,0))^2+(VLOOKUP($A297,városok!$A$2:$C$346,3,0)-VLOOKUP(AF$1,városok!$A$2:$C$346,3,0))^2)/1000,0)</f>
        <v>146</v>
      </c>
      <c r="AG297">
        <f ca="1">ROUND(SQRT((VLOOKUP($A297,városok!$A$2:$C$346,2,0)-VLOOKUP(AG$1,városok!$A$2:$C$346,2,0))^2+(VLOOKUP($A297,városok!$A$2:$C$346,3,0)-VLOOKUP(AG$1,városok!$A$2:$C$346,3,0))^2)/1000,0)</f>
        <v>182</v>
      </c>
      <c r="AH297">
        <f ca="1">ROUND(SQRT((VLOOKUP($A297,városok!$A$2:$C$346,2,0)-VLOOKUP(AH$1,városok!$A$2:$C$346,2,0))^2+(VLOOKUP($A297,városok!$A$2:$C$346,3,0)-VLOOKUP(AH$1,városok!$A$2:$C$346,3,0))^2)/1000,0)</f>
        <v>204</v>
      </c>
      <c r="AI297">
        <f ca="1">ROUND(SQRT((VLOOKUP($A297,városok!$A$2:$C$346,2,0)-VLOOKUP(AI$1,városok!$A$2:$C$346,2,0))^2+(VLOOKUP($A297,városok!$A$2:$C$346,3,0)-VLOOKUP(AI$1,városok!$A$2:$C$346,3,0))^2)/1000,0)</f>
        <v>161</v>
      </c>
      <c r="AJ297">
        <f ca="1">ROUND(SQRT((VLOOKUP($A297,városok!$A$2:$C$346,2,0)-VLOOKUP(AJ$1,városok!$A$2:$C$346,2,0))^2+(VLOOKUP($A297,városok!$A$2:$C$346,3,0)-VLOOKUP(AJ$1,városok!$A$2:$C$346,3,0))^2)/1000,0)</f>
        <v>185</v>
      </c>
      <c r="AK297">
        <f ca="1">ROUND(SQRT((VLOOKUP($A297,városok!$A$2:$C$346,2,0)-VLOOKUP(AK$1,városok!$A$2:$C$346,2,0))^2+(VLOOKUP($A297,városok!$A$2:$C$346,3,0)-VLOOKUP(AK$1,városok!$A$2:$C$346,3,0))^2)/1000,0)</f>
        <v>155</v>
      </c>
      <c r="AL297">
        <f ca="1">ROUND(SQRT((VLOOKUP($A297,városok!$A$2:$C$346,2,0)-VLOOKUP(AL$1,városok!$A$2:$C$346,2,0))^2+(VLOOKUP($A297,városok!$A$2:$C$346,3,0)-VLOOKUP(AL$1,városok!$A$2:$C$346,3,0))^2)/1000,0)</f>
        <v>164</v>
      </c>
      <c r="AM297">
        <f ca="1">ROUND(SQRT((VLOOKUP($A297,városok!$A$2:$C$346,2,0)-VLOOKUP(AM$1,városok!$A$2:$C$346,2,0))^2+(VLOOKUP($A297,városok!$A$2:$C$346,3,0)-VLOOKUP(AM$1,városok!$A$2:$C$346,3,0))^2)/1000,0)</f>
        <v>203</v>
      </c>
      <c r="AN297">
        <f ca="1">ROUND(SQRT((VLOOKUP($A297,városok!$A$2:$C$346,2,0)-VLOOKUP(AN$1,városok!$A$2:$C$346,2,0))^2+(VLOOKUP($A297,városok!$A$2:$C$346,3,0)-VLOOKUP(AN$1,városok!$A$2:$C$346,3,0))^2)/1000,0)</f>
        <v>265</v>
      </c>
      <c r="AO297">
        <f ca="1">ROUND(SQRT((VLOOKUP($A297,városok!$A$2:$C$346,2,0)-VLOOKUP(AO$1,városok!$A$2:$C$346,2,0))^2+(VLOOKUP($A297,városok!$A$2:$C$346,3,0)-VLOOKUP(AO$1,városok!$A$2:$C$346,3,0))^2)/1000,0)</f>
        <v>312</v>
      </c>
      <c r="AP297">
        <f ca="1">ROUND(SQRT((VLOOKUP($A297,városok!$A$2:$C$346,2,0)-VLOOKUP(AP$1,városok!$A$2:$C$346,2,0))^2+(VLOOKUP($A297,városok!$A$2:$C$346,3,0)-VLOOKUP(AP$1,városok!$A$2:$C$346,3,0))^2)/1000,0)</f>
        <v>300</v>
      </c>
      <c r="AQ297">
        <f ca="1">ROUND(SQRT((VLOOKUP($A297,városok!$A$2:$C$346,2,0)-VLOOKUP(AQ$1,városok!$A$2:$C$346,2,0))^2+(VLOOKUP($A297,városok!$A$2:$C$346,3,0)-VLOOKUP(AQ$1,városok!$A$2:$C$346,3,0))^2)/1000,0)</f>
        <v>297</v>
      </c>
      <c r="AR297">
        <f ca="1">ROUND(SQRT((VLOOKUP($A297,városok!$A$2:$C$346,2,0)-VLOOKUP(AR$1,városok!$A$2:$C$346,2,0))^2+(VLOOKUP($A297,városok!$A$2:$C$346,3,0)-VLOOKUP(AR$1,városok!$A$2:$C$346,3,0))^2)/1000,0)</f>
        <v>193</v>
      </c>
      <c r="AS297">
        <f ca="1">ROUND(SQRT((VLOOKUP($A297,városok!$A$2:$C$346,2,0)-VLOOKUP(AS$1,városok!$A$2:$C$346,2,0))^2+(VLOOKUP($A297,városok!$A$2:$C$346,3,0)-VLOOKUP(AS$1,városok!$A$2:$C$346,3,0))^2)/1000,0)</f>
        <v>179</v>
      </c>
      <c r="AT297">
        <f ca="1">ROUND(SQRT((VLOOKUP($A297,városok!$A$2:$C$346,2,0)-VLOOKUP(AT$1,városok!$A$2:$C$346,2,0))^2+(VLOOKUP($A297,városok!$A$2:$C$346,3,0)-VLOOKUP(AT$1,városok!$A$2:$C$346,3,0))^2)/1000,0)</f>
        <v>272</v>
      </c>
      <c r="AU297">
        <f ca="1">ROUND(SQRT((VLOOKUP($A297,városok!$A$2:$C$346,2,0)-VLOOKUP(AU$1,városok!$A$2:$C$346,2,0))^2+(VLOOKUP($A297,városok!$A$2:$C$346,3,0)-VLOOKUP(AU$1,városok!$A$2:$C$346,3,0))^2)/1000,0)</f>
        <v>263</v>
      </c>
      <c r="AV297">
        <f ca="1">ROUND(SQRT((VLOOKUP($A297,városok!$A$2:$C$346,2,0)-VLOOKUP(AV$1,városok!$A$2:$C$346,2,0))^2+(VLOOKUP($A297,városok!$A$2:$C$346,3,0)-VLOOKUP(AV$1,városok!$A$2:$C$346,3,0))^2)/1000,0)</f>
        <v>266</v>
      </c>
      <c r="AW297">
        <f ca="1">ROUND(SQRT((VLOOKUP($A297,városok!$A$2:$C$346,2,0)-VLOOKUP(AW$1,városok!$A$2:$C$346,2,0))^2+(VLOOKUP($A297,városok!$A$2:$C$346,3,0)-VLOOKUP(AW$1,városok!$A$2:$C$346,3,0))^2)/1000,0)</f>
        <v>270</v>
      </c>
      <c r="AX297">
        <f ca="1">ROUND(SQRT((VLOOKUP($A297,városok!$A$2:$C$346,2,0)-VLOOKUP(AX$1,városok!$A$2:$C$346,2,0))^2+(VLOOKUP($A297,városok!$A$2:$C$346,3,0)-VLOOKUP(AX$1,városok!$A$2:$C$346,3,0))^2)/1000,0)</f>
        <v>237</v>
      </c>
      <c r="AY297">
        <f ca="1">ROUND(SQRT((VLOOKUP($A297,városok!$A$2:$C$346,2,0)-VLOOKUP(AY$1,városok!$A$2:$C$346,2,0))^2+(VLOOKUP($A297,városok!$A$2:$C$346,3,0)-VLOOKUP(AY$1,városok!$A$2:$C$346,3,0))^2)/1000,0)</f>
        <v>246</v>
      </c>
      <c r="AZ297">
        <f ca="1">ROUND(SQRT((VLOOKUP($A297,városok!$A$2:$C$346,2,0)-VLOOKUP(AZ$1,városok!$A$2:$C$346,2,0))^2+(VLOOKUP($A297,városok!$A$2:$C$346,3,0)-VLOOKUP(AZ$1,városok!$A$2:$C$346,3,0))^2)/1000,0)</f>
        <v>249</v>
      </c>
      <c r="BA297">
        <f ca="1">ROUND(SQRT((VLOOKUP($A297,városok!$A$2:$C$346,2,0)-VLOOKUP(BA$1,városok!$A$2:$C$346,2,0))^2+(VLOOKUP($A297,városok!$A$2:$C$346,3,0)-VLOOKUP(BA$1,városok!$A$2:$C$346,3,0))^2)/1000,0)</f>
        <v>383</v>
      </c>
      <c r="BB297">
        <f ca="1">ROUND(SQRT((VLOOKUP($A297,városok!$A$2:$C$346,2,0)-VLOOKUP(BB$1,városok!$A$2:$C$346,2,0))^2+(VLOOKUP($A297,városok!$A$2:$C$346,3,0)-VLOOKUP(BB$1,városok!$A$2:$C$346,3,0))^2)/1000,0)</f>
        <v>381</v>
      </c>
      <c r="BC297">
        <f ca="1">ROUND(SQRT((VLOOKUP($A297,városok!$A$2:$C$346,2,0)-VLOOKUP(BC$1,városok!$A$2:$C$346,2,0))^2+(VLOOKUP($A297,városok!$A$2:$C$346,3,0)-VLOOKUP(BC$1,városok!$A$2:$C$346,3,0))^2)/1000,0)</f>
        <v>402</v>
      </c>
      <c r="BD297">
        <f ca="1">ROUND(SQRT((VLOOKUP($A297,városok!$A$2:$C$346,2,0)-VLOOKUP(BD$1,városok!$A$2:$C$346,2,0))^2+(VLOOKUP($A297,városok!$A$2:$C$346,3,0)-VLOOKUP(BD$1,városok!$A$2:$C$346,3,0))^2)/1000,0)</f>
        <v>351</v>
      </c>
      <c r="BE297">
        <f ca="1">ROUND(SQRT((VLOOKUP($A297,városok!$A$2:$C$346,2,0)-VLOOKUP(BE$1,városok!$A$2:$C$346,2,0))^2+(VLOOKUP($A297,városok!$A$2:$C$346,3,0)-VLOOKUP(BE$1,városok!$A$2:$C$346,3,0))^2)/1000,0)</f>
        <v>73</v>
      </c>
      <c r="BF297">
        <f ca="1">ROUND(SQRT((VLOOKUP($A297,városok!$A$2:$C$346,2,0)-VLOOKUP(BF$1,városok!$A$2:$C$346,2,0))^2+(VLOOKUP($A297,városok!$A$2:$C$346,3,0)-VLOOKUP(BF$1,városok!$A$2:$C$346,3,0))^2)/1000,0)</f>
        <v>22</v>
      </c>
      <c r="BG297">
        <f ca="1">ROUND(SQRT((VLOOKUP($A297,városok!$A$2:$C$346,2,0)-VLOOKUP(BG$1,városok!$A$2:$C$346,2,0))^2+(VLOOKUP($A297,városok!$A$2:$C$346,3,0)-VLOOKUP(BG$1,városok!$A$2:$C$346,3,0))^2)/1000,0)</f>
        <v>62</v>
      </c>
      <c r="BH297">
        <f ca="1">ROUND(SQRT((VLOOKUP($A297,városok!$A$2:$C$346,2,0)-VLOOKUP(BH$1,városok!$A$2:$C$346,2,0))^2+(VLOOKUP($A297,városok!$A$2:$C$346,3,0)-VLOOKUP(BH$1,városok!$A$2:$C$346,3,0))^2)/1000,0)</f>
        <v>62</v>
      </c>
      <c r="BI297">
        <f ca="1">ROUND(SQRT((VLOOKUP($A297,városok!$A$2:$C$346,2,0)-VLOOKUP(BI$1,városok!$A$2:$C$346,2,0))^2+(VLOOKUP($A297,városok!$A$2:$C$346,3,0)-VLOOKUP(BI$1,városok!$A$2:$C$346,3,0))^2)/1000,0)</f>
        <v>350</v>
      </c>
      <c r="BJ297">
        <f ca="1">ROUND(SQRT((VLOOKUP($A297,városok!$A$2:$C$346,2,0)-VLOOKUP(BJ$1,városok!$A$2:$C$346,2,0))^2+(VLOOKUP($A297,városok!$A$2:$C$346,3,0)-VLOOKUP(BJ$1,városok!$A$2:$C$346,3,0))^2)/1000,0)</f>
        <v>368</v>
      </c>
      <c r="BK297">
        <f ca="1">ROUND(SQRT((VLOOKUP($A297,városok!$A$2:$C$346,2,0)-VLOOKUP(BK$1,városok!$A$2:$C$346,2,0))^2+(VLOOKUP($A297,városok!$A$2:$C$346,3,0)-VLOOKUP(BK$1,városok!$A$2:$C$346,3,0))^2)/1000,0)</f>
        <v>349</v>
      </c>
      <c r="BL297">
        <f ca="1">ROUND(SQRT((VLOOKUP($A297,városok!$A$2:$C$346,2,0)-VLOOKUP(BL$1,városok!$A$2:$C$346,2,0))^2+(VLOOKUP($A297,városok!$A$2:$C$346,3,0)-VLOOKUP(BL$1,városok!$A$2:$C$346,3,0))^2)/1000,0)</f>
        <v>446</v>
      </c>
      <c r="BM297">
        <f ca="1">ROUND(SQRT((VLOOKUP($A297,városok!$A$2:$C$346,2,0)-VLOOKUP(BM$1,városok!$A$2:$C$346,2,0))^2+(VLOOKUP($A297,városok!$A$2:$C$346,3,0)-VLOOKUP(BM$1,városok!$A$2:$C$346,3,0))^2)/1000,0)</f>
        <v>413</v>
      </c>
      <c r="BN297">
        <f ca="1">ROUND(SQRT((VLOOKUP($A297,városok!$A$2:$C$346,2,0)-VLOOKUP(BN$1,városok!$A$2:$C$346,2,0))^2+(VLOOKUP($A297,városok!$A$2:$C$346,3,0)-VLOOKUP(BN$1,városok!$A$2:$C$346,3,0))^2)/1000,0)</f>
        <v>436</v>
      </c>
      <c r="BO297">
        <f ca="1">ROUND(SQRT((VLOOKUP($A297,városok!$A$2:$C$346,2,0)-VLOOKUP(BO$1,városok!$A$2:$C$346,2,0))^2+(VLOOKUP($A297,városok!$A$2:$C$346,3,0)-VLOOKUP(BO$1,városok!$A$2:$C$346,3,0))^2)/1000,0)</f>
        <v>348</v>
      </c>
      <c r="BP297">
        <f ca="1">ROUND(SQRT((VLOOKUP($A297,városok!$A$2:$C$346,2,0)-VLOOKUP(BP$1,városok!$A$2:$C$346,2,0))^2+(VLOOKUP($A297,városok!$A$2:$C$346,3,0)-VLOOKUP(BP$1,városok!$A$2:$C$346,3,0))^2)/1000,0)</f>
        <v>342</v>
      </c>
      <c r="BQ297">
        <f ca="1">ROUND(SQRT((VLOOKUP($A297,városok!$A$2:$C$346,2,0)-VLOOKUP(BQ$1,városok!$A$2:$C$346,2,0))^2+(VLOOKUP($A297,városok!$A$2:$C$346,3,0)-VLOOKUP(BQ$1,városok!$A$2:$C$346,3,0))^2)/1000,0)</f>
        <v>352</v>
      </c>
      <c r="BR297">
        <f ca="1">ROUND(SQRT((VLOOKUP($A297,városok!$A$2:$C$346,2,0)-VLOOKUP(BR$1,városok!$A$2:$C$346,2,0))^2+(VLOOKUP($A297,városok!$A$2:$C$346,3,0)-VLOOKUP(BR$1,városok!$A$2:$C$346,3,0))^2)/1000,0)</f>
        <v>413</v>
      </c>
      <c r="BS297">
        <f ca="1">ROUND(SQRT((VLOOKUP($A297,városok!$A$2:$C$346,2,0)-VLOOKUP(BS$1,városok!$A$2:$C$346,2,0))^2+(VLOOKUP($A297,városok!$A$2:$C$346,3,0)-VLOOKUP(BS$1,városok!$A$2:$C$346,3,0))^2)/1000,0)</f>
        <v>448</v>
      </c>
      <c r="BT297">
        <f ca="1">ROUND(SQRT((VLOOKUP($A297,városok!$A$2:$C$346,2,0)-VLOOKUP(BT$1,városok!$A$2:$C$346,2,0))^2+(VLOOKUP($A297,városok!$A$2:$C$346,3,0)-VLOOKUP(BT$1,városok!$A$2:$C$346,3,0))^2)/1000,0)</f>
        <v>438</v>
      </c>
    </row>
    <row r="298" spans="1:72" x14ac:dyDescent="0.2">
      <c r="A298" t="str">
        <f>városok!A298</f>
        <v>Bátaszék</v>
      </c>
      <c r="B298">
        <f ca="1">ROUND(SQRT((VLOOKUP($A298,városok!$A$2:$C$346,2,0)-VLOOKUP(B$1,városok!$A$2:$C$346,2,0))^2+(VLOOKUP($A298,városok!$A$2:$C$346,3,0)-VLOOKUP(B$1,városok!$A$2:$C$346,3,0))^2)/1000,0)</f>
        <v>18</v>
      </c>
      <c r="C298">
        <f ca="1">ROUND(SQRT((VLOOKUP($A298,városok!$A$2:$C$346,2,0)-VLOOKUP(C$1,városok!$A$2:$C$346,2,0))^2+(VLOOKUP($A298,városok!$A$2:$C$346,3,0)-VLOOKUP(C$1,városok!$A$2:$C$346,3,0))^2)/1000,0)</f>
        <v>42</v>
      </c>
      <c r="D298">
        <f ca="1">ROUND(SQRT((VLOOKUP($A298,városok!$A$2:$C$346,2,0)-VLOOKUP(D$1,városok!$A$2:$C$346,2,0))^2+(VLOOKUP($A298,városok!$A$2:$C$346,3,0)-VLOOKUP(D$1,városok!$A$2:$C$346,3,0))^2)/1000,0)</f>
        <v>109</v>
      </c>
      <c r="E298">
        <f ca="1">ROUND(SQRT((VLOOKUP($A298,városok!$A$2:$C$346,2,0)-VLOOKUP(E$1,városok!$A$2:$C$346,2,0))^2+(VLOOKUP($A298,városok!$A$2:$C$346,3,0)-VLOOKUP(E$1,városok!$A$2:$C$346,3,0))^2)/1000,0)</f>
        <v>35</v>
      </c>
      <c r="F298">
        <f ca="1">ROUND(SQRT((VLOOKUP($A298,városok!$A$2:$C$346,2,0)-VLOOKUP(F$1,városok!$A$2:$C$346,2,0))^2+(VLOOKUP($A298,városok!$A$2:$C$346,3,0)-VLOOKUP(F$1,városok!$A$2:$C$346,3,0))^2)/1000,0)</f>
        <v>23</v>
      </c>
      <c r="G298">
        <f ca="1">ROUND(SQRT((VLOOKUP($A298,városok!$A$2:$C$346,2,0)-VLOOKUP(G$1,városok!$A$2:$C$346,2,0))^2+(VLOOKUP($A298,városok!$A$2:$C$346,3,0)-VLOOKUP(G$1,városok!$A$2:$C$346,3,0))^2)/1000,0)</f>
        <v>39</v>
      </c>
      <c r="H298">
        <f ca="1">ROUND(SQRT((VLOOKUP($A298,városok!$A$2:$C$346,2,0)-VLOOKUP(H$1,városok!$A$2:$C$346,2,0))^2+(VLOOKUP($A298,városok!$A$2:$C$346,3,0)-VLOOKUP(H$1,városok!$A$2:$C$346,3,0))^2)/1000,0)</f>
        <v>73</v>
      </c>
      <c r="I298">
        <f ca="1">ROUND(SQRT((VLOOKUP($A298,városok!$A$2:$C$346,2,0)-VLOOKUP(I$1,városok!$A$2:$C$346,2,0))^2+(VLOOKUP($A298,városok!$A$2:$C$346,3,0)-VLOOKUP(I$1,városok!$A$2:$C$346,3,0))^2)/1000,0)</f>
        <v>189</v>
      </c>
      <c r="J298">
        <f ca="1">ROUND(SQRT((VLOOKUP($A298,városok!$A$2:$C$346,2,0)-VLOOKUP(J$1,városok!$A$2:$C$346,2,0))^2+(VLOOKUP($A298,városok!$A$2:$C$346,3,0)-VLOOKUP(J$1,városok!$A$2:$C$346,3,0))^2)/1000,0)</f>
        <v>203</v>
      </c>
      <c r="K298">
        <f ca="1">ROUND(SQRT((VLOOKUP($A298,városok!$A$2:$C$346,2,0)-VLOOKUP(K$1,városok!$A$2:$C$346,2,0))^2+(VLOOKUP($A298,városok!$A$2:$C$346,3,0)-VLOOKUP(K$1,városok!$A$2:$C$346,3,0))^2)/1000,0)</f>
        <v>155</v>
      </c>
      <c r="L298">
        <f ca="1">ROUND(SQRT((VLOOKUP($A298,városok!$A$2:$C$346,2,0)-VLOOKUP(L$1,városok!$A$2:$C$346,2,0))^2+(VLOOKUP($A298,városok!$A$2:$C$346,3,0)-VLOOKUP(L$1,városok!$A$2:$C$346,3,0))^2)/1000,0)</f>
        <v>271</v>
      </c>
      <c r="M298">
        <f ca="1">ROUND(SQRT((VLOOKUP($A298,városok!$A$2:$C$346,2,0)-VLOOKUP(M$1,városok!$A$2:$C$346,2,0))^2+(VLOOKUP($A298,városok!$A$2:$C$346,3,0)-VLOOKUP(M$1,városok!$A$2:$C$346,3,0))^2)/1000,0)</f>
        <v>264</v>
      </c>
      <c r="N298">
        <f ca="1">ROUND(SQRT((VLOOKUP($A298,városok!$A$2:$C$346,2,0)-VLOOKUP(N$1,városok!$A$2:$C$346,2,0))^2+(VLOOKUP($A298,városok!$A$2:$C$346,3,0)-VLOOKUP(N$1,városok!$A$2:$C$346,3,0))^2)/1000,0)</f>
        <v>255</v>
      </c>
      <c r="O298">
        <f ca="1">ROUND(SQRT((VLOOKUP($A298,városok!$A$2:$C$346,2,0)-VLOOKUP(O$1,városok!$A$2:$C$346,2,0))^2+(VLOOKUP($A298,városok!$A$2:$C$346,3,0)-VLOOKUP(O$1,városok!$A$2:$C$346,3,0))^2)/1000,0)</f>
        <v>330</v>
      </c>
      <c r="P298">
        <f ca="1">ROUND(SQRT((VLOOKUP($A298,városok!$A$2:$C$346,2,0)-VLOOKUP(P$1,városok!$A$2:$C$346,2,0))^2+(VLOOKUP($A298,városok!$A$2:$C$346,3,0)-VLOOKUP(P$1,városok!$A$2:$C$346,3,0))^2)/1000,0)</f>
        <v>330</v>
      </c>
      <c r="Q298">
        <f ca="1">ROUND(SQRT((VLOOKUP($A298,városok!$A$2:$C$346,2,0)-VLOOKUP(Q$1,városok!$A$2:$C$346,2,0))^2+(VLOOKUP($A298,városok!$A$2:$C$346,3,0)-VLOOKUP(Q$1,városok!$A$2:$C$346,3,0))^2)/1000,0)</f>
        <v>126</v>
      </c>
      <c r="R298">
        <f ca="1">ROUND(SQRT((VLOOKUP($A298,városok!$A$2:$C$346,2,0)-VLOOKUP(R$1,városok!$A$2:$C$346,2,0))^2+(VLOOKUP($A298,városok!$A$2:$C$346,3,0)-VLOOKUP(R$1,városok!$A$2:$C$346,3,0))^2)/1000,0)</f>
        <v>135</v>
      </c>
      <c r="S298">
        <f ca="1">ROUND(SQRT((VLOOKUP($A298,városok!$A$2:$C$346,2,0)-VLOOKUP(S$1,városok!$A$2:$C$346,2,0))^2+(VLOOKUP($A298,városok!$A$2:$C$346,3,0)-VLOOKUP(S$1,városok!$A$2:$C$346,3,0))^2)/1000,0)</f>
        <v>111</v>
      </c>
      <c r="T298">
        <f ca="1">ROUND(SQRT((VLOOKUP($A298,városok!$A$2:$C$346,2,0)-VLOOKUP(T$1,városok!$A$2:$C$346,2,0))^2+(VLOOKUP($A298,városok!$A$2:$C$346,3,0)-VLOOKUP(T$1,városok!$A$2:$C$346,3,0))^2)/1000,0)</f>
        <v>144</v>
      </c>
      <c r="U298">
        <f ca="1">ROUND(SQRT((VLOOKUP($A298,városok!$A$2:$C$346,2,0)-VLOOKUP(U$1,városok!$A$2:$C$346,2,0))^2+(VLOOKUP($A298,városok!$A$2:$C$346,3,0)-VLOOKUP(U$1,városok!$A$2:$C$346,3,0))^2)/1000,0)</f>
        <v>88</v>
      </c>
      <c r="V298">
        <f ca="1">ROUND(SQRT((VLOOKUP($A298,városok!$A$2:$C$346,2,0)-VLOOKUP(V$1,városok!$A$2:$C$346,2,0))^2+(VLOOKUP($A298,városok!$A$2:$C$346,3,0)-VLOOKUP(V$1,városok!$A$2:$C$346,3,0))^2)/1000,0)</f>
        <v>102</v>
      </c>
      <c r="W298">
        <f ca="1">ROUND(SQRT((VLOOKUP($A298,városok!$A$2:$C$346,2,0)-VLOOKUP(W$1,városok!$A$2:$C$346,2,0))^2+(VLOOKUP($A298,városok!$A$2:$C$346,3,0)-VLOOKUP(W$1,városok!$A$2:$C$346,3,0))^2)/1000,0)</f>
        <v>77</v>
      </c>
      <c r="X298">
        <f ca="1">ROUND(SQRT((VLOOKUP($A298,városok!$A$2:$C$346,2,0)-VLOOKUP(X$1,városok!$A$2:$C$346,2,0))^2+(VLOOKUP($A298,városok!$A$2:$C$346,3,0)-VLOOKUP(X$1,városok!$A$2:$C$346,3,0))^2)/1000,0)</f>
        <v>126</v>
      </c>
      <c r="Y298">
        <f ca="1">ROUND(SQRT((VLOOKUP($A298,városok!$A$2:$C$346,2,0)-VLOOKUP(Y$1,városok!$A$2:$C$346,2,0))^2+(VLOOKUP($A298,városok!$A$2:$C$346,3,0)-VLOOKUP(Y$1,városok!$A$2:$C$346,3,0))^2)/1000,0)</f>
        <v>186</v>
      </c>
      <c r="Z298">
        <f ca="1">ROUND(SQRT((VLOOKUP($A298,városok!$A$2:$C$346,2,0)-VLOOKUP(Z$1,városok!$A$2:$C$346,2,0))^2+(VLOOKUP($A298,városok!$A$2:$C$346,3,0)-VLOOKUP(Z$1,városok!$A$2:$C$346,3,0))^2)/1000,0)</f>
        <v>199</v>
      </c>
      <c r="AA298">
        <f ca="1">ROUND(SQRT((VLOOKUP($A298,városok!$A$2:$C$346,2,0)-VLOOKUP(AA$1,városok!$A$2:$C$346,2,0))^2+(VLOOKUP($A298,városok!$A$2:$C$346,3,0)-VLOOKUP(AA$1,városok!$A$2:$C$346,3,0))^2)/1000,0)</f>
        <v>232</v>
      </c>
      <c r="AB298">
        <f ca="1">ROUND(SQRT((VLOOKUP($A298,városok!$A$2:$C$346,2,0)-VLOOKUP(AB$1,városok!$A$2:$C$346,2,0))^2+(VLOOKUP($A298,városok!$A$2:$C$346,3,0)-VLOOKUP(AB$1,városok!$A$2:$C$346,3,0))^2)/1000,0)</f>
        <v>267</v>
      </c>
      <c r="AC298">
        <f ca="1">ROUND(SQRT((VLOOKUP($A298,városok!$A$2:$C$346,2,0)-VLOOKUP(AC$1,városok!$A$2:$C$346,2,0))^2+(VLOOKUP($A298,városok!$A$2:$C$346,3,0)-VLOOKUP(AC$1,városok!$A$2:$C$346,3,0))^2)/1000,0)</f>
        <v>247</v>
      </c>
      <c r="AD298">
        <f ca="1">ROUND(SQRT((VLOOKUP($A298,városok!$A$2:$C$346,2,0)-VLOOKUP(AD$1,városok!$A$2:$C$346,2,0))^2+(VLOOKUP($A298,városok!$A$2:$C$346,3,0)-VLOOKUP(AD$1,városok!$A$2:$C$346,3,0))^2)/1000,0)</f>
        <v>231</v>
      </c>
      <c r="AE298">
        <f ca="1">ROUND(SQRT((VLOOKUP($A298,városok!$A$2:$C$346,2,0)-VLOOKUP(AE$1,városok!$A$2:$C$346,2,0))^2+(VLOOKUP($A298,városok!$A$2:$C$346,3,0)-VLOOKUP(AE$1,városok!$A$2:$C$346,3,0))^2)/1000,0)</f>
        <v>223</v>
      </c>
      <c r="AF298">
        <f ca="1">ROUND(SQRT((VLOOKUP($A298,városok!$A$2:$C$346,2,0)-VLOOKUP(AF$1,városok!$A$2:$C$346,2,0))^2+(VLOOKUP($A298,városok!$A$2:$C$346,3,0)-VLOOKUP(AF$1,városok!$A$2:$C$346,3,0))^2)/1000,0)</f>
        <v>228</v>
      </c>
      <c r="AG298">
        <f ca="1">ROUND(SQRT((VLOOKUP($A298,városok!$A$2:$C$346,2,0)-VLOOKUP(AG$1,városok!$A$2:$C$346,2,0))^2+(VLOOKUP($A298,városok!$A$2:$C$346,3,0)-VLOOKUP(AG$1,városok!$A$2:$C$346,3,0))^2)/1000,0)</f>
        <v>199</v>
      </c>
      <c r="AH298">
        <f ca="1">ROUND(SQRT((VLOOKUP($A298,városok!$A$2:$C$346,2,0)-VLOOKUP(AH$1,városok!$A$2:$C$346,2,0))^2+(VLOOKUP($A298,városok!$A$2:$C$346,3,0)-VLOOKUP(AH$1,városok!$A$2:$C$346,3,0))^2)/1000,0)</f>
        <v>179</v>
      </c>
      <c r="AI298">
        <f ca="1">ROUND(SQRT((VLOOKUP($A298,városok!$A$2:$C$346,2,0)-VLOOKUP(AI$1,városok!$A$2:$C$346,2,0))^2+(VLOOKUP($A298,városok!$A$2:$C$346,3,0)-VLOOKUP(AI$1,városok!$A$2:$C$346,3,0))^2)/1000,0)</f>
        <v>228</v>
      </c>
      <c r="AJ298">
        <f ca="1">ROUND(SQRT((VLOOKUP($A298,városok!$A$2:$C$346,2,0)-VLOOKUP(AJ$1,városok!$A$2:$C$346,2,0))^2+(VLOOKUP($A298,városok!$A$2:$C$346,3,0)-VLOOKUP(AJ$1,városok!$A$2:$C$346,3,0))^2)/1000,0)</f>
        <v>187</v>
      </c>
      <c r="AK298">
        <f ca="1">ROUND(SQRT((VLOOKUP($A298,városok!$A$2:$C$346,2,0)-VLOOKUP(AK$1,városok!$A$2:$C$346,2,0))^2+(VLOOKUP($A298,városok!$A$2:$C$346,3,0)-VLOOKUP(AK$1,városok!$A$2:$C$346,3,0))^2)/1000,0)</f>
        <v>211</v>
      </c>
      <c r="AL298">
        <f ca="1">ROUND(SQRT((VLOOKUP($A298,városok!$A$2:$C$346,2,0)-VLOOKUP(AL$1,városok!$A$2:$C$346,2,0))^2+(VLOOKUP($A298,városok!$A$2:$C$346,3,0)-VLOOKUP(AL$1,városok!$A$2:$C$346,3,0))^2)/1000,0)</f>
        <v>196</v>
      </c>
      <c r="AM298">
        <f ca="1">ROUND(SQRT((VLOOKUP($A298,városok!$A$2:$C$346,2,0)-VLOOKUP(AM$1,városok!$A$2:$C$346,2,0))^2+(VLOOKUP($A298,városok!$A$2:$C$346,3,0)-VLOOKUP(AM$1,városok!$A$2:$C$346,3,0))^2)/1000,0)</f>
        <v>157</v>
      </c>
      <c r="AN298">
        <f ca="1">ROUND(SQRT((VLOOKUP($A298,városok!$A$2:$C$346,2,0)-VLOOKUP(AN$1,városok!$A$2:$C$346,2,0))^2+(VLOOKUP($A298,városok!$A$2:$C$346,3,0)-VLOOKUP(AN$1,városok!$A$2:$C$346,3,0))^2)/1000,0)</f>
        <v>178</v>
      </c>
      <c r="AO298">
        <f ca="1">ROUND(SQRT((VLOOKUP($A298,városok!$A$2:$C$346,2,0)-VLOOKUP(AO$1,városok!$A$2:$C$346,2,0))^2+(VLOOKUP($A298,városok!$A$2:$C$346,3,0)-VLOOKUP(AO$1,városok!$A$2:$C$346,3,0))^2)/1000,0)</f>
        <v>178</v>
      </c>
      <c r="AP298">
        <f ca="1">ROUND(SQRT((VLOOKUP($A298,városok!$A$2:$C$346,2,0)-VLOOKUP(AP$1,városok!$A$2:$C$346,2,0))^2+(VLOOKUP($A298,városok!$A$2:$C$346,3,0)-VLOOKUP(AP$1,városok!$A$2:$C$346,3,0))^2)/1000,0)</f>
        <v>164</v>
      </c>
      <c r="AQ298">
        <f ca="1">ROUND(SQRT((VLOOKUP($A298,városok!$A$2:$C$346,2,0)-VLOOKUP(AQ$1,városok!$A$2:$C$346,2,0))^2+(VLOOKUP($A298,városok!$A$2:$C$346,3,0)-VLOOKUP(AQ$1,városok!$A$2:$C$346,3,0))^2)/1000,0)</f>
        <v>155</v>
      </c>
      <c r="AR298">
        <f ca="1">ROUND(SQRT((VLOOKUP($A298,városok!$A$2:$C$346,2,0)-VLOOKUP(AR$1,városok!$A$2:$C$346,2,0))^2+(VLOOKUP($A298,városok!$A$2:$C$346,3,0)-VLOOKUP(AR$1,városok!$A$2:$C$346,3,0))^2)/1000,0)</f>
        <v>206</v>
      </c>
      <c r="AS298">
        <f ca="1">ROUND(SQRT((VLOOKUP($A298,városok!$A$2:$C$346,2,0)-VLOOKUP(AS$1,városok!$A$2:$C$346,2,0))^2+(VLOOKUP($A298,városok!$A$2:$C$346,3,0)-VLOOKUP(AS$1,városok!$A$2:$C$346,3,0))^2)/1000,0)</f>
        <v>229</v>
      </c>
      <c r="AT298">
        <f ca="1">ROUND(SQRT((VLOOKUP($A298,városok!$A$2:$C$346,2,0)-VLOOKUP(AT$1,városok!$A$2:$C$346,2,0))^2+(VLOOKUP($A298,városok!$A$2:$C$346,3,0)-VLOOKUP(AT$1,városok!$A$2:$C$346,3,0))^2)/1000,0)</f>
        <v>142</v>
      </c>
      <c r="AU298">
        <f ca="1">ROUND(SQRT((VLOOKUP($A298,városok!$A$2:$C$346,2,0)-VLOOKUP(AU$1,városok!$A$2:$C$346,2,0))^2+(VLOOKUP($A298,városok!$A$2:$C$346,3,0)-VLOOKUP(AU$1,városok!$A$2:$C$346,3,0))^2)/1000,0)</f>
        <v>142</v>
      </c>
      <c r="AV298">
        <f ca="1">ROUND(SQRT((VLOOKUP($A298,városok!$A$2:$C$346,2,0)-VLOOKUP(AV$1,városok!$A$2:$C$346,2,0))^2+(VLOOKUP($A298,városok!$A$2:$C$346,3,0)-VLOOKUP(AV$1,városok!$A$2:$C$346,3,0))^2)/1000,0)</f>
        <v>136</v>
      </c>
      <c r="AW298">
        <f ca="1">ROUND(SQRT((VLOOKUP($A298,városok!$A$2:$C$346,2,0)-VLOOKUP(AW$1,városok!$A$2:$C$346,2,0))^2+(VLOOKUP($A298,városok!$A$2:$C$346,3,0)-VLOOKUP(AW$1,városok!$A$2:$C$346,3,0))^2)/1000,0)</f>
        <v>134</v>
      </c>
      <c r="AX298">
        <f ca="1">ROUND(SQRT((VLOOKUP($A298,városok!$A$2:$C$346,2,0)-VLOOKUP(AX$1,városok!$A$2:$C$346,2,0))^2+(VLOOKUP($A298,városok!$A$2:$C$346,3,0)-VLOOKUP(AX$1,városok!$A$2:$C$346,3,0))^2)/1000,0)</f>
        <v>124</v>
      </c>
      <c r="AY298">
        <f ca="1">ROUND(SQRT((VLOOKUP($A298,városok!$A$2:$C$346,2,0)-VLOOKUP(AY$1,városok!$A$2:$C$346,2,0))^2+(VLOOKUP($A298,városok!$A$2:$C$346,3,0)-VLOOKUP(AY$1,városok!$A$2:$C$346,3,0))^2)/1000,0)</f>
        <v>168</v>
      </c>
      <c r="AZ298">
        <f ca="1">ROUND(SQRT((VLOOKUP($A298,városok!$A$2:$C$346,2,0)-VLOOKUP(AZ$1,városok!$A$2:$C$346,2,0))^2+(VLOOKUP($A298,városok!$A$2:$C$346,3,0)-VLOOKUP(AZ$1,városok!$A$2:$C$346,3,0))^2)/1000,0)</f>
        <v>178</v>
      </c>
      <c r="BA298">
        <f ca="1">ROUND(SQRT((VLOOKUP($A298,városok!$A$2:$C$346,2,0)-VLOOKUP(BA$1,városok!$A$2:$C$346,2,0))^2+(VLOOKUP($A298,városok!$A$2:$C$346,3,0)-VLOOKUP(BA$1,városok!$A$2:$C$346,3,0))^2)/1000,0)</f>
        <v>102</v>
      </c>
      <c r="BB298">
        <f ca="1">ROUND(SQRT((VLOOKUP($A298,városok!$A$2:$C$346,2,0)-VLOOKUP(BB$1,városok!$A$2:$C$346,2,0))^2+(VLOOKUP($A298,városok!$A$2:$C$346,3,0)-VLOOKUP(BB$1,városok!$A$2:$C$346,3,0))^2)/1000,0)</f>
        <v>71</v>
      </c>
      <c r="BC298">
        <f ca="1">ROUND(SQRT((VLOOKUP($A298,városok!$A$2:$C$346,2,0)-VLOOKUP(BC$1,városok!$A$2:$C$346,2,0))^2+(VLOOKUP($A298,városok!$A$2:$C$346,3,0)-VLOOKUP(BC$1,városok!$A$2:$C$346,3,0))^2)/1000,0)</f>
        <v>74</v>
      </c>
      <c r="BD298">
        <f ca="1">ROUND(SQRT((VLOOKUP($A298,városok!$A$2:$C$346,2,0)-VLOOKUP(BD$1,városok!$A$2:$C$346,2,0))^2+(VLOOKUP($A298,városok!$A$2:$C$346,3,0)-VLOOKUP(BD$1,városok!$A$2:$C$346,3,0))^2)/1000,0)</f>
        <v>94</v>
      </c>
      <c r="BE298">
        <f ca="1">ROUND(SQRT((VLOOKUP($A298,városok!$A$2:$C$346,2,0)-VLOOKUP(BE$1,városok!$A$2:$C$346,2,0))^2+(VLOOKUP($A298,városok!$A$2:$C$346,3,0)-VLOOKUP(BE$1,városok!$A$2:$C$346,3,0))^2)/1000,0)</f>
        <v>351</v>
      </c>
      <c r="BF298">
        <f ca="1">ROUND(SQRT((VLOOKUP($A298,városok!$A$2:$C$346,2,0)-VLOOKUP(BF$1,városok!$A$2:$C$346,2,0))^2+(VLOOKUP($A298,városok!$A$2:$C$346,3,0)-VLOOKUP(BF$1,városok!$A$2:$C$346,3,0))^2)/1000,0)</f>
        <v>340</v>
      </c>
      <c r="BG298">
        <f ca="1">ROUND(SQRT((VLOOKUP($A298,városok!$A$2:$C$346,2,0)-VLOOKUP(BG$1,városok!$A$2:$C$346,2,0))^2+(VLOOKUP($A298,városok!$A$2:$C$346,3,0)-VLOOKUP(BG$1,városok!$A$2:$C$346,3,0))^2)/1000,0)</f>
        <v>299</v>
      </c>
      <c r="BH298">
        <f ca="1">ROUND(SQRT((VLOOKUP($A298,városok!$A$2:$C$346,2,0)-VLOOKUP(BH$1,városok!$A$2:$C$346,2,0))^2+(VLOOKUP($A298,városok!$A$2:$C$346,3,0)-VLOOKUP(BH$1,városok!$A$2:$C$346,3,0))^2)/1000,0)</f>
        <v>299</v>
      </c>
      <c r="BI298">
        <f ca="1">ROUND(SQRT((VLOOKUP($A298,városok!$A$2:$C$346,2,0)-VLOOKUP(BI$1,városok!$A$2:$C$346,2,0))^2+(VLOOKUP($A298,városok!$A$2:$C$346,3,0)-VLOOKUP(BI$1,városok!$A$2:$C$346,3,0))^2)/1000,0)</f>
        <v>24</v>
      </c>
      <c r="BJ298">
        <f ca="1">ROUND(SQRT((VLOOKUP($A298,városok!$A$2:$C$346,2,0)-VLOOKUP(BJ$1,városok!$A$2:$C$346,2,0))^2+(VLOOKUP($A298,városok!$A$2:$C$346,3,0)-VLOOKUP(BJ$1,városok!$A$2:$C$346,3,0))^2)/1000,0)</f>
        <v>23</v>
      </c>
      <c r="BK298">
        <f ca="1">ROUND(SQRT((VLOOKUP($A298,városok!$A$2:$C$346,2,0)-VLOOKUP(BK$1,városok!$A$2:$C$346,2,0))^2+(VLOOKUP($A298,városok!$A$2:$C$346,3,0)-VLOOKUP(BK$1,városok!$A$2:$C$346,3,0))^2)/1000,0)</f>
        <v>18</v>
      </c>
      <c r="BL298">
        <f ca="1">ROUND(SQRT((VLOOKUP($A298,városok!$A$2:$C$346,2,0)-VLOOKUP(BL$1,városok!$A$2:$C$346,2,0))^2+(VLOOKUP($A298,városok!$A$2:$C$346,3,0)-VLOOKUP(BL$1,városok!$A$2:$C$346,3,0))^2)/1000,0)</f>
        <v>186</v>
      </c>
      <c r="BM298">
        <f ca="1">ROUND(SQRT((VLOOKUP($A298,városok!$A$2:$C$346,2,0)-VLOOKUP(BM$1,városok!$A$2:$C$346,2,0))^2+(VLOOKUP($A298,városok!$A$2:$C$346,3,0)-VLOOKUP(BM$1,városok!$A$2:$C$346,3,0))^2)/1000,0)</f>
        <v>181</v>
      </c>
      <c r="BN298">
        <f ca="1">ROUND(SQRT((VLOOKUP($A298,városok!$A$2:$C$346,2,0)-VLOOKUP(BN$1,városok!$A$2:$C$346,2,0))^2+(VLOOKUP($A298,városok!$A$2:$C$346,3,0)-VLOOKUP(BN$1,városok!$A$2:$C$346,3,0))^2)/1000,0)</f>
        <v>198</v>
      </c>
      <c r="BO298">
        <f ca="1">ROUND(SQRT((VLOOKUP($A298,városok!$A$2:$C$346,2,0)-VLOOKUP(BO$1,városok!$A$2:$C$346,2,0))^2+(VLOOKUP($A298,városok!$A$2:$C$346,3,0)-VLOOKUP(BO$1,városok!$A$2:$C$346,3,0))^2)/1000,0)</f>
        <v>108</v>
      </c>
      <c r="BP298">
        <f ca="1">ROUND(SQRT((VLOOKUP($A298,városok!$A$2:$C$346,2,0)-VLOOKUP(BP$1,városok!$A$2:$C$346,2,0))^2+(VLOOKUP($A298,városok!$A$2:$C$346,3,0)-VLOOKUP(BP$1,városok!$A$2:$C$346,3,0))^2)/1000,0)</f>
        <v>105</v>
      </c>
      <c r="BQ298">
        <f ca="1">ROUND(SQRT((VLOOKUP($A298,városok!$A$2:$C$346,2,0)-VLOOKUP(BQ$1,városok!$A$2:$C$346,2,0))^2+(VLOOKUP($A298,városok!$A$2:$C$346,3,0)-VLOOKUP(BQ$1,városok!$A$2:$C$346,3,0))^2)/1000,0)</f>
        <v>118</v>
      </c>
      <c r="BR298">
        <f ca="1">ROUND(SQRT((VLOOKUP($A298,városok!$A$2:$C$346,2,0)-VLOOKUP(BR$1,városok!$A$2:$C$346,2,0))^2+(VLOOKUP($A298,városok!$A$2:$C$346,3,0)-VLOOKUP(BR$1,városok!$A$2:$C$346,3,0))^2)/1000,0)</f>
        <v>130</v>
      </c>
      <c r="BS298">
        <f ca="1">ROUND(SQRT((VLOOKUP($A298,városok!$A$2:$C$346,2,0)-VLOOKUP(BS$1,városok!$A$2:$C$346,2,0))^2+(VLOOKUP($A298,városok!$A$2:$C$346,3,0)-VLOOKUP(BS$1,városok!$A$2:$C$346,3,0))^2)/1000,0)</f>
        <v>136</v>
      </c>
      <c r="BT298">
        <f ca="1">ROUND(SQRT((VLOOKUP($A298,városok!$A$2:$C$346,2,0)-VLOOKUP(BT$1,városok!$A$2:$C$346,2,0))^2+(VLOOKUP($A298,városok!$A$2:$C$346,3,0)-VLOOKUP(BT$1,városok!$A$2:$C$346,3,0))^2)/1000,0)</f>
        <v>161</v>
      </c>
    </row>
    <row r="299" spans="1:72" x14ac:dyDescent="0.2">
      <c r="A299" t="str">
        <f>városok!A299</f>
        <v>Bonyhád</v>
      </c>
      <c r="B299">
        <f ca="1">ROUND(SQRT((VLOOKUP($A299,városok!$A$2:$C$346,2,0)-VLOOKUP(B$1,városok!$A$2:$C$346,2,0))^2+(VLOOKUP($A299,városok!$A$2:$C$346,3,0)-VLOOKUP(B$1,városok!$A$2:$C$346,3,0))^2)/1000,0)</f>
        <v>36</v>
      </c>
      <c r="C299">
        <f ca="1">ROUND(SQRT((VLOOKUP($A299,városok!$A$2:$C$346,2,0)-VLOOKUP(C$1,városok!$A$2:$C$346,2,0))^2+(VLOOKUP($A299,városok!$A$2:$C$346,3,0)-VLOOKUP(C$1,városok!$A$2:$C$346,3,0))^2)/1000,0)</f>
        <v>43</v>
      </c>
      <c r="D299">
        <f ca="1">ROUND(SQRT((VLOOKUP($A299,városok!$A$2:$C$346,2,0)-VLOOKUP(D$1,városok!$A$2:$C$346,2,0))^2+(VLOOKUP($A299,városok!$A$2:$C$346,3,0)-VLOOKUP(D$1,városok!$A$2:$C$346,3,0))^2)/1000,0)</f>
        <v>112</v>
      </c>
      <c r="E299">
        <f ca="1">ROUND(SQRT((VLOOKUP($A299,városok!$A$2:$C$346,2,0)-VLOOKUP(E$1,városok!$A$2:$C$346,2,0))^2+(VLOOKUP($A299,városok!$A$2:$C$346,3,0)-VLOOKUP(E$1,városok!$A$2:$C$346,3,0))^2)/1000,0)</f>
        <v>24</v>
      </c>
      <c r="F299">
        <f ca="1">ROUND(SQRT((VLOOKUP($A299,városok!$A$2:$C$346,2,0)-VLOOKUP(F$1,városok!$A$2:$C$346,2,0))^2+(VLOOKUP($A299,városok!$A$2:$C$346,3,0)-VLOOKUP(F$1,városok!$A$2:$C$346,3,0))^2)/1000,0)</f>
        <v>36</v>
      </c>
      <c r="G299">
        <f ca="1">ROUND(SQRT((VLOOKUP($A299,városok!$A$2:$C$346,2,0)-VLOOKUP(G$1,városok!$A$2:$C$346,2,0))^2+(VLOOKUP($A299,városok!$A$2:$C$346,3,0)-VLOOKUP(G$1,városok!$A$2:$C$346,3,0))^2)/1000,0)</f>
        <v>33</v>
      </c>
      <c r="H299">
        <f ca="1">ROUND(SQRT((VLOOKUP($A299,városok!$A$2:$C$346,2,0)-VLOOKUP(H$1,városok!$A$2:$C$346,2,0))^2+(VLOOKUP($A299,városok!$A$2:$C$346,3,0)-VLOOKUP(H$1,városok!$A$2:$C$346,3,0))^2)/1000,0)</f>
        <v>63</v>
      </c>
      <c r="I299">
        <f ca="1">ROUND(SQRT((VLOOKUP($A299,városok!$A$2:$C$346,2,0)-VLOOKUP(I$1,városok!$A$2:$C$346,2,0))^2+(VLOOKUP($A299,városok!$A$2:$C$346,3,0)-VLOOKUP(I$1,városok!$A$2:$C$346,3,0))^2)/1000,0)</f>
        <v>201</v>
      </c>
      <c r="J299">
        <f ca="1">ROUND(SQRT((VLOOKUP($A299,városok!$A$2:$C$346,2,0)-VLOOKUP(J$1,városok!$A$2:$C$346,2,0))^2+(VLOOKUP($A299,városok!$A$2:$C$346,3,0)-VLOOKUP(J$1,városok!$A$2:$C$346,3,0))^2)/1000,0)</f>
        <v>215</v>
      </c>
      <c r="K299">
        <f ca="1">ROUND(SQRT((VLOOKUP($A299,városok!$A$2:$C$346,2,0)-VLOOKUP(K$1,városok!$A$2:$C$346,2,0))^2+(VLOOKUP($A299,városok!$A$2:$C$346,3,0)-VLOOKUP(K$1,városok!$A$2:$C$346,3,0))^2)/1000,0)</f>
        <v>167</v>
      </c>
      <c r="L299">
        <f ca="1">ROUND(SQRT((VLOOKUP($A299,városok!$A$2:$C$346,2,0)-VLOOKUP(L$1,városok!$A$2:$C$346,2,0))^2+(VLOOKUP($A299,városok!$A$2:$C$346,3,0)-VLOOKUP(L$1,városok!$A$2:$C$346,3,0))^2)/1000,0)</f>
        <v>270</v>
      </c>
      <c r="M299">
        <f ca="1">ROUND(SQRT((VLOOKUP($A299,városok!$A$2:$C$346,2,0)-VLOOKUP(M$1,városok!$A$2:$C$346,2,0))^2+(VLOOKUP($A299,városok!$A$2:$C$346,3,0)-VLOOKUP(M$1,városok!$A$2:$C$346,3,0))^2)/1000,0)</f>
        <v>264</v>
      </c>
      <c r="N299">
        <f ca="1">ROUND(SQRT((VLOOKUP($A299,városok!$A$2:$C$346,2,0)-VLOOKUP(N$1,városok!$A$2:$C$346,2,0))^2+(VLOOKUP($A299,városok!$A$2:$C$346,3,0)-VLOOKUP(N$1,városok!$A$2:$C$346,3,0))^2)/1000,0)</f>
        <v>252</v>
      </c>
      <c r="O299">
        <f ca="1">ROUND(SQRT((VLOOKUP($A299,városok!$A$2:$C$346,2,0)-VLOOKUP(O$1,városok!$A$2:$C$346,2,0))^2+(VLOOKUP($A299,városok!$A$2:$C$346,3,0)-VLOOKUP(O$1,városok!$A$2:$C$346,3,0))^2)/1000,0)</f>
        <v>332</v>
      </c>
      <c r="P299">
        <f ca="1">ROUND(SQRT((VLOOKUP($A299,városok!$A$2:$C$346,2,0)-VLOOKUP(P$1,városok!$A$2:$C$346,2,0))^2+(VLOOKUP($A299,városok!$A$2:$C$346,3,0)-VLOOKUP(P$1,városok!$A$2:$C$346,3,0))^2)/1000,0)</f>
        <v>332</v>
      </c>
      <c r="Q299">
        <f ca="1">ROUND(SQRT((VLOOKUP($A299,városok!$A$2:$C$346,2,0)-VLOOKUP(Q$1,városok!$A$2:$C$346,2,0))^2+(VLOOKUP($A299,városok!$A$2:$C$346,3,0)-VLOOKUP(Q$1,városok!$A$2:$C$346,3,0))^2)/1000,0)</f>
        <v>139</v>
      </c>
      <c r="R299">
        <f ca="1">ROUND(SQRT((VLOOKUP($A299,városok!$A$2:$C$346,2,0)-VLOOKUP(R$1,városok!$A$2:$C$346,2,0))^2+(VLOOKUP($A299,városok!$A$2:$C$346,3,0)-VLOOKUP(R$1,városok!$A$2:$C$346,3,0))^2)/1000,0)</f>
        <v>151</v>
      </c>
      <c r="S299">
        <f ca="1">ROUND(SQRT((VLOOKUP($A299,városok!$A$2:$C$346,2,0)-VLOOKUP(S$1,városok!$A$2:$C$346,2,0))^2+(VLOOKUP($A299,városok!$A$2:$C$346,3,0)-VLOOKUP(S$1,városok!$A$2:$C$346,3,0))^2)/1000,0)</f>
        <v>126</v>
      </c>
      <c r="T299">
        <f ca="1">ROUND(SQRT((VLOOKUP($A299,városok!$A$2:$C$346,2,0)-VLOOKUP(T$1,városok!$A$2:$C$346,2,0))^2+(VLOOKUP($A299,városok!$A$2:$C$346,3,0)-VLOOKUP(T$1,városok!$A$2:$C$346,3,0))^2)/1000,0)</f>
        <v>133</v>
      </c>
      <c r="U299">
        <f ca="1">ROUND(SQRT((VLOOKUP($A299,városok!$A$2:$C$346,2,0)-VLOOKUP(U$1,városok!$A$2:$C$346,2,0))^2+(VLOOKUP($A299,városok!$A$2:$C$346,3,0)-VLOOKUP(U$1,városok!$A$2:$C$346,3,0))^2)/1000,0)</f>
        <v>81</v>
      </c>
      <c r="V299">
        <f ca="1">ROUND(SQRT((VLOOKUP($A299,városok!$A$2:$C$346,2,0)-VLOOKUP(V$1,városok!$A$2:$C$346,2,0))^2+(VLOOKUP($A299,városok!$A$2:$C$346,3,0)-VLOOKUP(V$1,városok!$A$2:$C$346,3,0))^2)/1000,0)</f>
        <v>86</v>
      </c>
      <c r="W299">
        <f ca="1">ROUND(SQRT((VLOOKUP($A299,városok!$A$2:$C$346,2,0)-VLOOKUP(W$1,városok!$A$2:$C$346,2,0))^2+(VLOOKUP($A299,városok!$A$2:$C$346,3,0)-VLOOKUP(W$1,városok!$A$2:$C$346,3,0))^2)/1000,0)</f>
        <v>66</v>
      </c>
      <c r="X299">
        <f ca="1">ROUND(SQRT((VLOOKUP($A299,városok!$A$2:$C$346,2,0)-VLOOKUP(X$1,városok!$A$2:$C$346,2,0))^2+(VLOOKUP($A299,városok!$A$2:$C$346,3,0)-VLOOKUP(X$1,városok!$A$2:$C$346,3,0))^2)/1000,0)</f>
        <v>111</v>
      </c>
      <c r="Y299">
        <f ca="1">ROUND(SQRT((VLOOKUP($A299,városok!$A$2:$C$346,2,0)-VLOOKUP(Y$1,városok!$A$2:$C$346,2,0))^2+(VLOOKUP($A299,városok!$A$2:$C$346,3,0)-VLOOKUP(Y$1,városok!$A$2:$C$346,3,0))^2)/1000,0)</f>
        <v>169</v>
      </c>
      <c r="Z299">
        <f ca="1">ROUND(SQRT((VLOOKUP($A299,városok!$A$2:$C$346,2,0)-VLOOKUP(Z$1,városok!$A$2:$C$346,2,0))^2+(VLOOKUP($A299,városok!$A$2:$C$346,3,0)-VLOOKUP(Z$1,városok!$A$2:$C$346,3,0))^2)/1000,0)</f>
        <v>182</v>
      </c>
      <c r="AA299">
        <f ca="1">ROUND(SQRT((VLOOKUP($A299,városok!$A$2:$C$346,2,0)-VLOOKUP(AA$1,városok!$A$2:$C$346,2,0))^2+(VLOOKUP($A299,városok!$A$2:$C$346,3,0)-VLOOKUP(AA$1,városok!$A$2:$C$346,3,0))^2)/1000,0)</f>
        <v>213</v>
      </c>
      <c r="AB299">
        <f ca="1">ROUND(SQRT((VLOOKUP($A299,városok!$A$2:$C$346,2,0)-VLOOKUP(AB$1,városok!$A$2:$C$346,2,0))^2+(VLOOKUP($A299,városok!$A$2:$C$346,3,0)-VLOOKUP(AB$1,városok!$A$2:$C$346,3,0))^2)/1000,0)</f>
        <v>273</v>
      </c>
      <c r="AC299">
        <f ca="1">ROUND(SQRT((VLOOKUP($A299,városok!$A$2:$C$346,2,0)-VLOOKUP(AC$1,városok!$A$2:$C$346,2,0))^2+(VLOOKUP($A299,városok!$A$2:$C$346,3,0)-VLOOKUP(AC$1,városok!$A$2:$C$346,3,0))^2)/1000,0)</f>
        <v>253</v>
      </c>
      <c r="AD299">
        <f ca="1">ROUND(SQRT((VLOOKUP($A299,városok!$A$2:$C$346,2,0)-VLOOKUP(AD$1,városok!$A$2:$C$346,2,0))^2+(VLOOKUP($A299,városok!$A$2:$C$346,3,0)-VLOOKUP(AD$1,városok!$A$2:$C$346,3,0))^2)/1000,0)</f>
        <v>237</v>
      </c>
      <c r="AE299">
        <f ca="1">ROUND(SQRT((VLOOKUP($A299,városok!$A$2:$C$346,2,0)-VLOOKUP(AE$1,városok!$A$2:$C$346,2,0))^2+(VLOOKUP($A299,városok!$A$2:$C$346,3,0)-VLOOKUP(AE$1,városok!$A$2:$C$346,3,0))^2)/1000,0)</f>
        <v>230</v>
      </c>
      <c r="AF299">
        <f ca="1">ROUND(SQRT((VLOOKUP($A299,városok!$A$2:$C$346,2,0)-VLOOKUP(AF$1,városok!$A$2:$C$346,2,0))^2+(VLOOKUP($A299,városok!$A$2:$C$346,3,0)-VLOOKUP(AF$1,városok!$A$2:$C$346,3,0))^2)/1000,0)</f>
        <v>227</v>
      </c>
      <c r="AG299">
        <f ca="1">ROUND(SQRT((VLOOKUP($A299,városok!$A$2:$C$346,2,0)-VLOOKUP(AG$1,városok!$A$2:$C$346,2,0))^2+(VLOOKUP($A299,városok!$A$2:$C$346,3,0)-VLOOKUP(AG$1,városok!$A$2:$C$346,3,0))^2)/1000,0)</f>
        <v>196</v>
      </c>
      <c r="AH299">
        <f ca="1">ROUND(SQRT((VLOOKUP($A299,városok!$A$2:$C$346,2,0)-VLOOKUP(AH$1,városok!$A$2:$C$346,2,0))^2+(VLOOKUP($A299,városok!$A$2:$C$346,3,0)-VLOOKUP(AH$1,városok!$A$2:$C$346,3,0))^2)/1000,0)</f>
        <v>175</v>
      </c>
      <c r="AI299">
        <f ca="1">ROUND(SQRT((VLOOKUP($A299,városok!$A$2:$C$346,2,0)-VLOOKUP(AI$1,városok!$A$2:$C$346,2,0))^2+(VLOOKUP($A299,városok!$A$2:$C$346,3,0)-VLOOKUP(AI$1,városok!$A$2:$C$346,3,0))^2)/1000,0)</f>
        <v>225</v>
      </c>
      <c r="AJ299">
        <f ca="1">ROUND(SQRT((VLOOKUP($A299,városok!$A$2:$C$346,2,0)-VLOOKUP(AJ$1,városok!$A$2:$C$346,2,0))^2+(VLOOKUP($A299,városok!$A$2:$C$346,3,0)-VLOOKUP(AJ$1,városok!$A$2:$C$346,3,0))^2)/1000,0)</f>
        <v>186</v>
      </c>
      <c r="AK299">
        <f ca="1">ROUND(SQRT((VLOOKUP($A299,városok!$A$2:$C$346,2,0)-VLOOKUP(AK$1,városok!$A$2:$C$346,2,0))^2+(VLOOKUP($A299,városok!$A$2:$C$346,3,0)-VLOOKUP(AK$1,városok!$A$2:$C$346,3,0))^2)/1000,0)</f>
        <v>217</v>
      </c>
      <c r="AL299">
        <f ca="1">ROUND(SQRT((VLOOKUP($A299,városok!$A$2:$C$346,2,0)-VLOOKUP(AL$1,városok!$A$2:$C$346,2,0))^2+(VLOOKUP($A299,városok!$A$2:$C$346,3,0)-VLOOKUP(AL$1,városok!$A$2:$C$346,3,0))^2)/1000,0)</f>
        <v>200</v>
      </c>
      <c r="AM299">
        <f ca="1">ROUND(SQRT((VLOOKUP($A299,városok!$A$2:$C$346,2,0)-VLOOKUP(AM$1,városok!$A$2:$C$346,2,0))^2+(VLOOKUP($A299,városok!$A$2:$C$346,3,0)-VLOOKUP(AM$1,városok!$A$2:$C$346,3,0))^2)/1000,0)</f>
        <v>160</v>
      </c>
      <c r="AN299">
        <f ca="1">ROUND(SQRT((VLOOKUP($A299,városok!$A$2:$C$346,2,0)-VLOOKUP(AN$1,városok!$A$2:$C$346,2,0))^2+(VLOOKUP($A299,városok!$A$2:$C$346,3,0)-VLOOKUP(AN$1,városok!$A$2:$C$346,3,0))^2)/1000,0)</f>
        <v>167</v>
      </c>
      <c r="AO299">
        <f ca="1">ROUND(SQRT((VLOOKUP($A299,városok!$A$2:$C$346,2,0)-VLOOKUP(AO$1,városok!$A$2:$C$346,2,0))^2+(VLOOKUP($A299,városok!$A$2:$C$346,3,0)-VLOOKUP(AO$1,városok!$A$2:$C$346,3,0))^2)/1000,0)</f>
        <v>163</v>
      </c>
      <c r="AP299">
        <f ca="1">ROUND(SQRT((VLOOKUP($A299,városok!$A$2:$C$346,2,0)-VLOOKUP(AP$1,városok!$A$2:$C$346,2,0))^2+(VLOOKUP($A299,városok!$A$2:$C$346,3,0)-VLOOKUP(AP$1,városok!$A$2:$C$346,3,0))^2)/1000,0)</f>
        <v>150</v>
      </c>
      <c r="AQ299">
        <f ca="1">ROUND(SQRT((VLOOKUP($A299,városok!$A$2:$C$346,2,0)-VLOOKUP(AQ$1,városok!$A$2:$C$346,2,0))^2+(VLOOKUP($A299,városok!$A$2:$C$346,3,0)-VLOOKUP(AQ$1,városok!$A$2:$C$346,3,0))^2)/1000,0)</f>
        <v>141</v>
      </c>
      <c r="AR299">
        <f ca="1">ROUND(SQRT((VLOOKUP($A299,városok!$A$2:$C$346,2,0)-VLOOKUP(AR$1,városok!$A$2:$C$346,2,0))^2+(VLOOKUP($A299,városok!$A$2:$C$346,3,0)-VLOOKUP(AR$1,városok!$A$2:$C$346,3,0))^2)/1000,0)</f>
        <v>201</v>
      </c>
      <c r="AS299">
        <f ca="1">ROUND(SQRT((VLOOKUP($A299,városok!$A$2:$C$346,2,0)-VLOOKUP(AS$1,városok!$A$2:$C$346,2,0))^2+(VLOOKUP($A299,városok!$A$2:$C$346,3,0)-VLOOKUP(AS$1,városok!$A$2:$C$346,3,0))^2)/1000,0)</f>
        <v>224</v>
      </c>
      <c r="AT299">
        <f ca="1">ROUND(SQRT((VLOOKUP($A299,városok!$A$2:$C$346,2,0)-VLOOKUP(AT$1,városok!$A$2:$C$346,2,0))^2+(VLOOKUP($A299,városok!$A$2:$C$346,3,0)-VLOOKUP(AT$1,városok!$A$2:$C$346,3,0))^2)/1000,0)</f>
        <v>132</v>
      </c>
      <c r="AU299">
        <f ca="1">ROUND(SQRT((VLOOKUP($A299,városok!$A$2:$C$346,2,0)-VLOOKUP(AU$1,városok!$A$2:$C$346,2,0))^2+(VLOOKUP($A299,városok!$A$2:$C$346,3,0)-VLOOKUP(AU$1,városok!$A$2:$C$346,3,0))^2)/1000,0)</f>
        <v>133</v>
      </c>
      <c r="AV299">
        <f ca="1">ROUND(SQRT((VLOOKUP($A299,városok!$A$2:$C$346,2,0)-VLOOKUP(AV$1,városok!$A$2:$C$346,2,0))^2+(VLOOKUP($A299,városok!$A$2:$C$346,3,0)-VLOOKUP(AV$1,városok!$A$2:$C$346,3,0))^2)/1000,0)</f>
        <v>128</v>
      </c>
      <c r="AW299">
        <f ca="1">ROUND(SQRT((VLOOKUP($A299,városok!$A$2:$C$346,2,0)-VLOOKUP(AW$1,városok!$A$2:$C$346,2,0))^2+(VLOOKUP($A299,városok!$A$2:$C$346,3,0)-VLOOKUP(AW$1,városok!$A$2:$C$346,3,0))^2)/1000,0)</f>
        <v>125</v>
      </c>
      <c r="AX299">
        <f ca="1">ROUND(SQRT((VLOOKUP($A299,városok!$A$2:$C$346,2,0)-VLOOKUP(AX$1,városok!$A$2:$C$346,2,0))^2+(VLOOKUP($A299,városok!$A$2:$C$346,3,0)-VLOOKUP(AX$1,városok!$A$2:$C$346,3,0))^2)/1000,0)</f>
        <v>126</v>
      </c>
      <c r="AY299">
        <f ca="1">ROUND(SQRT((VLOOKUP($A299,városok!$A$2:$C$346,2,0)-VLOOKUP(AY$1,városok!$A$2:$C$346,2,0))^2+(VLOOKUP($A299,városok!$A$2:$C$346,3,0)-VLOOKUP(AY$1,városok!$A$2:$C$346,3,0))^2)/1000,0)</f>
        <v>159</v>
      </c>
      <c r="AZ299">
        <f ca="1">ROUND(SQRT((VLOOKUP($A299,városok!$A$2:$C$346,2,0)-VLOOKUP(AZ$1,városok!$A$2:$C$346,2,0))^2+(VLOOKUP($A299,városok!$A$2:$C$346,3,0)-VLOOKUP(AZ$1,városok!$A$2:$C$346,3,0))^2)/1000,0)</f>
        <v>169</v>
      </c>
      <c r="BA299">
        <f ca="1">ROUND(SQRT((VLOOKUP($A299,városok!$A$2:$C$346,2,0)-VLOOKUP(BA$1,városok!$A$2:$C$346,2,0))^2+(VLOOKUP($A299,városok!$A$2:$C$346,3,0)-VLOOKUP(BA$1,városok!$A$2:$C$346,3,0))^2)/1000,0)</f>
        <v>83</v>
      </c>
      <c r="BB299">
        <f ca="1">ROUND(SQRT((VLOOKUP($A299,városok!$A$2:$C$346,2,0)-VLOOKUP(BB$1,városok!$A$2:$C$346,2,0))^2+(VLOOKUP($A299,városok!$A$2:$C$346,3,0)-VLOOKUP(BB$1,városok!$A$2:$C$346,3,0))^2)/1000,0)</f>
        <v>52</v>
      </c>
      <c r="BC299">
        <f ca="1">ROUND(SQRT((VLOOKUP($A299,városok!$A$2:$C$346,2,0)-VLOOKUP(BC$1,városok!$A$2:$C$346,2,0))^2+(VLOOKUP($A299,városok!$A$2:$C$346,3,0)-VLOOKUP(BC$1,városok!$A$2:$C$346,3,0))^2)/1000,0)</f>
        <v>56</v>
      </c>
      <c r="BD299">
        <f ca="1">ROUND(SQRT((VLOOKUP($A299,városok!$A$2:$C$346,2,0)-VLOOKUP(BD$1,városok!$A$2:$C$346,2,0))^2+(VLOOKUP($A299,városok!$A$2:$C$346,3,0)-VLOOKUP(BD$1,városok!$A$2:$C$346,3,0))^2)/1000,0)</f>
        <v>76</v>
      </c>
      <c r="BE299">
        <f ca="1">ROUND(SQRT((VLOOKUP($A299,városok!$A$2:$C$346,2,0)-VLOOKUP(BE$1,városok!$A$2:$C$346,2,0))^2+(VLOOKUP($A299,városok!$A$2:$C$346,3,0)-VLOOKUP(BE$1,városok!$A$2:$C$346,3,0))^2)/1000,0)</f>
        <v>358</v>
      </c>
      <c r="BF299">
        <f ca="1">ROUND(SQRT((VLOOKUP($A299,városok!$A$2:$C$346,2,0)-VLOOKUP(BF$1,városok!$A$2:$C$346,2,0))^2+(VLOOKUP($A299,városok!$A$2:$C$346,3,0)-VLOOKUP(BF$1,városok!$A$2:$C$346,3,0))^2)/1000,0)</f>
        <v>343</v>
      </c>
      <c r="BG299">
        <f ca="1">ROUND(SQRT((VLOOKUP($A299,városok!$A$2:$C$346,2,0)-VLOOKUP(BG$1,városok!$A$2:$C$346,2,0))^2+(VLOOKUP($A299,városok!$A$2:$C$346,3,0)-VLOOKUP(BG$1,városok!$A$2:$C$346,3,0))^2)/1000,0)</f>
        <v>301</v>
      </c>
      <c r="BH299">
        <f ca="1">ROUND(SQRT((VLOOKUP($A299,városok!$A$2:$C$346,2,0)-VLOOKUP(BH$1,városok!$A$2:$C$346,2,0))^2+(VLOOKUP($A299,városok!$A$2:$C$346,3,0)-VLOOKUP(BH$1,városok!$A$2:$C$346,3,0))^2)/1000,0)</f>
        <v>301</v>
      </c>
      <c r="BI299">
        <f ca="1">ROUND(SQRT((VLOOKUP($A299,városok!$A$2:$C$346,2,0)-VLOOKUP(BI$1,városok!$A$2:$C$346,2,0))^2+(VLOOKUP($A299,városok!$A$2:$C$346,3,0)-VLOOKUP(BI$1,városok!$A$2:$C$346,3,0))^2)/1000,0)</f>
        <v>13</v>
      </c>
      <c r="BJ299">
        <f ca="1">ROUND(SQRT((VLOOKUP($A299,városok!$A$2:$C$346,2,0)-VLOOKUP(BJ$1,városok!$A$2:$C$346,2,0))^2+(VLOOKUP($A299,városok!$A$2:$C$346,3,0)-VLOOKUP(BJ$1,városok!$A$2:$C$346,3,0))^2)/1000,0)</f>
        <v>5</v>
      </c>
      <c r="BK299">
        <f ca="1">ROUND(SQRT((VLOOKUP($A299,városok!$A$2:$C$346,2,0)-VLOOKUP(BK$1,városok!$A$2:$C$346,2,0))^2+(VLOOKUP($A299,városok!$A$2:$C$346,3,0)-VLOOKUP(BK$1,városok!$A$2:$C$346,3,0))^2)/1000,0)</f>
        <v>15</v>
      </c>
      <c r="BL299">
        <f ca="1">ROUND(SQRT((VLOOKUP($A299,városok!$A$2:$C$346,2,0)-VLOOKUP(BL$1,városok!$A$2:$C$346,2,0))^2+(VLOOKUP($A299,városok!$A$2:$C$346,3,0)-VLOOKUP(BL$1,városok!$A$2:$C$346,3,0))^2)/1000,0)</f>
        <v>167</v>
      </c>
      <c r="BM299">
        <f ca="1">ROUND(SQRT((VLOOKUP($A299,városok!$A$2:$C$346,2,0)-VLOOKUP(BM$1,városok!$A$2:$C$346,2,0))^2+(VLOOKUP($A299,városok!$A$2:$C$346,3,0)-VLOOKUP(BM$1,városok!$A$2:$C$346,3,0))^2)/1000,0)</f>
        <v>161</v>
      </c>
      <c r="BN299">
        <f ca="1">ROUND(SQRT((VLOOKUP($A299,városok!$A$2:$C$346,2,0)-VLOOKUP(BN$1,városok!$A$2:$C$346,2,0))^2+(VLOOKUP($A299,városok!$A$2:$C$346,3,0)-VLOOKUP(BN$1,városok!$A$2:$C$346,3,0))^2)/1000,0)</f>
        <v>179</v>
      </c>
      <c r="BO299">
        <f ca="1">ROUND(SQRT((VLOOKUP($A299,városok!$A$2:$C$346,2,0)-VLOOKUP(BO$1,városok!$A$2:$C$346,2,0))^2+(VLOOKUP($A299,városok!$A$2:$C$346,3,0)-VLOOKUP(BO$1,városok!$A$2:$C$346,3,0))^2)/1000,0)</f>
        <v>90</v>
      </c>
      <c r="BP299">
        <f ca="1">ROUND(SQRT((VLOOKUP($A299,városok!$A$2:$C$346,2,0)-VLOOKUP(BP$1,városok!$A$2:$C$346,2,0))^2+(VLOOKUP($A299,városok!$A$2:$C$346,3,0)-VLOOKUP(BP$1,városok!$A$2:$C$346,3,0))^2)/1000,0)</f>
        <v>88</v>
      </c>
      <c r="BQ299">
        <f ca="1">ROUND(SQRT((VLOOKUP($A299,városok!$A$2:$C$346,2,0)-VLOOKUP(BQ$1,városok!$A$2:$C$346,2,0))^2+(VLOOKUP($A299,városok!$A$2:$C$346,3,0)-VLOOKUP(BQ$1,városok!$A$2:$C$346,3,0))^2)/1000,0)</f>
        <v>100</v>
      </c>
      <c r="BR299">
        <f ca="1">ROUND(SQRT((VLOOKUP($A299,városok!$A$2:$C$346,2,0)-VLOOKUP(BR$1,városok!$A$2:$C$346,2,0))^2+(VLOOKUP($A299,városok!$A$2:$C$346,3,0)-VLOOKUP(BR$1,városok!$A$2:$C$346,3,0))^2)/1000,0)</f>
        <v>111</v>
      </c>
      <c r="BS299">
        <f ca="1">ROUND(SQRT((VLOOKUP($A299,városok!$A$2:$C$346,2,0)-VLOOKUP(BS$1,városok!$A$2:$C$346,2,0))^2+(VLOOKUP($A299,városok!$A$2:$C$346,3,0)-VLOOKUP(BS$1,városok!$A$2:$C$346,3,0))^2)/1000,0)</f>
        <v>119</v>
      </c>
      <c r="BT299">
        <f ca="1">ROUND(SQRT((VLOOKUP($A299,városok!$A$2:$C$346,2,0)-VLOOKUP(BT$1,városok!$A$2:$C$346,2,0))^2+(VLOOKUP($A299,városok!$A$2:$C$346,3,0)-VLOOKUP(BT$1,városok!$A$2:$C$346,3,0))^2)/1000,0)</f>
        <v>142</v>
      </c>
    </row>
    <row r="300" spans="1:72" x14ac:dyDescent="0.2">
      <c r="A300" t="str">
        <f>városok!A300</f>
        <v>Dombóvár</v>
      </c>
      <c r="B300">
        <f ca="1">ROUND(SQRT((VLOOKUP($A300,városok!$A$2:$C$346,2,0)-VLOOKUP(B$1,városok!$A$2:$C$346,2,0))^2+(VLOOKUP($A300,városok!$A$2:$C$346,3,0)-VLOOKUP(B$1,városok!$A$2:$C$346,3,0))^2)/1000,0)</f>
        <v>35</v>
      </c>
      <c r="C300">
        <f ca="1">ROUND(SQRT((VLOOKUP($A300,városok!$A$2:$C$346,2,0)-VLOOKUP(C$1,városok!$A$2:$C$346,2,0))^2+(VLOOKUP($A300,városok!$A$2:$C$346,3,0)-VLOOKUP(C$1,városok!$A$2:$C$346,3,0))^2)/1000,0)</f>
        <v>31</v>
      </c>
      <c r="D300">
        <f ca="1">ROUND(SQRT((VLOOKUP($A300,városok!$A$2:$C$346,2,0)-VLOOKUP(D$1,városok!$A$2:$C$346,2,0))^2+(VLOOKUP($A300,városok!$A$2:$C$346,3,0)-VLOOKUP(D$1,városok!$A$2:$C$346,3,0))^2)/1000,0)</f>
        <v>100</v>
      </c>
      <c r="E300">
        <f ca="1">ROUND(SQRT((VLOOKUP($A300,városok!$A$2:$C$346,2,0)-VLOOKUP(E$1,városok!$A$2:$C$346,2,0))^2+(VLOOKUP($A300,városok!$A$2:$C$346,3,0)-VLOOKUP(E$1,városok!$A$2:$C$346,3,0))^2)/1000,0)</f>
        <v>36</v>
      </c>
      <c r="F300">
        <f ca="1">ROUND(SQRT((VLOOKUP($A300,városok!$A$2:$C$346,2,0)-VLOOKUP(F$1,városok!$A$2:$C$346,2,0))^2+(VLOOKUP($A300,városok!$A$2:$C$346,3,0)-VLOOKUP(F$1,városok!$A$2:$C$346,3,0))^2)/1000,0)</f>
        <v>46</v>
      </c>
      <c r="G300">
        <f ca="1">ROUND(SQRT((VLOOKUP($A300,városok!$A$2:$C$346,2,0)-VLOOKUP(G$1,városok!$A$2:$C$346,2,0))^2+(VLOOKUP($A300,városok!$A$2:$C$346,3,0)-VLOOKUP(G$1,városok!$A$2:$C$346,3,0))^2)/1000,0)</f>
        <v>46</v>
      </c>
      <c r="H300">
        <f ca="1">ROUND(SQRT((VLOOKUP($A300,városok!$A$2:$C$346,2,0)-VLOOKUP(H$1,városok!$A$2:$C$346,2,0))^2+(VLOOKUP($A300,városok!$A$2:$C$346,3,0)-VLOOKUP(H$1,városok!$A$2:$C$346,3,0))^2)/1000,0)</f>
        <v>75</v>
      </c>
      <c r="I300">
        <f ca="1">ROUND(SQRT((VLOOKUP($A300,városok!$A$2:$C$346,2,0)-VLOOKUP(I$1,városok!$A$2:$C$346,2,0))^2+(VLOOKUP($A300,városok!$A$2:$C$346,3,0)-VLOOKUP(I$1,városok!$A$2:$C$346,3,0))^2)/1000,0)</f>
        <v>191</v>
      </c>
      <c r="J300">
        <f ca="1">ROUND(SQRT((VLOOKUP($A300,városok!$A$2:$C$346,2,0)-VLOOKUP(J$1,városok!$A$2:$C$346,2,0))^2+(VLOOKUP($A300,városok!$A$2:$C$346,3,0)-VLOOKUP(J$1,városok!$A$2:$C$346,3,0))^2)/1000,0)</f>
        <v>205</v>
      </c>
      <c r="K300">
        <f ca="1">ROUND(SQRT((VLOOKUP($A300,városok!$A$2:$C$346,2,0)-VLOOKUP(K$1,városok!$A$2:$C$346,2,0))^2+(VLOOKUP($A300,városok!$A$2:$C$346,3,0)-VLOOKUP(K$1,városok!$A$2:$C$346,3,0))^2)/1000,0)</f>
        <v>158</v>
      </c>
      <c r="L300">
        <f ca="1">ROUND(SQRT((VLOOKUP($A300,városok!$A$2:$C$346,2,0)-VLOOKUP(L$1,városok!$A$2:$C$346,2,0))^2+(VLOOKUP($A300,városok!$A$2:$C$346,3,0)-VLOOKUP(L$1,városok!$A$2:$C$346,3,0))^2)/1000,0)</f>
        <v>256</v>
      </c>
      <c r="M300">
        <f ca="1">ROUND(SQRT((VLOOKUP($A300,városok!$A$2:$C$346,2,0)-VLOOKUP(M$1,városok!$A$2:$C$346,2,0))^2+(VLOOKUP($A300,városok!$A$2:$C$346,3,0)-VLOOKUP(M$1,városok!$A$2:$C$346,3,0))^2)/1000,0)</f>
        <v>251</v>
      </c>
      <c r="N300">
        <f ca="1">ROUND(SQRT((VLOOKUP($A300,városok!$A$2:$C$346,2,0)-VLOOKUP(N$1,városok!$A$2:$C$346,2,0))^2+(VLOOKUP($A300,városok!$A$2:$C$346,3,0)-VLOOKUP(N$1,városok!$A$2:$C$346,3,0))^2)/1000,0)</f>
        <v>239</v>
      </c>
      <c r="O300">
        <f ca="1">ROUND(SQRT((VLOOKUP($A300,városok!$A$2:$C$346,2,0)-VLOOKUP(O$1,városok!$A$2:$C$346,2,0))^2+(VLOOKUP($A300,városok!$A$2:$C$346,3,0)-VLOOKUP(O$1,városok!$A$2:$C$346,3,0))^2)/1000,0)</f>
        <v>319</v>
      </c>
      <c r="P300">
        <f ca="1">ROUND(SQRT((VLOOKUP($A300,városok!$A$2:$C$346,2,0)-VLOOKUP(P$1,városok!$A$2:$C$346,2,0))^2+(VLOOKUP($A300,városok!$A$2:$C$346,3,0)-VLOOKUP(P$1,városok!$A$2:$C$346,3,0))^2)/1000,0)</f>
        <v>319</v>
      </c>
      <c r="Q300">
        <f ca="1">ROUND(SQRT((VLOOKUP($A300,városok!$A$2:$C$346,2,0)-VLOOKUP(Q$1,városok!$A$2:$C$346,2,0))^2+(VLOOKUP($A300,városok!$A$2:$C$346,3,0)-VLOOKUP(Q$1,városok!$A$2:$C$346,3,0))^2)/1000,0)</f>
        <v>131</v>
      </c>
      <c r="R300">
        <f ca="1">ROUND(SQRT((VLOOKUP($A300,városok!$A$2:$C$346,2,0)-VLOOKUP(R$1,városok!$A$2:$C$346,2,0))^2+(VLOOKUP($A300,városok!$A$2:$C$346,3,0)-VLOOKUP(R$1,városok!$A$2:$C$346,3,0))^2)/1000,0)</f>
        <v>144</v>
      </c>
      <c r="S300">
        <f ca="1">ROUND(SQRT((VLOOKUP($A300,városok!$A$2:$C$346,2,0)-VLOOKUP(S$1,városok!$A$2:$C$346,2,0))^2+(VLOOKUP($A300,városok!$A$2:$C$346,3,0)-VLOOKUP(S$1,városok!$A$2:$C$346,3,0))^2)/1000,0)</f>
        <v>120</v>
      </c>
      <c r="T300">
        <f ca="1">ROUND(SQRT((VLOOKUP($A300,városok!$A$2:$C$346,2,0)-VLOOKUP(T$1,városok!$A$2:$C$346,2,0))^2+(VLOOKUP($A300,városok!$A$2:$C$346,3,0)-VLOOKUP(T$1,városok!$A$2:$C$346,3,0))^2)/1000,0)</f>
        <v>121</v>
      </c>
      <c r="U300">
        <f ca="1">ROUND(SQRT((VLOOKUP($A300,városok!$A$2:$C$346,2,0)-VLOOKUP(U$1,városok!$A$2:$C$346,2,0))^2+(VLOOKUP($A300,városok!$A$2:$C$346,3,0)-VLOOKUP(U$1,városok!$A$2:$C$346,3,0))^2)/1000,0)</f>
        <v>68</v>
      </c>
      <c r="V300">
        <f ca="1">ROUND(SQRT((VLOOKUP($A300,városok!$A$2:$C$346,2,0)-VLOOKUP(V$1,városok!$A$2:$C$346,2,0))^2+(VLOOKUP($A300,városok!$A$2:$C$346,3,0)-VLOOKUP(V$1,városok!$A$2:$C$346,3,0))^2)/1000,0)</f>
        <v>78</v>
      </c>
      <c r="W300">
        <f ca="1">ROUND(SQRT((VLOOKUP($A300,városok!$A$2:$C$346,2,0)-VLOOKUP(W$1,városok!$A$2:$C$346,2,0))^2+(VLOOKUP($A300,városok!$A$2:$C$346,3,0)-VLOOKUP(W$1,városok!$A$2:$C$346,3,0))^2)/1000,0)</f>
        <v>54</v>
      </c>
      <c r="X300">
        <f ca="1">ROUND(SQRT((VLOOKUP($A300,városok!$A$2:$C$346,2,0)-VLOOKUP(X$1,városok!$A$2:$C$346,2,0))^2+(VLOOKUP($A300,városok!$A$2:$C$346,3,0)-VLOOKUP(X$1,városok!$A$2:$C$346,3,0))^2)/1000,0)</f>
        <v>102</v>
      </c>
      <c r="Y300">
        <f ca="1">ROUND(SQRT((VLOOKUP($A300,városok!$A$2:$C$346,2,0)-VLOOKUP(Y$1,városok!$A$2:$C$346,2,0))^2+(VLOOKUP($A300,városok!$A$2:$C$346,3,0)-VLOOKUP(Y$1,városok!$A$2:$C$346,3,0))^2)/1000,0)</f>
        <v>162</v>
      </c>
      <c r="Z300">
        <f ca="1">ROUND(SQRT((VLOOKUP($A300,városok!$A$2:$C$346,2,0)-VLOOKUP(Z$1,városok!$A$2:$C$346,2,0))^2+(VLOOKUP($A300,városok!$A$2:$C$346,3,0)-VLOOKUP(Z$1,városok!$A$2:$C$346,3,0))^2)/1000,0)</f>
        <v>176</v>
      </c>
      <c r="AA300">
        <f ca="1">ROUND(SQRT((VLOOKUP($A300,városok!$A$2:$C$346,2,0)-VLOOKUP(AA$1,városok!$A$2:$C$346,2,0))^2+(VLOOKUP($A300,városok!$A$2:$C$346,3,0)-VLOOKUP(AA$1,városok!$A$2:$C$346,3,0))^2)/1000,0)</f>
        <v>211</v>
      </c>
      <c r="AB300">
        <f ca="1">ROUND(SQRT((VLOOKUP($A300,városok!$A$2:$C$346,2,0)-VLOOKUP(AB$1,városok!$A$2:$C$346,2,0))^2+(VLOOKUP($A300,városok!$A$2:$C$346,3,0)-VLOOKUP(AB$1,városok!$A$2:$C$346,3,0))^2)/1000,0)</f>
        <v>261</v>
      </c>
      <c r="AC300">
        <f ca="1">ROUND(SQRT((VLOOKUP($A300,városok!$A$2:$C$346,2,0)-VLOOKUP(AC$1,városok!$A$2:$C$346,2,0))^2+(VLOOKUP($A300,városok!$A$2:$C$346,3,0)-VLOOKUP(AC$1,városok!$A$2:$C$346,3,0))^2)/1000,0)</f>
        <v>241</v>
      </c>
      <c r="AD300">
        <f ca="1">ROUND(SQRT((VLOOKUP($A300,városok!$A$2:$C$346,2,0)-VLOOKUP(AD$1,városok!$A$2:$C$346,2,0))^2+(VLOOKUP($A300,városok!$A$2:$C$346,3,0)-VLOOKUP(AD$1,városok!$A$2:$C$346,3,0))^2)/1000,0)</f>
        <v>225</v>
      </c>
      <c r="AE300">
        <f ca="1">ROUND(SQRT((VLOOKUP($A300,városok!$A$2:$C$346,2,0)-VLOOKUP(AE$1,városok!$A$2:$C$346,2,0))^2+(VLOOKUP($A300,városok!$A$2:$C$346,3,0)-VLOOKUP(AE$1,városok!$A$2:$C$346,3,0))^2)/1000,0)</f>
        <v>218</v>
      </c>
      <c r="AF300">
        <f ca="1">ROUND(SQRT((VLOOKUP($A300,városok!$A$2:$C$346,2,0)-VLOOKUP(AF$1,városok!$A$2:$C$346,2,0))^2+(VLOOKUP($A300,városok!$A$2:$C$346,3,0)-VLOOKUP(AF$1,városok!$A$2:$C$346,3,0))^2)/1000,0)</f>
        <v>214</v>
      </c>
      <c r="AG300">
        <f ca="1">ROUND(SQRT((VLOOKUP($A300,városok!$A$2:$C$346,2,0)-VLOOKUP(AG$1,városok!$A$2:$C$346,2,0))^2+(VLOOKUP($A300,városok!$A$2:$C$346,3,0)-VLOOKUP(AG$1,városok!$A$2:$C$346,3,0))^2)/1000,0)</f>
        <v>183</v>
      </c>
      <c r="AH300">
        <f ca="1">ROUND(SQRT((VLOOKUP($A300,városok!$A$2:$C$346,2,0)-VLOOKUP(AH$1,városok!$A$2:$C$346,2,0))^2+(VLOOKUP($A300,városok!$A$2:$C$346,3,0)-VLOOKUP(AH$1,városok!$A$2:$C$346,3,0))^2)/1000,0)</f>
        <v>162</v>
      </c>
      <c r="AI300">
        <f ca="1">ROUND(SQRT((VLOOKUP($A300,városok!$A$2:$C$346,2,0)-VLOOKUP(AI$1,városok!$A$2:$C$346,2,0))^2+(VLOOKUP($A300,városok!$A$2:$C$346,3,0)-VLOOKUP(AI$1,városok!$A$2:$C$346,3,0))^2)/1000,0)</f>
        <v>212</v>
      </c>
      <c r="AJ300">
        <f ca="1">ROUND(SQRT((VLOOKUP($A300,városok!$A$2:$C$346,2,0)-VLOOKUP(AJ$1,városok!$A$2:$C$346,2,0))^2+(VLOOKUP($A300,városok!$A$2:$C$346,3,0)-VLOOKUP(AJ$1,városok!$A$2:$C$346,3,0))^2)/1000,0)</f>
        <v>173</v>
      </c>
      <c r="AK300">
        <f ca="1">ROUND(SQRT((VLOOKUP($A300,városok!$A$2:$C$346,2,0)-VLOOKUP(AK$1,városok!$A$2:$C$346,2,0))^2+(VLOOKUP($A300,városok!$A$2:$C$346,3,0)-VLOOKUP(AK$1,városok!$A$2:$C$346,3,0))^2)/1000,0)</f>
        <v>205</v>
      </c>
      <c r="AL300">
        <f ca="1">ROUND(SQRT((VLOOKUP($A300,városok!$A$2:$C$346,2,0)-VLOOKUP(AL$1,városok!$A$2:$C$346,2,0))^2+(VLOOKUP($A300,városok!$A$2:$C$346,3,0)-VLOOKUP(AL$1,városok!$A$2:$C$346,3,0))^2)/1000,0)</f>
        <v>187</v>
      </c>
      <c r="AM300">
        <f ca="1">ROUND(SQRT((VLOOKUP($A300,városok!$A$2:$C$346,2,0)-VLOOKUP(AM$1,városok!$A$2:$C$346,2,0))^2+(VLOOKUP($A300,városok!$A$2:$C$346,3,0)-VLOOKUP(AM$1,városok!$A$2:$C$346,3,0))^2)/1000,0)</f>
        <v>148</v>
      </c>
      <c r="AN300">
        <f ca="1">ROUND(SQRT((VLOOKUP($A300,városok!$A$2:$C$346,2,0)-VLOOKUP(AN$1,városok!$A$2:$C$346,2,0))^2+(VLOOKUP($A300,városok!$A$2:$C$346,3,0)-VLOOKUP(AN$1,városok!$A$2:$C$346,3,0))^2)/1000,0)</f>
        <v>155</v>
      </c>
      <c r="AO300">
        <f ca="1">ROUND(SQRT((VLOOKUP($A300,városok!$A$2:$C$346,2,0)-VLOOKUP(AO$1,városok!$A$2:$C$346,2,0))^2+(VLOOKUP($A300,városok!$A$2:$C$346,3,0)-VLOOKUP(AO$1,városok!$A$2:$C$346,3,0))^2)/1000,0)</f>
        <v>154</v>
      </c>
      <c r="AP300">
        <f ca="1">ROUND(SQRT((VLOOKUP($A300,városok!$A$2:$C$346,2,0)-VLOOKUP(AP$1,városok!$A$2:$C$346,2,0))^2+(VLOOKUP($A300,városok!$A$2:$C$346,3,0)-VLOOKUP(AP$1,városok!$A$2:$C$346,3,0))^2)/1000,0)</f>
        <v>140</v>
      </c>
      <c r="AQ300">
        <f ca="1">ROUND(SQRT((VLOOKUP($A300,városok!$A$2:$C$346,2,0)-VLOOKUP(AQ$1,városok!$A$2:$C$346,2,0))^2+(VLOOKUP($A300,városok!$A$2:$C$346,3,0)-VLOOKUP(AQ$1,városok!$A$2:$C$346,3,0))^2)/1000,0)</f>
        <v>131</v>
      </c>
      <c r="AR300">
        <f ca="1">ROUND(SQRT((VLOOKUP($A300,városok!$A$2:$C$346,2,0)-VLOOKUP(AR$1,városok!$A$2:$C$346,2,0))^2+(VLOOKUP($A300,városok!$A$2:$C$346,3,0)-VLOOKUP(AR$1,városok!$A$2:$C$346,3,0))^2)/1000,0)</f>
        <v>188</v>
      </c>
      <c r="AS300">
        <f ca="1">ROUND(SQRT((VLOOKUP($A300,városok!$A$2:$C$346,2,0)-VLOOKUP(AS$1,városok!$A$2:$C$346,2,0))^2+(VLOOKUP($A300,városok!$A$2:$C$346,3,0)-VLOOKUP(AS$1,városok!$A$2:$C$346,3,0))^2)/1000,0)</f>
        <v>211</v>
      </c>
      <c r="AT300">
        <f ca="1">ROUND(SQRT((VLOOKUP($A300,városok!$A$2:$C$346,2,0)-VLOOKUP(AT$1,városok!$A$2:$C$346,2,0))^2+(VLOOKUP($A300,városok!$A$2:$C$346,3,0)-VLOOKUP(AT$1,városok!$A$2:$C$346,3,0))^2)/1000,0)</f>
        <v>120</v>
      </c>
      <c r="AU300">
        <f ca="1">ROUND(SQRT((VLOOKUP($A300,városok!$A$2:$C$346,2,0)-VLOOKUP(AU$1,városok!$A$2:$C$346,2,0))^2+(VLOOKUP($A300,városok!$A$2:$C$346,3,0)-VLOOKUP(AU$1,városok!$A$2:$C$346,3,0))^2)/1000,0)</f>
        <v>121</v>
      </c>
      <c r="AV300">
        <f ca="1">ROUND(SQRT((VLOOKUP($A300,városok!$A$2:$C$346,2,0)-VLOOKUP(AV$1,városok!$A$2:$C$346,2,0))^2+(VLOOKUP($A300,városok!$A$2:$C$346,3,0)-VLOOKUP(AV$1,városok!$A$2:$C$346,3,0))^2)/1000,0)</f>
        <v>115</v>
      </c>
      <c r="AW300">
        <f ca="1">ROUND(SQRT((VLOOKUP($A300,városok!$A$2:$C$346,2,0)-VLOOKUP(AW$1,városok!$A$2:$C$346,2,0))^2+(VLOOKUP($A300,városok!$A$2:$C$346,3,0)-VLOOKUP(AW$1,városok!$A$2:$C$346,3,0))^2)/1000,0)</f>
        <v>113</v>
      </c>
      <c r="AX300">
        <f ca="1">ROUND(SQRT((VLOOKUP($A300,városok!$A$2:$C$346,2,0)-VLOOKUP(AX$1,városok!$A$2:$C$346,2,0))^2+(VLOOKUP($A300,városok!$A$2:$C$346,3,0)-VLOOKUP(AX$1,városok!$A$2:$C$346,3,0))^2)/1000,0)</f>
        <v>113</v>
      </c>
      <c r="AY300">
        <f ca="1">ROUND(SQRT((VLOOKUP($A300,városok!$A$2:$C$346,2,0)-VLOOKUP(AY$1,városok!$A$2:$C$346,2,0))^2+(VLOOKUP($A300,városok!$A$2:$C$346,3,0)-VLOOKUP(AY$1,városok!$A$2:$C$346,3,0))^2)/1000,0)</f>
        <v>147</v>
      </c>
      <c r="AZ300">
        <f ca="1">ROUND(SQRT((VLOOKUP($A300,városok!$A$2:$C$346,2,0)-VLOOKUP(AZ$1,városok!$A$2:$C$346,2,0))^2+(VLOOKUP($A300,városok!$A$2:$C$346,3,0)-VLOOKUP(AZ$1,városok!$A$2:$C$346,3,0))^2)/1000,0)</f>
        <v>157</v>
      </c>
      <c r="BA300">
        <f ca="1">ROUND(SQRT((VLOOKUP($A300,városok!$A$2:$C$346,2,0)-VLOOKUP(BA$1,városok!$A$2:$C$346,2,0))^2+(VLOOKUP($A300,városok!$A$2:$C$346,3,0)-VLOOKUP(BA$1,városok!$A$2:$C$346,3,0))^2)/1000,0)</f>
        <v>82</v>
      </c>
      <c r="BB300">
        <f ca="1">ROUND(SQRT((VLOOKUP($A300,városok!$A$2:$C$346,2,0)-VLOOKUP(BB$1,városok!$A$2:$C$346,2,0))^2+(VLOOKUP($A300,városok!$A$2:$C$346,3,0)-VLOOKUP(BB$1,városok!$A$2:$C$346,3,0))^2)/1000,0)</f>
        <v>54</v>
      </c>
      <c r="BC300">
        <f ca="1">ROUND(SQRT((VLOOKUP($A300,városok!$A$2:$C$346,2,0)-VLOOKUP(BC$1,városok!$A$2:$C$346,2,0))^2+(VLOOKUP($A300,városok!$A$2:$C$346,3,0)-VLOOKUP(BC$1,városok!$A$2:$C$346,3,0))^2)/1000,0)</f>
        <v>64</v>
      </c>
      <c r="BD300">
        <f ca="1">ROUND(SQRT((VLOOKUP($A300,városok!$A$2:$C$346,2,0)-VLOOKUP(BD$1,városok!$A$2:$C$346,2,0))^2+(VLOOKUP($A300,városok!$A$2:$C$346,3,0)-VLOOKUP(BD$1,városok!$A$2:$C$346,3,0))^2)/1000,0)</f>
        <v>71</v>
      </c>
      <c r="BE300">
        <f ca="1">ROUND(SQRT((VLOOKUP($A300,városok!$A$2:$C$346,2,0)-VLOOKUP(BE$1,városok!$A$2:$C$346,2,0))^2+(VLOOKUP($A300,városok!$A$2:$C$346,3,0)-VLOOKUP(BE$1,városok!$A$2:$C$346,3,0))^2)/1000,0)</f>
        <v>346</v>
      </c>
      <c r="BF300">
        <f ca="1">ROUND(SQRT((VLOOKUP($A300,városok!$A$2:$C$346,2,0)-VLOOKUP(BF$1,városok!$A$2:$C$346,2,0))^2+(VLOOKUP($A300,városok!$A$2:$C$346,3,0)-VLOOKUP(BF$1,városok!$A$2:$C$346,3,0))^2)/1000,0)</f>
        <v>331</v>
      </c>
      <c r="BG300">
        <f ca="1">ROUND(SQRT((VLOOKUP($A300,városok!$A$2:$C$346,2,0)-VLOOKUP(BG$1,városok!$A$2:$C$346,2,0))^2+(VLOOKUP($A300,városok!$A$2:$C$346,3,0)-VLOOKUP(BG$1,városok!$A$2:$C$346,3,0))^2)/1000,0)</f>
        <v>288</v>
      </c>
      <c r="BH300">
        <f ca="1">ROUND(SQRT((VLOOKUP($A300,városok!$A$2:$C$346,2,0)-VLOOKUP(BH$1,városok!$A$2:$C$346,2,0))^2+(VLOOKUP($A300,városok!$A$2:$C$346,3,0)-VLOOKUP(BH$1,városok!$A$2:$C$346,3,0))^2)/1000,0)</f>
        <v>288</v>
      </c>
      <c r="BI300">
        <f ca="1">ROUND(SQRT((VLOOKUP($A300,városok!$A$2:$C$346,2,0)-VLOOKUP(BI$1,városok!$A$2:$C$346,2,0))^2+(VLOOKUP($A300,városok!$A$2:$C$346,3,0)-VLOOKUP(BI$1,városok!$A$2:$C$346,3,0))^2)/1000,0)</f>
        <v>0</v>
      </c>
      <c r="BJ300">
        <f ca="1">ROUND(SQRT((VLOOKUP($A300,városok!$A$2:$C$346,2,0)-VLOOKUP(BJ$1,városok!$A$2:$C$346,2,0))^2+(VLOOKUP($A300,városok!$A$2:$C$346,3,0)-VLOOKUP(BJ$1,városok!$A$2:$C$346,3,0))^2)/1000,0)</f>
        <v>18</v>
      </c>
      <c r="BK300">
        <f ca="1">ROUND(SQRT((VLOOKUP($A300,városok!$A$2:$C$346,2,0)-VLOOKUP(BK$1,városok!$A$2:$C$346,2,0))^2+(VLOOKUP($A300,városok!$A$2:$C$346,3,0)-VLOOKUP(BK$1,városok!$A$2:$C$346,3,0))^2)/1000,0)</f>
        <v>8</v>
      </c>
      <c r="BL300">
        <f ca="1">ROUND(SQRT((VLOOKUP($A300,városok!$A$2:$C$346,2,0)-VLOOKUP(BL$1,városok!$A$2:$C$346,2,0))^2+(VLOOKUP($A300,városok!$A$2:$C$346,3,0)-VLOOKUP(BL$1,városok!$A$2:$C$346,3,0))^2)/1000,0)</f>
        <v>169</v>
      </c>
      <c r="BM300">
        <f ca="1">ROUND(SQRT((VLOOKUP($A300,városok!$A$2:$C$346,2,0)-VLOOKUP(BM$1,városok!$A$2:$C$346,2,0))^2+(VLOOKUP($A300,városok!$A$2:$C$346,3,0)-VLOOKUP(BM$1,városok!$A$2:$C$346,3,0))^2)/1000,0)</f>
        <v>160</v>
      </c>
      <c r="BN300">
        <f ca="1">ROUND(SQRT((VLOOKUP($A300,városok!$A$2:$C$346,2,0)-VLOOKUP(BN$1,városok!$A$2:$C$346,2,0))^2+(VLOOKUP($A300,városok!$A$2:$C$346,3,0)-VLOOKUP(BN$1,városok!$A$2:$C$346,3,0))^2)/1000,0)</f>
        <v>179</v>
      </c>
      <c r="BO300">
        <f ca="1">ROUND(SQRT((VLOOKUP($A300,városok!$A$2:$C$346,2,0)-VLOOKUP(BO$1,városok!$A$2:$C$346,2,0))^2+(VLOOKUP($A300,városok!$A$2:$C$346,3,0)-VLOOKUP(BO$1,városok!$A$2:$C$346,3,0))^2)/1000,0)</f>
        <v>84</v>
      </c>
      <c r="BP300">
        <f ca="1">ROUND(SQRT((VLOOKUP($A300,városok!$A$2:$C$346,2,0)-VLOOKUP(BP$1,városok!$A$2:$C$346,2,0))^2+(VLOOKUP($A300,városok!$A$2:$C$346,3,0)-VLOOKUP(BP$1,városok!$A$2:$C$346,3,0))^2)/1000,0)</f>
        <v>81</v>
      </c>
      <c r="BQ300">
        <f ca="1">ROUND(SQRT((VLOOKUP($A300,városok!$A$2:$C$346,2,0)-VLOOKUP(BQ$1,városok!$A$2:$C$346,2,0))^2+(VLOOKUP($A300,városok!$A$2:$C$346,3,0)-VLOOKUP(BQ$1,városok!$A$2:$C$346,3,0))^2)/1000,0)</f>
        <v>94</v>
      </c>
      <c r="BR300">
        <f ca="1">ROUND(SQRT((VLOOKUP($A300,városok!$A$2:$C$346,2,0)-VLOOKUP(BR$1,városok!$A$2:$C$346,2,0))^2+(VLOOKUP($A300,városok!$A$2:$C$346,3,0)-VLOOKUP(BR$1,városok!$A$2:$C$346,3,0))^2)/1000,0)</f>
        <v>113</v>
      </c>
      <c r="BS300">
        <f ca="1">ROUND(SQRT((VLOOKUP($A300,városok!$A$2:$C$346,2,0)-VLOOKUP(BS$1,városok!$A$2:$C$346,2,0))^2+(VLOOKUP($A300,városok!$A$2:$C$346,3,0)-VLOOKUP(BS$1,városok!$A$2:$C$346,3,0))^2)/1000,0)</f>
        <v>125</v>
      </c>
      <c r="BT300">
        <f ca="1">ROUND(SQRT((VLOOKUP($A300,városok!$A$2:$C$346,2,0)-VLOOKUP(BT$1,városok!$A$2:$C$346,2,0))^2+(VLOOKUP($A300,városok!$A$2:$C$346,3,0)-VLOOKUP(BT$1,városok!$A$2:$C$346,3,0))^2)/1000,0)</f>
        <v>145</v>
      </c>
    </row>
    <row r="301" spans="1:72" x14ac:dyDescent="0.2">
      <c r="A301" t="str">
        <f>városok!A301</f>
        <v>Dunaföldvár</v>
      </c>
      <c r="B301">
        <f ca="1">ROUND(SQRT((VLOOKUP($A301,városok!$A$2:$C$346,2,0)-VLOOKUP(B$1,városok!$A$2:$C$346,2,0))^2+(VLOOKUP($A301,városok!$A$2:$C$346,3,0)-VLOOKUP(B$1,városok!$A$2:$C$346,3,0))^2)/1000,0)</f>
        <v>67</v>
      </c>
      <c r="C301">
        <f ca="1">ROUND(SQRT((VLOOKUP($A301,városok!$A$2:$C$346,2,0)-VLOOKUP(C$1,városok!$A$2:$C$346,2,0))^2+(VLOOKUP($A301,városok!$A$2:$C$346,3,0)-VLOOKUP(C$1,városok!$A$2:$C$346,3,0))^2)/1000,0)</f>
        <v>29</v>
      </c>
      <c r="D301">
        <f ca="1">ROUND(SQRT((VLOOKUP($A301,városok!$A$2:$C$346,2,0)-VLOOKUP(D$1,városok!$A$2:$C$346,2,0))^2+(VLOOKUP($A301,városok!$A$2:$C$346,3,0)-VLOOKUP(D$1,városok!$A$2:$C$346,3,0))^2)/1000,0)</f>
        <v>60</v>
      </c>
      <c r="E301">
        <f ca="1">ROUND(SQRT((VLOOKUP($A301,városok!$A$2:$C$346,2,0)-VLOOKUP(E$1,városok!$A$2:$C$346,2,0))^2+(VLOOKUP($A301,városok!$A$2:$C$346,3,0)-VLOOKUP(E$1,városok!$A$2:$C$346,3,0))^2)/1000,0)</f>
        <v>84</v>
      </c>
      <c r="F301">
        <f ca="1">ROUND(SQRT((VLOOKUP($A301,városok!$A$2:$C$346,2,0)-VLOOKUP(F$1,városok!$A$2:$C$346,2,0))^2+(VLOOKUP($A301,városok!$A$2:$C$346,3,0)-VLOOKUP(F$1,városok!$A$2:$C$346,3,0))^2)/1000,0)</f>
        <v>90</v>
      </c>
      <c r="G301">
        <f ca="1">ROUND(SQRT((VLOOKUP($A301,városok!$A$2:$C$346,2,0)-VLOOKUP(G$1,városok!$A$2:$C$346,2,0))^2+(VLOOKUP($A301,városok!$A$2:$C$346,3,0)-VLOOKUP(G$1,városok!$A$2:$C$346,3,0))^2)/1000,0)</f>
        <v>94</v>
      </c>
      <c r="H301">
        <f ca="1">ROUND(SQRT((VLOOKUP($A301,városok!$A$2:$C$346,2,0)-VLOOKUP(H$1,városok!$A$2:$C$346,2,0))^2+(VLOOKUP($A301,városok!$A$2:$C$346,3,0)-VLOOKUP(H$1,városok!$A$2:$C$346,3,0))^2)/1000,0)</f>
        <v>119</v>
      </c>
      <c r="I301">
        <f ca="1">ROUND(SQRT((VLOOKUP($A301,városok!$A$2:$C$346,2,0)-VLOOKUP(I$1,városok!$A$2:$C$346,2,0))^2+(VLOOKUP($A301,városok!$A$2:$C$346,3,0)-VLOOKUP(I$1,városok!$A$2:$C$346,3,0))^2)/1000,0)</f>
        <v>165</v>
      </c>
      <c r="J301">
        <f ca="1">ROUND(SQRT((VLOOKUP($A301,városok!$A$2:$C$346,2,0)-VLOOKUP(J$1,városok!$A$2:$C$346,2,0))^2+(VLOOKUP($A301,városok!$A$2:$C$346,3,0)-VLOOKUP(J$1,városok!$A$2:$C$346,3,0))^2)/1000,0)</f>
        <v>181</v>
      </c>
      <c r="K301">
        <f ca="1">ROUND(SQRT((VLOOKUP($A301,városok!$A$2:$C$346,2,0)-VLOOKUP(K$1,városok!$A$2:$C$346,2,0))^2+(VLOOKUP($A301,városok!$A$2:$C$346,3,0)-VLOOKUP(K$1,városok!$A$2:$C$346,3,0))^2)/1000,0)</f>
        <v>136</v>
      </c>
      <c r="L301">
        <f ca="1">ROUND(SQRT((VLOOKUP($A301,városok!$A$2:$C$346,2,0)-VLOOKUP(L$1,városok!$A$2:$C$346,2,0))^2+(VLOOKUP($A301,városok!$A$2:$C$346,3,0)-VLOOKUP(L$1,városok!$A$2:$C$346,3,0))^2)/1000,0)</f>
        <v>208</v>
      </c>
      <c r="M301">
        <f ca="1">ROUND(SQRT((VLOOKUP($A301,városok!$A$2:$C$346,2,0)-VLOOKUP(M$1,városok!$A$2:$C$346,2,0))^2+(VLOOKUP($A301,városok!$A$2:$C$346,3,0)-VLOOKUP(M$1,városok!$A$2:$C$346,3,0))^2)/1000,0)</f>
        <v>203</v>
      </c>
      <c r="N301">
        <f ca="1">ROUND(SQRT((VLOOKUP($A301,városok!$A$2:$C$346,2,0)-VLOOKUP(N$1,városok!$A$2:$C$346,2,0))^2+(VLOOKUP($A301,városok!$A$2:$C$346,3,0)-VLOOKUP(N$1,városok!$A$2:$C$346,3,0))^2)/1000,0)</f>
        <v>190</v>
      </c>
      <c r="O301">
        <f ca="1">ROUND(SQRT((VLOOKUP($A301,városok!$A$2:$C$346,2,0)-VLOOKUP(O$1,városok!$A$2:$C$346,2,0))^2+(VLOOKUP($A301,városok!$A$2:$C$346,3,0)-VLOOKUP(O$1,városok!$A$2:$C$346,3,0))^2)/1000,0)</f>
        <v>272</v>
      </c>
      <c r="P301">
        <f ca="1">ROUND(SQRT((VLOOKUP($A301,városok!$A$2:$C$346,2,0)-VLOOKUP(P$1,városok!$A$2:$C$346,2,0))^2+(VLOOKUP($A301,városok!$A$2:$C$346,3,0)-VLOOKUP(P$1,városok!$A$2:$C$346,3,0))^2)/1000,0)</f>
        <v>272</v>
      </c>
      <c r="Q301">
        <f ca="1">ROUND(SQRT((VLOOKUP($A301,városok!$A$2:$C$346,2,0)-VLOOKUP(Q$1,városok!$A$2:$C$346,2,0))^2+(VLOOKUP($A301,városok!$A$2:$C$346,3,0)-VLOOKUP(Q$1,városok!$A$2:$C$346,3,0))^2)/1000,0)</f>
        <v>115</v>
      </c>
      <c r="R301">
        <f ca="1">ROUND(SQRT((VLOOKUP($A301,városok!$A$2:$C$346,2,0)-VLOOKUP(R$1,városok!$A$2:$C$346,2,0))^2+(VLOOKUP($A301,városok!$A$2:$C$346,3,0)-VLOOKUP(R$1,városok!$A$2:$C$346,3,0))^2)/1000,0)</f>
        <v>135</v>
      </c>
      <c r="S301">
        <f ca="1">ROUND(SQRT((VLOOKUP($A301,városok!$A$2:$C$346,2,0)-VLOOKUP(S$1,városok!$A$2:$C$346,2,0))^2+(VLOOKUP($A301,városok!$A$2:$C$346,3,0)-VLOOKUP(S$1,városok!$A$2:$C$346,3,0))^2)/1000,0)</f>
        <v>112</v>
      </c>
      <c r="T301">
        <f ca="1">ROUND(SQRT((VLOOKUP($A301,városok!$A$2:$C$346,2,0)-VLOOKUP(T$1,városok!$A$2:$C$346,2,0))^2+(VLOOKUP($A301,városok!$A$2:$C$346,3,0)-VLOOKUP(T$1,városok!$A$2:$C$346,3,0))^2)/1000,0)</f>
        <v>81</v>
      </c>
      <c r="U301">
        <f ca="1">ROUND(SQRT((VLOOKUP($A301,városok!$A$2:$C$346,2,0)-VLOOKUP(U$1,városok!$A$2:$C$346,2,0))^2+(VLOOKUP($A301,városok!$A$2:$C$346,3,0)-VLOOKUP(U$1,városok!$A$2:$C$346,3,0))^2)/1000,0)</f>
        <v>20</v>
      </c>
      <c r="V301">
        <f ca="1">ROUND(SQRT((VLOOKUP($A301,városok!$A$2:$C$346,2,0)-VLOOKUP(V$1,városok!$A$2:$C$346,2,0))^2+(VLOOKUP($A301,városok!$A$2:$C$346,3,0)-VLOOKUP(V$1,városok!$A$2:$C$346,3,0))^2)/1000,0)</f>
        <v>56</v>
      </c>
      <c r="W301">
        <f ca="1">ROUND(SQRT((VLOOKUP($A301,városok!$A$2:$C$346,2,0)-VLOOKUP(W$1,városok!$A$2:$C$346,2,0))^2+(VLOOKUP($A301,városok!$A$2:$C$346,3,0)-VLOOKUP(W$1,városok!$A$2:$C$346,3,0))^2)/1000,0)</f>
        <v>25</v>
      </c>
      <c r="X301">
        <f ca="1">ROUND(SQRT((VLOOKUP($A301,városok!$A$2:$C$346,2,0)-VLOOKUP(X$1,városok!$A$2:$C$346,2,0))^2+(VLOOKUP($A301,városok!$A$2:$C$346,3,0)-VLOOKUP(X$1,városok!$A$2:$C$346,3,0))^2)/1000,0)</f>
        <v>72</v>
      </c>
      <c r="Y301">
        <f ca="1">ROUND(SQRT((VLOOKUP($A301,városok!$A$2:$C$346,2,0)-VLOOKUP(Y$1,városok!$A$2:$C$346,2,0))^2+(VLOOKUP($A301,városok!$A$2:$C$346,3,0)-VLOOKUP(Y$1,városok!$A$2:$C$346,3,0))^2)/1000,0)</f>
        <v>140</v>
      </c>
      <c r="Z301">
        <f ca="1">ROUND(SQRT((VLOOKUP($A301,városok!$A$2:$C$346,2,0)-VLOOKUP(Z$1,városok!$A$2:$C$346,2,0))^2+(VLOOKUP($A301,városok!$A$2:$C$346,3,0)-VLOOKUP(Z$1,városok!$A$2:$C$346,3,0))^2)/1000,0)</f>
        <v>157</v>
      </c>
      <c r="AA301">
        <f ca="1">ROUND(SQRT((VLOOKUP($A301,városok!$A$2:$C$346,2,0)-VLOOKUP(AA$1,városok!$A$2:$C$346,2,0))^2+(VLOOKUP($A301,városok!$A$2:$C$346,3,0)-VLOOKUP(AA$1,városok!$A$2:$C$346,3,0))^2)/1000,0)</f>
        <v>203</v>
      </c>
      <c r="AB301">
        <f ca="1">ROUND(SQRT((VLOOKUP($A301,városok!$A$2:$C$346,2,0)-VLOOKUP(AB$1,városok!$A$2:$C$346,2,0))^2+(VLOOKUP($A301,városok!$A$2:$C$346,3,0)-VLOOKUP(AB$1,városok!$A$2:$C$346,3,0))^2)/1000,0)</f>
        <v>221</v>
      </c>
      <c r="AC301">
        <f ca="1">ROUND(SQRT((VLOOKUP($A301,városok!$A$2:$C$346,2,0)-VLOOKUP(AC$1,városok!$A$2:$C$346,2,0))^2+(VLOOKUP($A301,városok!$A$2:$C$346,3,0)-VLOOKUP(AC$1,városok!$A$2:$C$346,3,0))^2)/1000,0)</f>
        <v>201</v>
      </c>
      <c r="AD301">
        <f ca="1">ROUND(SQRT((VLOOKUP($A301,városok!$A$2:$C$346,2,0)-VLOOKUP(AD$1,városok!$A$2:$C$346,2,0))^2+(VLOOKUP($A301,városok!$A$2:$C$346,3,0)-VLOOKUP(AD$1,városok!$A$2:$C$346,3,0))^2)/1000,0)</f>
        <v>184</v>
      </c>
      <c r="AE301">
        <f ca="1">ROUND(SQRT((VLOOKUP($A301,városok!$A$2:$C$346,2,0)-VLOOKUP(AE$1,városok!$A$2:$C$346,2,0))^2+(VLOOKUP($A301,városok!$A$2:$C$346,3,0)-VLOOKUP(AE$1,városok!$A$2:$C$346,3,0))^2)/1000,0)</f>
        <v>179</v>
      </c>
      <c r="AF301">
        <f ca="1">ROUND(SQRT((VLOOKUP($A301,városok!$A$2:$C$346,2,0)-VLOOKUP(AF$1,városok!$A$2:$C$346,2,0))^2+(VLOOKUP($A301,városok!$A$2:$C$346,3,0)-VLOOKUP(AF$1,városok!$A$2:$C$346,3,0))^2)/1000,0)</f>
        <v>165</v>
      </c>
      <c r="AG301">
        <f ca="1">ROUND(SQRT((VLOOKUP($A301,városok!$A$2:$C$346,2,0)-VLOOKUP(AG$1,városok!$A$2:$C$346,2,0))^2+(VLOOKUP($A301,városok!$A$2:$C$346,3,0)-VLOOKUP(AG$1,városok!$A$2:$C$346,3,0))^2)/1000,0)</f>
        <v>134</v>
      </c>
      <c r="AH301">
        <f ca="1">ROUND(SQRT((VLOOKUP($A301,városok!$A$2:$C$346,2,0)-VLOOKUP(AH$1,városok!$A$2:$C$346,2,0))^2+(VLOOKUP($A301,városok!$A$2:$C$346,3,0)-VLOOKUP(AH$1,városok!$A$2:$C$346,3,0))^2)/1000,0)</f>
        <v>113</v>
      </c>
      <c r="AI301">
        <f ca="1">ROUND(SQRT((VLOOKUP($A301,városok!$A$2:$C$346,2,0)-VLOOKUP(AI$1,városok!$A$2:$C$346,2,0))^2+(VLOOKUP($A301,városok!$A$2:$C$346,3,0)-VLOOKUP(AI$1,városok!$A$2:$C$346,3,0))^2)/1000,0)</f>
        <v>163</v>
      </c>
      <c r="AJ301">
        <f ca="1">ROUND(SQRT((VLOOKUP($A301,városok!$A$2:$C$346,2,0)-VLOOKUP(AJ$1,városok!$A$2:$C$346,2,0))^2+(VLOOKUP($A301,városok!$A$2:$C$346,3,0)-VLOOKUP(AJ$1,városok!$A$2:$C$346,3,0))^2)/1000,0)</f>
        <v>124</v>
      </c>
      <c r="AK301">
        <f ca="1">ROUND(SQRT((VLOOKUP($A301,városok!$A$2:$C$346,2,0)-VLOOKUP(AK$1,városok!$A$2:$C$346,2,0))^2+(VLOOKUP($A301,városok!$A$2:$C$346,3,0)-VLOOKUP(AK$1,városok!$A$2:$C$346,3,0))^2)/1000,0)</f>
        <v>165</v>
      </c>
      <c r="AL301">
        <f ca="1">ROUND(SQRT((VLOOKUP($A301,városok!$A$2:$C$346,2,0)-VLOOKUP(AL$1,városok!$A$2:$C$346,2,0))^2+(VLOOKUP($A301,városok!$A$2:$C$346,3,0)-VLOOKUP(AL$1,városok!$A$2:$C$346,3,0))^2)/1000,0)</f>
        <v>145</v>
      </c>
      <c r="AM301">
        <f ca="1">ROUND(SQRT((VLOOKUP($A301,városok!$A$2:$C$346,2,0)-VLOOKUP(AM$1,városok!$A$2:$C$346,2,0))^2+(VLOOKUP($A301,városok!$A$2:$C$346,3,0)-VLOOKUP(AM$1,városok!$A$2:$C$346,3,0))^2)/1000,0)</f>
        <v>105</v>
      </c>
      <c r="AN301">
        <f ca="1">ROUND(SQRT((VLOOKUP($A301,városok!$A$2:$C$346,2,0)-VLOOKUP(AN$1,városok!$A$2:$C$346,2,0))^2+(VLOOKUP($A301,városok!$A$2:$C$346,3,0)-VLOOKUP(AN$1,városok!$A$2:$C$346,3,0))^2)/1000,0)</f>
        <v>112</v>
      </c>
      <c r="AO301">
        <f ca="1">ROUND(SQRT((VLOOKUP($A301,városok!$A$2:$C$346,2,0)-VLOOKUP(AO$1,városok!$A$2:$C$346,2,0))^2+(VLOOKUP($A301,városok!$A$2:$C$346,3,0)-VLOOKUP(AO$1,városok!$A$2:$C$346,3,0))^2)/1000,0)</f>
        <v>122</v>
      </c>
      <c r="AP301">
        <f ca="1">ROUND(SQRT((VLOOKUP($A301,városok!$A$2:$C$346,2,0)-VLOOKUP(AP$1,városok!$A$2:$C$346,2,0))^2+(VLOOKUP($A301,városok!$A$2:$C$346,3,0)-VLOOKUP(AP$1,városok!$A$2:$C$346,3,0))^2)/1000,0)</f>
        <v>105</v>
      </c>
      <c r="AQ301">
        <f ca="1">ROUND(SQRT((VLOOKUP($A301,városok!$A$2:$C$346,2,0)-VLOOKUP(AQ$1,városok!$A$2:$C$346,2,0))^2+(VLOOKUP($A301,városok!$A$2:$C$346,3,0)-VLOOKUP(AQ$1,városok!$A$2:$C$346,3,0))^2)/1000,0)</f>
        <v>95</v>
      </c>
      <c r="AR301">
        <f ca="1">ROUND(SQRT((VLOOKUP($A301,városok!$A$2:$C$346,2,0)-VLOOKUP(AR$1,városok!$A$2:$C$346,2,0))^2+(VLOOKUP($A301,városok!$A$2:$C$346,3,0)-VLOOKUP(AR$1,városok!$A$2:$C$346,3,0))^2)/1000,0)</f>
        <v>139</v>
      </c>
      <c r="AS301">
        <f ca="1">ROUND(SQRT((VLOOKUP($A301,városok!$A$2:$C$346,2,0)-VLOOKUP(AS$1,városok!$A$2:$C$346,2,0))^2+(VLOOKUP($A301,városok!$A$2:$C$346,3,0)-VLOOKUP(AS$1,városok!$A$2:$C$346,3,0))^2)/1000,0)</f>
        <v>162</v>
      </c>
      <c r="AT301">
        <f ca="1">ROUND(SQRT((VLOOKUP($A301,városok!$A$2:$C$346,2,0)-VLOOKUP(AT$1,városok!$A$2:$C$346,2,0))^2+(VLOOKUP($A301,városok!$A$2:$C$346,3,0)-VLOOKUP(AT$1,városok!$A$2:$C$346,3,0))^2)/1000,0)</f>
        <v>76</v>
      </c>
      <c r="AU301">
        <f ca="1">ROUND(SQRT((VLOOKUP($A301,városok!$A$2:$C$346,2,0)-VLOOKUP(AU$1,városok!$A$2:$C$346,2,0))^2+(VLOOKUP($A301,városok!$A$2:$C$346,3,0)-VLOOKUP(AU$1,városok!$A$2:$C$346,3,0))^2)/1000,0)</f>
        <v>75</v>
      </c>
      <c r="AV301">
        <f ca="1">ROUND(SQRT((VLOOKUP($A301,városok!$A$2:$C$346,2,0)-VLOOKUP(AV$1,városok!$A$2:$C$346,2,0))^2+(VLOOKUP($A301,városok!$A$2:$C$346,3,0)-VLOOKUP(AV$1,városok!$A$2:$C$346,3,0))^2)/1000,0)</f>
        <v>69</v>
      </c>
      <c r="AW301">
        <f ca="1">ROUND(SQRT((VLOOKUP($A301,városok!$A$2:$C$346,2,0)-VLOOKUP(AW$1,városok!$A$2:$C$346,2,0))^2+(VLOOKUP($A301,városok!$A$2:$C$346,3,0)-VLOOKUP(AW$1,városok!$A$2:$C$346,3,0))^2)/1000,0)</f>
        <v>68</v>
      </c>
      <c r="AX301">
        <f ca="1">ROUND(SQRT((VLOOKUP($A301,városok!$A$2:$C$346,2,0)-VLOOKUP(AX$1,városok!$A$2:$C$346,2,0))^2+(VLOOKUP($A301,városok!$A$2:$C$346,3,0)-VLOOKUP(AX$1,városok!$A$2:$C$346,3,0))^2)/1000,0)</f>
        <v>71</v>
      </c>
      <c r="AY301">
        <f ca="1">ROUND(SQRT((VLOOKUP($A301,városok!$A$2:$C$346,2,0)-VLOOKUP(AY$1,városok!$A$2:$C$346,2,0))^2+(VLOOKUP($A301,városok!$A$2:$C$346,3,0)-VLOOKUP(AY$1,városok!$A$2:$C$346,3,0))^2)/1000,0)</f>
        <v>100</v>
      </c>
      <c r="AZ301">
        <f ca="1">ROUND(SQRT((VLOOKUP($A301,városok!$A$2:$C$346,2,0)-VLOOKUP(AZ$1,városok!$A$2:$C$346,2,0))^2+(VLOOKUP($A301,városok!$A$2:$C$346,3,0)-VLOOKUP(AZ$1,városok!$A$2:$C$346,3,0))^2)/1000,0)</f>
        <v>111</v>
      </c>
      <c r="BA301">
        <f ca="1">ROUND(SQRT((VLOOKUP($A301,városok!$A$2:$C$346,2,0)-VLOOKUP(BA$1,városok!$A$2:$C$346,2,0))^2+(VLOOKUP($A301,városok!$A$2:$C$346,3,0)-VLOOKUP(BA$1,városok!$A$2:$C$346,3,0))^2)/1000,0)</f>
        <v>93</v>
      </c>
      <c r="BB301">
        <f ca="1">ROUND(SQRT((VLOOKUP($A301,városok!$A$2:$C$346,2,0)-VLOOKUP(BB$1,városok!$A$2:$C$346,2,0))^2+(VLOOKUP($A301,városok!$A$2:$C$346,3,0)-VLOOKUP(BB$1,városok!$A$2:$C$346,3,0))^2)/1000,0)</f>
        <v>80</v>
      </c>
      <c r="BC301">
        <f ca="1">ROUND(SQRT((VLOOKUP($A301,városok!$A$2:$C$346,2,0)-VLOOKUP(BC$1,városok!$A$2:$C$346,2,0))^2+(VLOOKUP($A301,városok!$A$2:$C$346,3,0)-VLOOKUP(BC$1,városok!$A$2:$C$346,3,0))^2)/1000,0)</f>
        <v>99</v>
      </c>
      <c r="BD301">
        <f ca="1">ROUND(SQRT((VLOOKUP($A301,városok!$A$2:$C$346,2,0)-VLOOKUP(BD$1,városok!$A$2:$C$346,2,0))^2+(VLOOKUP($A301,városok!$A$2:$C$346,3,0)-VLOOKUP(BD$1,városok!$A$2:$C$346,3,0))^2)/1000,0)</f>
        <v>67</v>
      </c>
      <c r="BE301">
        <f ca="1">ROUND(SQRT((VLOOKUP($A301,városok!$A$2:$C$346,2,0)-VLOOKUP(BE$1,városok!$A$2:$C$346,2,0))^2+(VLOOKUP($A301,városok!$A$2:$C$346,3,0)-VLOOKUP(BE$1,városok!$A$2:$C$346,3,0))^2)/1000,0)</f>
        <v>306</v>
      </c>
      <c r="BF301">
        <f ca="1">ROUND(SQRT((VLOOKUP($A301,városok!$A$2:$C$346,2,0)-VLOOKUP(BF$1,városok!$A$2:$C$346,2,0))^2+(VLOOKUP($A301,városok!$A$2:$C$346,3,0)-VLOOKUP(BF$1,városok!$A$2:$C$346,3,0))^2)/1000,0)</f>
        <v>286</v>
      </c>
      <c r="BG301">
        <f ca="1">ROUND(SQRT((VLOOKUP($A301,városok!$A$2:$C$346,2,0)-VLOOKUP(BG$1,városok!$A$2:$C$346,2,0))^2+(VLOOKUP($A301,városok!$A$2:$C$346,3,0)-VLOOKUP(BG$1,városok!$A$2:$C$346,3,0))^2)/1000,0)</f>
        <v>243</v>
      </c>
      <c r="BH301">
        <f ca="1">ROUND(SQRT((VLOOKUP($A301,városok!$A$2:$C$346,2,0)-VLOOKUP(BH$1,városok!$A$2:$C$346,2,0))^2+(VLOOKUP($A301,városok!$A$2:$C$346,3,0)-VLOOKUP(BH$1,városok!$A$2:$C$346,3,0))^2)/1000,0)</f>
        <v>242</v>
      </c>
      <c r="BI301">
        <f ca="1">ROUND(SQRT((VLOOKUP($A301,városok!$A$2:$C$346,2,0)-VLOOKUP(BI$1,városok!$A$2:$C$346,2,0))^2+(VLOOKUP($A301,városok!$A$2:$C$346,3,0)-VLOOKUP(BI$1,városok!$A$2:$C$346,3,0))^2)/1000,0)</f>
        <v>49</v>
      </c>
      <c r="BJ301">
        <f ca="1">ROUND(SQRT((VLOOKUP($A301,városok!$A$2:$C$346,2,0)-VLOOKUP(BJ$1,városok!$A$2:$C$346,2,0))^2+(VLOOKUP($A301,városok!$A$2:$C$346,3,0)-VLOOKUP(BJ$1,városok!$A$2:$C$346,3,0))^2)/1000,0)</f>
        <v>66</v>
      </c>
      <c r="BK301">
        <f ca="1">ROUND(SQRT((VLOOKUP($A301,városok!$A$2:$C$346,2,0)-VLOOKUP(BK$1,városok!$A$2:$C$346,2,0))^2+(VLOOKUP($A301,városok!$A$2:$C$346,3,0)-VLOOKUP(BK$1,városok!$A$2:$C$346,3,0))^2)/1000,0)</f>
        <v>51</v>
      </c>
      <c r="BL301">
        <f ca="1">ROUND(SQRT((VLOOKUP($A301,városok!$A$2:$C$346,2,0)-VLOOKUP(BL$1,városok!$A$2:$C$346,2,0))^2+(VLOOKUP($A301,városok!$A$2:$C$346,3,0)-VLOOKUP(BL$1,városok!$A$2:$C$346,3,0))^2)/1000,0)</f>
        <v>178</v>
      </c>
      <c r="BM301">
        <f ca="1">ROUND(SQRT((VLOOKUP($A301,városok!$A$2:$C$346,2,0)-VLOOKUP(BM$1,városok!$A$2:$C$346,2,0))^2+(VLOOKUP($A301,városok!$A$2:$C$346,3,0)-VLOOKUP(BM$1,városok!$A$2:$C$346,3,0))^2)/1000,0)</f>
        <v>160</v>
      </c>
      <c r="BN301">
        <f ca="1">ROUND(SQRT((VLOOKUP($A301,városok!$A$2:$C$346,2,0)-VLOOKUP(BN$1,városok!$A$2:$C$346,2,0))^2+(VLOOKUP($A301,városok!$A$2:$C$346,3,0)-VLOOKUP(BN$1,városok!$A$2:$C$346,3,0))^2)/1000,0)</f>
        <v>182</v>
      </c>
      <c r="BO301">
        <f ca="1">ROUND(SQRT((VLOOKUP($A301,városok!$A$2:$C$346,2,0)-VLOOKUP(BO$1,városok!$A$2:$C$346,2,0))^2+(VLOOKUP($A301,városok!$A$2:$C$346,3,0)-VLOOKUP(BO$1,városok!$A$2:$C$346,3,0))^2)/1000,0)</f>
        <v>74</v>
      </c>
      <c r="BP301">
        <f ca="1">ROUND(SQRT((VLOOKUP($A301,városok!$A$2:$C$346,2,0)-VLOOKUP(BP$1,városok!$A$2:$C$346,2,0))^2+(VLOOKUP($A301,városok!$A$2:$C$346,3,0)-VLOOKUP(BP$1,városok!$A$2:$C$346,3,0))^2)/1000,0)</f>
        <v>68</v>
      </c>
      <c r="BQ301">
        <f ca="1">ROUND(SQRT((VLOOKUP($A301,városok!$A$2:$C$346,2,0)-VLOOKUP(BQ$1,városok!$A$2:$C$346,2,0))^2+(VLOOKUP($A301,városok!$A$2:$C$346,3,0)-VLOOKUP(BQ$1,városok!$A$2:$C$346,3,0))^2)/1000,0)</f>
        <v>84</v>
      </c>
      <c r="BR301">
        <f ca="1">ROUND(SQRT((VLOOKUP($A301,városok!$A$2:$C$346,2,0)-VLOOKUP(BR$1,városok!$A$2:$C$346,2,0))^2+(VLOOKUP($A301,városok!$A$2:$C$346,3,0)-VLOOKUP(BR$1,városok!$A$2:$C$346,3,0))^2)/1000,0)</f>
        <v>127</v>
      </c>
      <c r="BS301">
        <f ca="1">ROUND(SQRT((VLOOKUP($A301,városok!$A$2:$C$346,2,0)-VLOOKUP(BS$1,városok!$A$2:$C$346,2,0))^2+(VLOOKUP($A301,városok!$A$2:$C$346,3,0)-VLOOKUP(BS$1,városok!$A$2:$C$346,3,0))^2)/1000,0)</f>
        <v>152</v>
      </c>
      <c r="BT301">
        <f ca="1">ROUND(SQRT((VLOOKUP($A301,városok!$A$2:$C$346,2,0)-VLOOKUP(BT$1,városok!$A$2:$C$346,2,0))^2+(VLOOKUP($A301,városok!$A$2:$C$346,3,0)-VLOOKUP(BT$1,városok!$A$2:$C$346,3,0))^2)/1000,0)</f>
        <v>159</v>
      </c>
    </row>
    <row r="302" spans="1:72" x14ac:dyDescent="0.2">
      <c r="A302" t="str">
        <f>városok!A302</f>
        <v>Gyönk</v>
      </c>
      <c r="B302">
        <f ca="1">ROUND(SQRT((VLOOKUP($A302,városok!$A$2:$C$346,2,0)-VLOOKUP(B$1,városok!$A$2:$C$346,2,0))^2+(VLOOKUP($A302,városok!$A$2:$C$346,3,0)-VLOOKUP(B$1,városok!$A$2:$C$346,3,0))^2)/1000,0)</f>
        <v>55</v>
      </c>
      <c r="C302">
        <f ca="1">ROUND(SQRT((VLOOKUP($A302,városok!$A$2:$C$346,2,0)-VLOOKUP(C$1,városok!$A$2:$C$346,2,0))^2+(VLOOKUP($A302,városok!$A$2:$C$346,3,0)-VLOOKUP(C$1,városok!$A$2:$C$346,3,0))^2)/1000,0)</f>
        <v>38</v>
      </c>
      <c r="D302">
        <f ca="1">ROUND(SQRT((VLOOKUP($A302,városok!$A$2:$C$346,2,0)-VLOOKUP(D$1,városok!$A$2:$C$346,2,0))^2+(VLOOKUP($A302,városok!$A$2:$C$346,3,0)-VLOOKUP(D$1,városok!$A$2:$C$346,3,0))^2)/1000,0)</f>
        <v>101</v>
      </c>
      <c r="E302">
        <f ca="1">ROUND(SQRT((VLOOKUP($A302,városok!$A$2:$C$346,2,0)-VLOOKUP(E$1,városok!$A$2:$C$346,2,0))^2+(VLOOKUP($A302,városok!$A$2:$C$346,3,0)-VLOOKUP(E$1,városok!$A$2:$C$346,3,0))^2)/1000,0)</f>
        <v>44</v>
      </c>
      <c r="F302">
        <f ca="1">ROUND(SQRT((VLOOKUP($A302,városok!$A$2:$C$346,2,0)-VLOOKUP(F$1,városok!$A$2:$C$346,2,0))^2+(VLOOKUP($A302,városok!$A$2:$C$346,3,0)-VLOOKUP(F$1,városok!$A$2:$C$346,3,0))^2)/1000,0)</f>
        <v>65</v>
      </c>
      <c r="G302">
        <f ca="1">ROUND(SQRT((VLOOKUP($A302,városok!$A$2:$C$346,2,0)-VLOOKUP(G$1,városok!$A$2:$C$346,2,0))^2+(VLOOKUP($A302,városok!$A$2:$C$346,3,0)-VLOOKUP(G$1,városok!$A$2:$C$346,3,0))^2)/1000,0)</f>
        <v>56</v>
      </c>
      <c r="H302">
        <f ca="1">ROUND(SQRT((VLOOKUP($A302,városok!$A$2:$C$346,2,0)-VLOOKUP(H$1,városok!$A$2:$C$346,2,0))^2+(VLOOKUP($A302,városok!$A$2:$C$346,3,0)-VLOOKUP(H$1,városok!$A$2:$C$346,3,0))^2)/1000,0)</f>
        <v>77</v>
      </c>
      <c r="I302">
        <f ca="1">ROUND(SQRT((VLOOKUP($A302,városok!$A$2:$C$346,2,0)-VLOOKUP(I$1,városok!$A$2:$C$346,2,0))^2+(VLOOKUP($A302,városok!$A$2:$C$346,3,0)-VLOOKUP(I$1,városok!$A$2:$C$346,3,0))^2)/1000,0)</f>
        <v>200</v>
      </c>
      <c r="J302">
        <f ca="1">ROUND(SQRT((VLOOKUP($A302,városok!$A$2:$C$346,2,0)-VLOOKUP(J$1,városok!$A$2:$C$346,2,0))^2+(VLOOKUP($A302,városok!$A$2:$C$346,3,0)-VLOOKUP(J$1,városok!$A$2:$C$346,3,0))^2)/1000,0)</f>
        <v>214</v>
      </c>
      <c r="K302">
        <f ca="1">ROUND(SQRT((VLOOKUP($A302,városok!$A$2:$C$346,2,0)-VLOOKUP(K$1,városok!$A$2:$C$346,2,0))^2+(VLOOKUP($A302,városok!$A$2:$C$346,3,0)-VLOOKUP(K$1,városok!$A$2:$C$346,3,0))^2)/1000,0)</f>
        <v>168</v>
      </c>
      <c r="L302">
        <f ca="1">ROUND(SQRT((VLOOKUP($A302,városok!$A$2:$C$346,2,0)-VLOOKUP(L$1,városok!$A$2:$C$346,2,0))^2+(VLOOKUP($A302,városok!$A$2:$C$346,3,0)-VLOOKUP(L$1,városok!$A$2:$C$346,3,0))^2)/1000,0)</f>
        <v>249</v>
      </c>
      <c r="M302">
        <f ca="1">ROUND(SQRT((VLOOKUP($A302,városok!$A$2:$C$346,2,0)-VLOOKUP(M$1,városok!$A$2:$C$346,2,0))^2+(VLOOKUP($A302,városok!$A$2:$C$346,3,0)-VLOOKUP(M$1,városok!$A$2:$C$346,3,0))^2)/1000,0)</f>
        <v>246</v>
      </c>
      <c r="N302">
        <f ca="1">ROUND(SQRT((VLOOKUP($A302,városok!$A$2:$C$346,2,0)-VLOOKUP(N$1,városok!$A$2:$C$346,2,0))^2+(VLOOKUP($A302,városok!$A$2:$C$346,3,0)-VLOOKUP(N$1,városok!$A$2:$C$346,3,0))^2)/1000,0)</f>
        <v>230</v>
      </c>
      <c r="O302">
        <f ca="1">ROUND(SQRT((VLOOKUP($A302,városok!$A$2:$C$346,2,0)-VLOOKUP(O$1,városok!$A$2:$C$346,2,0))^2+(VLOOKUP($A302,városok!$A$2:$C$346,3,0)-VLOOKUP(O$1,városok!$A$2:$C$346,3,0))^2)/1000,0)</f>
        <v>315</v>
      </c>
      <c r="P302">
        <f ca="1">ROUND(SQRT((VLOOKUP($A302,városok!$A$2:$C$346,2,0)-VLOOKUP(P$1,városok!$A$2:$C$346,2,0))^2+(VLOOKUP($A302,városok!$A$2:$C$346,3,0)-VLOOKUP(P$1,városok!$A$2:$C$346,3,0))^2)/1000,0)</f>
        <v>315</v>
      </c>
      <c r="Q302">
        <f ca="1">ROUND(SQRT((VLOOKUP($A302,városok!$A$2:$C$346,2,0)-VLOOKUP(Q$1,városok!$A$2:$C$346,2,0))^2+(VLOOKUP($A302,városok!$A$2:$C$346,3,0)-VLOOKUP(Q$1,városok!$A$2:$C$346,3,0))^2)/1000,0)</f>
        <v>142</v>
      </c>
      <c r="R302">
        <f ca="1">ROUND(SQRT((VLOOKUP($A302,városok!$A$2:$C$346,2,0)-VLOOKUP(R$1,városok!$A$2:$C$346,2,0))^2+(VLOOKUP($A302,városok!$A$2:$C$346,3,0)-VLOOKUP(R$1,városok!$A$2:$C$346,3,0))^2)/1000,0)</f>
        <v>158</v>
      </c>
      <c r="S302">
        <f ca="1">ROUND(SQRT((VLOOKUP($A302,városok!$A$2:$C$346,2,0)-VLOOKUP(S$1,városok!$A$2:$C$346,2,0))^2+(VLOOKUP($A302,városok!$A$2:$C$346,3,0)-VLOOKUP(S$1,városok!$A$2:$C$346,3,0))^2)/1000,0)</f>
        <v>134</v>
      </c>
      <c r="T302">
        <f ca="1">ROUND(SQRT((VLOOKUP($A302,városok!$A$2:$C$346,2,0)-VLOOKUP(T$1,városok!$A$2:$C$346,2,0))^2+(VLOOKUP($A302,városok!$A$2:$C$346,3,0)-VLOOKUP(T$1,városok!$A$2:$C$346,3,0))^2)/1000,0)</f>
        <v>104</v>
      </c>
      <c r="U302">
        <f ca="1">ROUND(SQRT((VLOOKUP($A302,városok!$A$2:$C$346,2,0)-VLOOKUP(U$1,városok!$A$2:$C$346,2,0))^2+(VLOOKUP($A302,városok!$A$2:$C$346,3,0)-VLOOKUP(U$1,városok!$A$2:$C$346,3,0))^2)/1000,0)</f>
        <v>57</v>
      </c>
      <c r="V302">
        <f ca="1">ROUND(SQRT((VLOOKUP($A302,városok!$A$2:$C$346,2,0)-VLOOKUP(V$1,városok!$A$2:$C$346,2,0))^2+(VLOOKUP($A302,városok!$A$2:$C$346,3,0)-VLOOKUP(V$1,városok!$A$2:$C$346,3,0))^2)/1000,0)</f>
        <v>58</v>
      </c>
      <c r="W302">
        <f ca="1">ROUND(SQRT((VLOOKUP($A302,városok!$A$2:$C$346,2,0)-VLOOKUP(W$1,városok!$A$2:$C$346,2,0))^2+(VLOOKUP($A302,városok!$A$2:$C$346,3,0)-VLOOKUP(W$1,városok!$A$2:$C$346,3,0))^2)/1000,0)</f>
        <v>38</v>
      </c>
      <c r="X302">
        <f ca="1">ROUND(SQRT((VLOOKUP($A302,városok!$A$2:$C$346,2,0)-VLOOKUP(X$1,városok!$A$2:$C$346,2,0))^2+(VLOOKUP($A302,városok!$A$2:$C$346,3,0)-VLOOKUP(X$1,városok!$A$2:$C$346,3,0))^2)/1000,0)</f>
        <v>83</v>
      </c>
      <c r="Y302">
        <f ca="1">ROUND(SQRT((VLOOKUP($A302,városok!$A$2:$C$346,2,0)-VLOOKUP(Y$1,városok!$A$2:$C$346,2,0))^2+(VLOOKUP($A302,városok!$A$2:$C$346,3,0)-VLOOKUP(Y$1,városok!$A$2:$C$346,3,0))^2)/1000,0)</f>
        <v>141</v>
      </c>
      <c r="Z302">
        <f ca="1">ROUND(SQRT((VLOOKUP($A302,városok!$A$2:$C$346,2,0)-VLOOKUP(Z$1,városok!$A$2:$C$346,2,0))^2+(VLOOKUP($A302,városok!$A$2:$C$346,3,0)-VLOOKUP(Z$1,városok!$A$2:$C$346,3,0))^2)/1000,0)</f>
        <v>155</v>
      </c>
      <c r="AA302">
        <f ca="1">ROUND(SQRT((VLOOKUP($A302,városok!$A$2:$C$346,2,0)-VLOOKUP(AA$1,városok!$A$2:$C$346,2,0))^2+(VLOOKUP($A302,városok!$A$2:$C$346,3,0)-VLOOKUP(AA$1,városok!$A$2:$C$346,3,0))^2)/1000,0)</f>
        <v>191</v>
      </c>
      <c r="AB302">
        <f ca="1">ROUND(SQRT((VLOOKUP($A302,városok!$A$2:$C$346,2,0)-VLOOKUP(AB$1,városok!$A$2:$C$346,2,0))^2+(VLOOKUP($A302,városok!$A$2:$C$346,3,0)-VLOOKUP(AB$1,városok!$A$2:$C$346,3,0))^2)/1000,0)</f>
        <v>263</v>
      </c>
      <c r="AC302">
        <f ca="1">ROUND(SQRT((VLOOKUP($A302,városok!$A$2:$C$346,2,0)-VLOOKUP(AC$1,városok!$A$2:$C$346,2,0))^2+(VLOOKUP($A302,városok!$A$2:$C$346,3,0)-VLOOKUP(AC$1,városok!$A$2:$C$346,3,0))^2)/1000,0)</f>
        <v>243</v>
      </c>
      <c r="AD302">
        <f ca="1">ROUND(SQRT((VLOOKUP($A302,városok!$A$2:$C$346,2,0)-VLOOKUP(AD$1,városok!$A$2:$C$346,2,0))^2+(VLOOKUP($A302,városok!$A$2:$C$346,3,0)-VLOOKUP(AD$1,városok!$A$2:$C$346,3,0))^2)/1000,0)</f>
        <v>226</v>
      </c>
      <c r="AE302">
        <f ca="1">ROUND(SQRT((VLOOKUP($A302,városok!$A$2:$C$346,2,0)-VLOOKUP(AE$1,városok!$A$2:$C$346,2,0))^2+(VLOOKUP($A302,városok!$A$2:$C$346,3,0)-VLOOKUP(AE$1,városok!$A$2:$C$346,3,0))^2)/1000,0)</f>
        <v>220</v>
      </c>
      <c r="AF302">
        <f ca="1">ROUND(SQRT((VLOOKUP($A302,városok!$A$2:$C$346,2,0)-VLOOKUP(AF$1,városok!$A$2:$C$346,2,0))^2+(VLOOKUP($A302,városok!$A$2:$C$346,3,0)-VLOOKUP(AF$1,városok!$A$2:$C$346,3,0))^2)/1000,0)</f>
        <v>207</v>
      </c>
      <c r="AG302">
        <f ca="1">ROUND(SQRT((VLOOKUP($A302,városok!$A$2:$C$346,2,0)-VLOOKUP(AG$1,városok!$A$2:$C$346,2,0))^2+(VLOOKUP($A302,városok!$A$2:$C$346,3,0)-VLOOKUP(AG$1,városok!$A$2:$C$346,3,0))^2)/1000,0)</f>
        <v>175</v>
      </c>
      <c r="AH302">
        <f ca="1">ROUND(SQRT((VLOOKUP($A302,városok!$A$2:$C$346,2,0)-VLOOKUP(AH$1,városok!$A$2:$C$346,2,0))^2+(VLOOKUP($A302,városok!$A$2:$C$346,3,0)-VLOOKUP(AH$1,városok!$A$2:$C$346,3,0))^2)/1000,0)</f>
        <v>153</v>
      </c>
      <c r="AI302">
        <f ca="1">ROUND(SQRT((VLOOKUP($A302,városok!$A$2:$C$346,2,0)-VLOOKUP(AI$1,városok!$A$2:$C$346,2,0))^2+(VLOOKUP($A302,városok!$A$2:$C$346,3,0)-VLOOKUP(AI$1,városok!$A$2:$C$346,3,0))^2)/1000,0)</f>
        <v>204</v>
      </c>
      <c r="AJ302">
        <f ca="1">ROUND(SQRT((VLOOKUP($A302,városok!$A$2:$C$346,2,0)-VLOOKUP(AJ$1,városok!$A$2:$C$346,2,0))^2+(VLOOKUP($A302,városok!$A$2:$C$346,3,0)-VLOOKUP(AJ$1,városok!$A$2:$C$346,3,0))^2)/1000,0)</f>
        <v>166</v>
      </c>
      <c r="AK302">
        <f ca="1">ROUND(SQRT((VLOOKUP($A302,városok!$A$2:$C$346,2,0)-VLOOKUP(AK$1,városok!$A$2:$C$346,2,0))^2+(VLOOKUP($A302,városok!$A$2:$C$346,3,0)-VLOOKUP(AK$1,városok!$A$2:$C$346,3,0))^2)/1000,0)</f>
        <v>207</v>
      </c>
      <c r="AL302">
        <f ca="1">ROUND(SQRT((VLOOKUP($A302,városok!$A$2:$C$346,2,0)-VLOOKUP(AL$1,városok!$A$2:$C$346,2,0))^2+(VLOOKUP($A302,városok!$A$2:$C$346,3,0)-VLOOKUP(AL$1,városok!$A$2:$C$346,3,0))^2)/1000,0)</f>
        <v>187</v>
      </c>
      <c r="AM302">
        <f ca="1">ROUND(SQRT((VLOOKUP($A302,városok!$A$2:$C$346,2,0)-VLOOKUP(AM$1,városok!$A$2:$C$346,2,0))^2+(VLOOKUP($A302,városok!$A$2:$C$346,3,0)-VLOOKUP(AM$1,városok!$A$2:$C$346,3,0))^2)/1000,0)</f>
        <v>147</v>
      </c>
      <c r="AN302">
        <f ca="1">ROUND(SQRT((VLOOKUP($A302,városok!$A$2:$C$346,2,0)-VLOOKUP(AN$1,városok!$A$2:$C$346,2,0))^2+(VLOOKUP($A302,városok!$A$2:$C$346,3,0)-VLOOKUP(AN$1,városok!$A$2:$C$346,3,0))^2)/1000,0)</f>
        <v>139</v>
      </c>
      <c r="AO302">
        <f ca="1">ROUND(SQRT((VLOOKUP($A302,városok!$A$2:$C$346,2,0)-VLOOKUP(AO$1,városok!$A$2:$C$346,2,0))^2+(VLOOKUP($A302,városok!$A$2:$C$346,3,0)-VLOOKUP(AO$1,városok!$A$2:$C$346,3,0))^2)/1000,0)</f>
        <v>135</v>
      </c>
      <c r="AP302">
        <f ca="1">ROUND(SQRT((VLOOKUP($A302,városok!$A$2:$C$346,2,0)-VLOOKUP(AP$1,városok!$A$2:$C$346,2,0))^2+(VLOOKUP($A302,városok!$A$2:$C$346,3,0)-VLOOKUP(AP$1,városok!$A$2:$C$346,3,0))^2)/1000,0)</f>
        <v>122</v>
      </c>
      <c r="AQ302">
        <f ca="1">ROUND(SQRT((VLOOKUP($A302,városok!$A$2:$C$346,2,0)-VLOOKUP(AQ$1,városok!$A$2:$C$346,2,0))^2+(VLOOKUP($A302,városok!$A$2:$C$346,3,0)-VLOOKUP(AQ$1,városok!$A$2:$C$346,3,0))^2)/1000,0)</f>
        <v>113</v>
      </c>
      <c r="AR302">
        <f ca="1">ROUND(SQRT((VLOOKUP($A302,városok!$A$2:$C$346,2,0)-VLOOKUP(AR$1,városok!$A$2:$C$346,2,0))^2+(VLOOKUP($A302,városok!$A$2:$C$346,3,0)-VLOOKUP(AR$1,városok!$A$2:$C$346,3,0))^2)/1000,0)</f>
        <v>178</v>
      </c>
      <c r="AS302">
        <f ca="1">ROUND(SQRT((VLOOKUP($A302,városok!$A$2:$C$346,2,0)-VLOOKUP(AS$1,városok!$A$2:$C$346,2,0))^2+(VLOOKUP($A302,városok!$A$2:$C$346,3,0)-VLOOKUP(AS$1,városok!$A$2:$C$346,3,0))^2)/1000,0)</f>
        <v>200</v>
      </c>
      <c r="AT302">
        <f ca="1">ROUND(SQRT((VLOOKUP($A302,városok!$A$2:$C$346,2,0)-VLOOKUP(AT$1,városok!$A$2:$C$346,2,0))^2+(VLOOKUP($A302,városok!$A$2:$C$346,3,0)-VLOOKUP(AT$1,városok!$A$2:$C$346,3,0))^2)/1000,0)</f>
        <v>105</v>
      </c>
      <c r="AU302">
        <f ca="1">ROUND(SQRT((VLOOKUP($A302,városok!$A$2:$C$346,2,0)-VLOOKUP(AU$1,városok!$A$2:$C$346,2,0))^2+(VLOOKUP($A302,városok!$A$2:$C$346,3,0)-VLOOKUP(AU$1,városok!$A$2:$C$346,3,0))^2)/1000,0)</f>
        <v>107</v>
      </c>
      <c r="AV302">
        <f ca="1">ROUND(SQRT((VLOOKUP($A302,városok!$A$2:$C$346,2,0)-VLOOKUP(AV$1,városok!$A$2:$C$346,2,0))^2+(VLOOKUP($A302,városok!$A$2:$C$346,3,0)-VLOOKUP(AV$1,városok!$A$2:$C$346,3,0))^2)/1000,0)</f>
        <v>101</v>
      </c>
      <c r="AW302">
        <f ca="1">ROUND(SQRT((VLOOKUP($A302,városok!$A$2:$C$346,2,0)-VLOOKUP(AW$1,városok!$A$2:$C$346,2,0))^2+(VLOOKUP($A302,városok!$A$2:$C$346,3,0)-VLOOKUP(AW$1,városok!$A$2:$C$346,3,0))^2)/1000,0)</f>
        <v>99</v>
      </c>
      <c r="AX302">
        <f ca="1">ROUND(SQRT((VLOOKUP($A302,városok!$A$2:$C$346,2,0)-VLOOKUP(AX$1,városok!$A$2:$C$346,2,0))^2+(VLOOKUP($A302,városok!$A$2:$C$346,3,0)-VLOOKUP(AX$1,városok!$A$2:$C$346,3,0))^2)/1000,0)</f>
        <v>113</v>
      </c>
      <c r="AY302">
        <f ca="1">ROUND(SQRT((VLOOKUP($A302,városok!$A$2:$C$346,2,0)-VLOOKUP(AY$1,városok!$A$2:$C$346,2,0))^2+(VLOOKUP($A302,városok!$A$2:$C$346,3,0)-VLOOKUP(AY$1,városok!$A$2:$C$346,3,0))^2)/1000,0)</f>
        <v>133</v>
      </c>
      <c r="AZ302">
        <f ca="1">ROUND(SQRT((VLOOKUP($A302,városok!$A$2:$C$346,2,0)-VLOOKUP(AZ$1,városok!$A$2:$C$346,2,0))^2+(VLOOKUP($A302,városok!$A$2:$C$346,3,0)-VLOOKUP(AZ$1,városok!$A$2:$C$346,3,0))^2)/1000,0)</f>
        <v>142</v>
      </c>
      <c r="BA302">
        <f ca="1">ROUND(SQRT((VLOOKUP($A302,városok!$A$2:$C$346,2,0)-VLOOKUP(BA$1,városok!$A$2:$C$346,2,0))^2+(VLOOKUP($A302,városok!$A$2:$C$346,3,0)-VLOOKUP(BA$1,városok!$A$2:$C$346,3,0))^2)/1000,0)</f>
        <v>64</v>
      </c>
      <c r="BB302">
        <f ca="1">ROUND(SQRT((VLOOKUP($A302,városok!$A$2:$C$346,2,0)-VLOOKUP(BB$1,városok!$A$2:$C$346,2,0))^2+(VLOOKUP($A302,városok!$A$2:$C$346,3,0)-VLOOKUP(BB$1,városok!$A$2:$C$346,3,0))^2)/1000,0)</f>
        <v>41</v>
      </c>
      <c r="BC302">
        <f ca="1">ROUND(SQRT((VLOOKUP($A302,városok!$A$2:$C$346,2,0)-VLOOKUP(BC$1,városok!$A$2:$C$346,2,0))^2+(VLOOKUP($A302,városok!$A$2:$C$346,3,0)-VLOOKUP(BC$1,városok!$A$2:$C$346,3,0))^2)/1000,0)</f>
        <v>57</v>
      </c>
      <c r="BD302">
        <f ca="1">ROUND(SQRT((VLOOKUP($A302,városok!$A$2:$C$346,2,0)-VLOOKUP(BD$1,városok!$A$2:$C$346,2,0))^2+(VLOOKUP($A302,városok!$A$2:$C$346,3,0)-VLOOKUP(BD$1,városok!$A$2:$C$346,3,0))^2)/1000,0)</f>
        <v>50</v>
      </c>
      <c r="BE302">
        <f ca="1">ROUND(SQRT((VLOOKUP($A302,városok!$A$2:$C$346,2,0)-VLOOKUP(BE$1,városok!$A$2:$C$346,2,0))^2+(VLOOKUP($A302,városok!$A$2:$C$346,3,0)-VLOOKUP(BE$1,városok!$A$2:$C$346,3,0))^2)/1000,0)</f>
        <v>348</v>
      </c>
      <c r="BF302">
        <f ca="1">ROUND(SQRT((VLOOKUP($A302,városok!$A$2:$C$346,2,0)-VLOOKUP(BF$1,városok!$A$2:$C$346,2,0))^2+(VLOOKUP($A302,városok!$A$2:$C$346,3,0)-VLOOKUP(BF$1,városok!$A$2:$C$346,3,0))^2)/1000,0)</f>
        <v>329</v>
      </c>
      <c r="BG302">
        <f ca="1">ROUND(SQRT((VLOOKUP($A302,városok!$A$2:$C$346,2,0)-VLOOKUP(BG$1,városok!$A$2:$C$346,2,0))^2+(VLOOKUP($A302,városok!$A$2:$C$346,3,0)-VLOOKUP(BG$1,városok!$A$2:$C$346,3,0))^2)/1000,0)</f>
        <v>285</v>
      </c>
      <c r="BH302">
        <f ca="1">ROUND(SQRT((VLOOKUP($A302,városok!$A$2:$C$346,2,0)-VLOOKUP(BH$1,városok!$A$2:$C$346,2,0))^2+(VLOOKUP($A302,városok!$A$2:$C$346,3,0)-VLOOKUP(BH$1,városok!$A$2:$C$346,3,0))^2)/1000,0)</f>
        <v>285</v>
      </c>
      <c r="BI302">
        <f ca="1">ROUND(SQRT((VLOOKUP($A302,városok!$A$2:$C$346,2,0)-VLOOKUP(BI$1,városok!$A$2:$C$346,2,0))^2+(VLOOKUP($A302,városok!$A$2:$C$346,3,0)-VLOOKUP(BI$1,városok!$A$2:$C$346,3,0))^2)/1000,0)</f>
        <v>21</v>
      </c>
      <c r="BJ302">
        <f ca="1">ROUND(SQRT((VLOOKUP($A302,városok!$A$2:$C$346,2,0)-VLOOKUP(BJ$1,városok!$A$2:$C$346,2,0))^2+(VLOOKUP($A302,városok!$A$2:$C$346,3,0)-VLOOKUP(BJ$1,városok!$A$2:$C$346,3,0))^2)/1000,0)</f>
        <v>30</v>
      </c>
      <c r="BK302">
        <f ca="1">ROUND(SQRT((VLOOKUP($A302,városok!$A$2:$C$346,2,0)-VLOOKUP(BK$1,városok!$A$2:$C$346,2,0))^2+(VLOOKUP($A302,városok!$A$2:$C$346,3,0)-VLOOKUP(BK$1,városok!$A$2:$C$346,3,0))^2)/1000,0)</f>
        <v>29</v>
      </c>
      <c r="BL302">
        <f ca="1">ROUND(SQRT((VLOOKUP($A302,városok!$A$2:$C$346,2,0)-VLOOKUP(BL$1,városok!$A$2:$C$346,2,0))^2+(VLOOKUP($A302,városok!$A$2:$C$346,3,0)-VLOOKUP(BL$1,városok!$A$2:$C$346,3,0))^2)/1000,0)</f>
        <v>152</v>
      </c>
      <c r="BM302">
        <f ca="1">ROUND(SQRT((VLOOKUP($A302,városok!$A$2:$C$346,2,0)-VLOOKUP(BM$1,városok!$A$2:$C$346,2,0))^2+(VLOOKUP($A302,városok!$A$2:$C$346,3,0)-VLOOKUP(BM$1,városok!$A$2:$C$346,3,0))^2)/1000,0)</f>
        <v>141</v>
      </c>
      <c r="BN302">
        <f ca="1">ROUND(SQRT((VLOOKUP($A302,városok!$A$2:$C$346,2,0)-VLOOKUP(BN$1,városok!$A$2:$C$346,2,0))^2+(VLOOKUP($A302,városok!$A$2:$C$346,3,0)-VLOOKUP(BN$1,városok!$A$2:$C$346,3,0))^2)/1000,0)</f>
        <v>160</v>
      </c>
      <c r="BO302">
        <f ca="1">ROUND(SQRT((VLOOKUP($A302,városok!$A$2:$C$346,2,0)-VLOOKUP(BO$1,városok!$A$2:$C$346,2,0))^2+(VLOOKUP($A302,városok!$A$2:$C$346,3,0)-VLOOKUP(BO$1,városok!$A$2:$C$346,3,0))^2)/1000,0)</f>
        <v>64</v>
      </c>
      <c r="BP302">
        <f ca="1">ROUND(SQRT((VLOOKUP($A302,városok!$A$2:$C$346,2,0)-VLOOKUP(BP$1,városok!$A$2:$C$346,2,0))^2+(VLOOKUP($A302,városok!$A$2:$C$346,3,0)-VLOOKUP(BP$1,városok!$A$2:$C$346,3,0))^2)/1000,0)</f>
        <v>60</v>
      </c>
      <c r="BQ302">
        <f ca="1">ROUND(SQRT((VLOOKUP($A302,városok!$A$2:$C$346,2,0)-VLOOKUP(BQ$1,városok!$A$2:$C$346,2,0))^2+(VLOOKUP($A302,városok!$A$2:$C$346,3,0)-VLOOKUP(BQ$1,városok!$A$2:$C$346,3,0))^2)/1000,0)</f>
        <v>74</v>
      </c>
      <c r="BR302">
        <f ca="1">ROUND(SQRT((VLOOKUP($A302,városok!$A$2:$C$346,2,0)-VLOOKUP(BR$1,városok!$A$2:$C$346,2,0))^2+(VLOOKUP($A302,városok!$A$2:$C$346,3,0)-VLOOKUP(BR$1,városok!$A$2:$C$346,3,0))^2)/1000,0)</f>
        <v>97</v>
      </c>
      <c r="BS302">
        <f ca="1">ROUND(SQRT((VLOOKUP($A302,városok!$A$2:$C$346,2,0)-VLOOKUP(BS$1,városok!$A$2:$C$346,2,0))^2+(VLOOKUP($A302,városok!$A$2:$C$346,3,0)-VLOOKUP(BS$1,városok!$A$2:$C$346,3,0))^2)/1000,0)</f>
        <v>115</v>
      </c>
      <c r="BT302">
        <f ca="1">ROUND(SQRT((VLOOKUP($A302,városok!$A$2:$C$346,2,0)-VLOOKUP(BT$1,városok!$A$2:$C$346,2,0))^2+(VLOOKUP($A302,városok!$A$2:$C$346,3,0)-VLOOKUP(BT$1,városok!$A$2:$C$346,3,0))^2)/1000,0)</f>
        <v>129</v>
      </c>
    </row>
    <row r="303" spans="1:72" x14ac:dyDescent="0.2">
      <c r="A303" t="str">
        <f>városok!A303</f>
        <v>Nagymányok</v>
      </c>
      <c r="B303">
        <f ca="1">ROUND(SQRT((VLOOKUP($A303,városok!$A$2:$C$346,2,0)-VLOOKUP(B$1,városok!$A$2:$C$346,2,0))^2+(VLOOKUP($A303,városok!$A$2:$C$346,3,0)-VLOOKUP(B$1,városok!$A$2:$C$346,3,0))^2)/1000,0)</f>
        <v>40</v>
      </c>
      <c r="C303">
        <f ca="1">ROUND(SQRT((VLOOKUP($A303,városok!$A$2:$C$346,2,0)-VLOOKUP(C$1,városok!$A$2:$C$346,2,0))^2+(VLOOKUP($A303,városok!$A$2:$C$346,3,0)-VLOOKUP(C$1,városok!$A$2:$C$346,3,0))^2)/1000,0)</f>
        <v>48</v>
      </c>
      <c r="D303">
        <f ca="1">ROUND(SQRT((VLOOKUP($A303,városok!$A$2:$C$346,2,0)-VLOOKUP(D$1,városok!$A$2:$C$346,2,0))^2+(VLOOKUP($A303,városok!$A$2:$C$346,3,0)-VLOOKUP(D$1,városok!$A$2:$C$346,3,0))^2)/1000,0)</f>
        <v>117</v>
      </c>
      <c r="E303">
        <f ca="1">ROUND(SQRT((VLOOKUP($A303,városok!$A$2:$C$346,2,0)-VLOOKUP(E$1,városok!$A$2:$C$346,2,0))^2+(VLOOKUP($A303,városok!$A$2:$C$346,3,0)-VLOOKUP(E$1,városok!$A$2:$C$346,3,0))^2)/1000,0)</f>
        <v>19</v>
      </c>
      <c r="F303">
        <f ca="1">ROUND(SQRT((VLOOKUP($A303,városok!$A$2:$C$346,2,0)-VLOOKUP(F$1,városok!$A$2:$C$346,2,0))^2+(VLOOKUP($A303,városok!$A$2:$C$346,3,0)-VLOOKUP(F$1,városok!$A$2:$C$346,3,0))^2)/1000,0)</f>
        <v>37</v>
      </c>
      <c r="G303">
        <f ca="1">ROUND(SQRT((VLOOKUP($A303,városok!$A$2:$C$346,2,0)-VLOOKUP(G$1,városok!$A$2:$C$346,2,0))^2+(VLOOKUP($A303,városok!$A$2:$C$346,3,0)-VLOOKUP(G$1,városok!$A$2:$C$346,3,0))^2)/1000,0)</f>
        <v>28</v>
      </c>
      <c r="H303">
        <f ca="1">ROUND(SQRT((VLOOKUP($A303,városok!$A$2:$C$346,2,0)-VLOOKUP(H$1,városok!$A$2:$C$346,2,0))^2+(VLOOKUP($A303,városok!$A$2:$C$346,3,0)-VLOOKUP(H$1,városok!$A$2:$C$346,3,0))^2)/1000,0)</f>
        <v>57</v>
      </c>
      <c r="I303">
        <f ca="1">ROUND(SQRT((VLOOKUP($A303,városok!$A$2:$C$346,2,0)-VLOOKUP(I$1,városok!$A$2:$C$346,2,0))^2+(VLOOKUP($A303,városok!$A$2:$C$346,3,0)-VLOOKUP(I$1,városok!$A$2:$C$346,3,0))^2)/1000,0)</f>
        <v>206</v>
      </c>
      <c r="J303">
        <f ca="1">ROUND(SQRT((VLOOKUP($A303,városok!$A$2:$C$346,2,0)-VLOOKUP(J$1,városok!$A$2:$C$346,2,0))^2+(VLOOKUP($A303,városok!$A$2:$C$346,3,0)-VLOOKUP(J$1,városok!$A$2:$C$346,3,0))^2)/1000,0)</f>
        <v>220</v>
      </c>
      <c r="K303">
        <f ca="1">ROUND(SQRT((VLOOKUP($A303,városok!$A$2:$C$346,2,0)-VLOOKUP(K$1,városok!$A$2:$C$346,2,0))^2+(VLOOKUP($A303,városok!$A$2:$C$346,3,0)-VLOOKUP(K$1,városok!$A$2:$C$346,3,0))^2)/1000,0)</f>
        <v>173</v>
      </c>
      <c r="L303">
        <f ca="1">ROUND(SQRT((VLOOKUP($A303,városok!$A$2:$C$346,2,0)-VLOOKUP(L$1,városok!$A$2:$C$346,2,0))^2+(VLOOKUP($A303,városok!$A$2:$C$346,3,0)-VLOOKUP(L$1,városok!$A$2:$C$346,3,0))^2)/1000,0)</f>
        <v>274</v>
      </c>
      <c r="M303">
        <f ca="1">ROUND(SQRT((VLOOKUP($A303,városok!$A$2:$C$346,2,0)-VLOOKUP(M$1,városok!$A$2:$C$346,2,0))^2+(VLOOKUP($A303,városok!$A$2:$C$346,3,0)-VLOOKUP(M$1,városok!$A$2:$C$346,3,0))^2)/1000,0)</f>
        <v>269</v>
      </c>
      <c r="N303">
        <f ca="1">ROUND(SQRT((VLOOKUP($A303,városok!$A$2:$C$346,2,0)-VLOOKUP(N$1,városok!$A$2:$C$346,2,0))^2+(VLOOKUP($A303,városok!$A$2:$C$346,3,0)-VLOOKUP(N$1,városok!$A$2:$C$346,3,0))^2)/1000,0)</f>
        <v>256</v>
      </c>
      <c r="O303">
        <f ca="1">ROUND(SQRT((VLOOKUP($A303,városok!$A$2:$C$346,2,0)-VLOOKUP(O$1,városok!$A$2:$C$346,2,0))^2+(VLOOKUP($A303,városok!$A$2:$C$346,3,0)-VLOOKUP(O$1,városok!$A$2:$C$346,3,0))^2)/1000,0)</f>
        <v>337</v>
      </c>
      <c r="P303">
        <f ca="1">ROUND(SQRT((VLOOKUP($A303,városok!$A$2:$C$346,2,0)-VLOOKUP(P$1,városok!$A$2:$C$346,2,0))^2+(VLOOKUP($A303,városok!$A$2:$C$346,3,0)-VLOOKUP(P$1,városok!$A$2:$C$346,3,0))^2)/1000,0)</f>
        <v>337</v>
      </c>
      <c r="Q303">
        <f ca="1">ROUND(SQRT((VLOOKUP($A303,városok!$A$2:$C$346,2,0)-VLOOKUP(Q$1,városok!$A$2:$C$346,2,0))^2+(VLOOKUP($A303,városok!$A$2:$C$346,3,0)-VLOOKUP(Q$1,városok!$A$2:$C$346,3,0))^2)/1000,0)</f>
        <v>144</v>
      </c>
      <c r="R303">
        <f ca="1">ROUND(SQRT((VLOOKUP($A303,városok!$A$2:$C$346,2,0)-VLOOKUP(R$1,városok!$A$2:$C$346,2,0))^2+(VLOOKUP($A303,városok!$A$2:$C$346,3,0)-VLOOKUP(R$1,városok!$A$2:$C$346,3,0))^2)/1000,0)</f>
        <v>156</v>
      </c>
      <c r="S303">
        <f ca="1">ROUND(SQRT((VLOOKUP($A303,városok!$A$2:$C$346,2,0)-VLOOKUP(S$1,városok!$A$2:$C$346,2,0))^2+(VLOOKUP($A303,városok!$A$2:$C$346,3,0)-VLOOKUP(S$1,városok!$A$2:$C$346,3,0))^2)/1000,0)</f>
        <v>131</v>
      </c>
      <c r="T303">
        <f ca="1">ROUND(SQRT((VLOOKUP($A303,városok!$A$2:$C$346,2,0)-VLOOKUP(T$1,városok!$A$2:$C$346,2,0))^2+(VLOOKUP($A303,városok!$A$2:$C$346,3,0)-VLOOKUP(T$1,városok!$A$2:$C$346,3,0))^2)/1000,0)</f>
        <v>135</v>
      </c>
      <c r="U303">
        <f ca="1">ROUND(SQRT((VLOOKUP($A303,városok!$A$2:$C$346,2,0)-VLOOKUP(U$1,városok!$A$2:$C$346,2,0))^2+(VLOOKUP($A303,városok!$A$2:$C$346,3,0)-VLOOKUP(U$1,városok!$A$2:$C$346,3,0))^2)/1000,0)</f>
        <v>84</v>
      </c>
      <c r="V303">
        <f ca="1">ROUND(SQRT((VLOOKUP($A303,városok!$A$2:$C$346,2,0)-VLOOKUP(V$1,városok!$A$2:$C$346,2,0))^2+(VLOOKUP($A303,városok!$A$2:$C$346,3,0)-VLOOKUP(V$1,városok!$A$2:$C$346,3,0))^2)/1000,0)</f>
        <v>87</v>
      </c>
      <c r="W303">
        <f ca="1">ROUND(SQRT((VLOOKUP($A303,városok!$A$2:$C$346,2,0)-VLOOKUP(W$1,városok!$A$2:$C$346,2,0))^2+(VLOOKUP($A303,városok!$A$2:$C$346,3,0)-VLOOKUP(W$1,városok!$A$2:$C$346,3,0))^2)/1000,0)</f>
        <v>68</v>
      </c>
      <c r="X303">
        <f ca="1">ROUND(SQRT((VLOOKUP($A303,városok!$A$2:$C$346,2,0)-VLOOKUP(X$1,városok!$A$2:$C$346,2,0))^2+(VLOOKUP($A303,városok!$A$2:$C$346,3,0)-VLOOKUP(X$1,városok!$A$2:$C$346,3,0))^2)/1000,0)</f>
        <v>112</v>
      </c>
      <c r="Y303">
        <f ca="1">ROUND(SQRT((VLOOKUP($A303,városok!$A$2:$C$346,2,0)-VLOOKUP(Y$1,városok!$A$2:$C$346,2,0))^2+(VLOOKUP($A303,városok!$A$2:$C$346,3,0)-VLOOKUP(Y$1,városok!$A$2:$C$346,3,0))^2)/1000,0)</f>
        <v>168</v>
      </c>
      <c r="Z303">
        <f ca="1">ROUND(SQRT((VLOOKUP($A303,városok!$A$2:$C$346,2,0)-VLOOKUP(Z$1,városok!$A$2:$C$346,2,0))^2+(VLOOKUP($A303,városok!$A$2:$C$346,3,0)-VLOOKUP(Z$1,városok!$A$2:$C$346,3,0))^2)/1000,0)</f>
        <v>181</v>
      </c>
      <c r="AA303">
        <f ca="1">ROUND(SQRT((VLOOKUP($A303,városok!$A$2:$C$346,2,0)-VLOOKUP(AA$1,városok!$A$2:$C$346,2,0))^2+(VLOOKUP($A303,városok!$A$2:$C$346,3,0)-VLOOKUP(AA$1,városok!$A$2:$C$346,3,0))^2)/1000,0)</f>
        <v>211</v>
      </c>
      <c r="AB303">
        <f ca="1">ROUND(SQRT((VLOOKUP($A303,városok!$A$2:$C$346,2,0)-VLOOKUP(AB$1,városok!$A$2:$C$346,2,0))^2+(VLOOKUP($A303,városok!$A$2:$C$346,3,0)-VLOOKUP(AB$1,városok!$A$2:$C$346,3,0))^2)/1000,0)</f>
        <v>279</v>
      </c>
      <c r="AC303">
        <f ca="1">ROUND(SQRT((VLOOKUP($A303,városok!$A$2:$C$346,2,0)-VLOOKUP(AC$1,városok!$A$2:$C$346,2,0))^2+(VLOOKUP($A303,városok!$A$2:$C$346,3,0)-VLOOKUP(AC$1,városok!$A$2:$C$346,3,0))^2)/1000,0)</f>
        <v>258</v>
      </c>
      <c r="AD303">
        <f ca="1">ROUND(SQRT((VLOOKUP($A303,városok!$A$2:$C$346,2,0)-VLOOKUP(AD$1,városok!$A$2:$C$346,2,0))^2+(VLOOKUP($A303,városok!$A$2:$C$346,3,0)-VLOOKUP(AD$1,városok!$A$2:$C$346,3,0))^2)/1000,0)</f>
        <v>242</v>
      </c>
      <c r="AE303">
        <f ca="1">ROUND(SQRT((VLOOKUP($A303,városok!$A$2:$C$346,2,0)-VLOOKUP(AE$1,városok!$A$2:$C$346,2,0))^2+(VLOOKUP($A303,városok!$A$2:$C$346,3,0)-VLOOKUP(AE$1,városok!$A$2:$C$346,3,0))^2)/1000,0)</f>
        <v>235</v>
      </c>
      <c r="AF303">
        <f ca="1">ROUND(SQRT((VLOOKUP($A303,városok!$A$2:$C$346,2,0)-VLOOKUP(AF$1,városok!$A$2:$C$346,2,0))^2+(VLOOKUP($A303,városok!$A$2:$C$346,3,0)-VLOOKUP(AF$1,városok!$A$2:$C$346,3,0))^2)/1000,0)</f>
        <v>231</v>
      </c>
      <c r="AG303">
        <f ca="1">ROUND(SQRT((VLOOKUP($A303,városok!$A$2:$C$346,2,0)-VLOOKUP(AG$1,városok!$A$2:$C$346,2,0))^2+(VLOOKUP($A303,városok!$A$2:$C$346,3,0)-VLOOKUP(AG$1,városok!$A$2:$C$346,3,0))^2)/1000,0)</f>
        <v>200</v>
      </c>
      <c r="AH303">
        <f ca="1">ROUND(SQRT((VLOOKUP($A303,városok!$A$2:$C$346,2,0)-VLOOKUP(AH$1,városok!$A$2:$C$346,2,0))^2+(VLOOKUP($A303,városok!$A$2:$C$346,3,0)-VLOOKUP(AH$1,városok!$A$2:$C$346,3,0))^2)/1000,0)</f>
        <v>179</v>
      </c>
      <c r="AI303">
        <f ca="1">ROUND(SQRT((VLOOKUP($A303,városok!$A$2:$C$346,2,0)-VLOOKUP(AI$1,városok!$A$2:$C$346,2,0))^2+(VLOOKUP($A303,városok!$A$2:$C$346,3,0)-VLOOKUP(AI$1,városok!$A$2:$C$346,3,0))^2)/1000,0)</f>
        <v>230</v>
      </c>
      <c r="AJ303">
        <f ca="1">ROUND(SQRT((VLOOKUP($A303,városok!$A$2:$C$346,2,0)-VLOOKUP(AJ$1,városok!$A$2:$C$346,2,0))^2+(VLOOKUP($A303,városok!$A$2:$C$346,3,0)-VLOOKUP(AJ$1,városok!$A$2:$C$346,3,0))^2)/1000,0)</f>
        <v>190</v>
      </c>
      <c r="AK303">
        <f ca="1">ROUND(SQRT((VLOOKUP($A303,városok!$A$2:$C$346,2,0)-VLOOKUP(AK$1,városok!$A$2:$C$346,2,0))^2+(VLOOKUP($A303,városok!$A$2:$C$346,3,0)-VLOOKUP(AK$1,városok!$A$2:$C$346,3,0))^2)/1000,0)</f>
        <v>222</v>
      </c>
      <c r="AL303">
        <f ca="1">ROUND(SQRT((VLOOKUP($A303,városok!$A$2:$C$346,2,0)-VLOOKUP(AL$1,városok!$A$2:$C$346,2,0))^2+(VLOOKUP($A303,városok!$A$2:$C$346,3,0)-VLOOKUP(AL$1,városok!$A$2:$C$346,3,0))^2)/1000,0)</f>
        <v>205</v>
      </c>
      <c r="AM303">
        <f ca="1">ROUND(SQRT((VLOOKUP($A303,városok!$A$2:$C$346,2,0)-VLOOKUP(AM$1,városok!$A$2:$C$346,2,0))^2+(VLOOKUP($A303,városok!$A$2:$C$346,3,0)-VLOOKUP(AM$1,városok!$A$2:$C$346,3,0))^2)/1000,0)</f>
        <v>165</v>
      </c>
      <c r="AN303">
        <f ca="1">ROUND(SQRT((VLOOKUP($A303,városok!$A$2:$C$346,2,0)-VLOOKUP(AN$1,városok!$A$2:$C$346,2,0))^2+(VLOOKUP($A303,városok!$A$2:$C$346,3,0)-VLOOKUP(AN$1,városok!$A$2:$C$346,3,0))^2)/1000,0)</f>
        <v>169</v>
      </c>
      <c r="AO303">
        <f ca="1">ROUND(SQRT((VLOOKUP($A303,városok!$A$2:$C$346,2,0)-VLOOKUP(AO$1,városok!$A$2:$C$346,2,0))^2+(VLOOKUP($A303,városok!$A$2:$C$346,3,0)-VLOOKUP(AO$1,városok!$A$2:$C$346,3,0))^2)/1000,0)</f>
        <v>164</v>
      </c>
      <c r="AP303">
        <f ca="1">ROUND(SQRT((VLOOKUP($A303,városok!$A$2:$C$346,2,0)-VLOOKUP(AP$1,városok!$A$2:$C$346,2,0))^2+(VLOOKUP($A303,városok!$A$2:$C$346,3,0)-VLOOKUP(AP$1,városok!$A$2:$C$346,3,0))^2)/1000,0)</f>
        <v>152</v>
      </c>
      <c r="AQ303">
        <f ca="1">ROUND(SQRT((VLOOKUP($A303,városok!$A$2:$C$346,2,0)-VLOOKUP(AQ$1,városok!$A$2:$C$346,2,0))^2+(VLOOKUP($A303,városok!$A$2:$C$346,3,0)-VLOOKUP(AQ$1,városok!$A$2:$C$346,3,0))^2)/1000,0)</f>
        <v>143</v>
      </c>
      <c r="AR303">
        <f ca="1">ROUND(SQRT((VLOOKUP($A303,városok!$A$2:$C$346,2,0)-VLOOKUP(AR$1,városok!$A$2:$C$346,2,0))^2+(VLOOKUP($A303,városok!$A$2:$C$346,3,0)-VLOOKUP(AR$1,városok!$A$2:$C$346,3,0))^2)/1000,0)</f>
        <v>205</v>
      </c>
      <c r="AS303">
        <f ca="1">ROUND(SQRT((VLOOKUP($A303,városok!$A$2:$C$346,2,0)-VLOOKUP(AS$1,városok!$A$2:$C$346,2,0))^2+(VLOOKUP($A303,városok!$A$2:$C$346,3,0)-VLOOKUP(AS$1,városok!$A$2:$C$346,3,0))^2)/1000,0)</f>
        <v>228</v>
      </c>
      <c r="AT303">
        <f ca="1">ROUND(SQRT((VLOOKUP($A303,városok!$A$2:$C$346,2,0)-VLOOKUP(AT$1,városok!$A$2:$C$346,2,0))^2+(VLOOKUP($A303,városok!$A$2:$C$346,3,0)-VLOOKUP(AT$1,városok!$A$2:$C$346,3,0))^2)/1000,0)</f>
        <v>135</v>
      </c>
      <c r="AU303">
        <f ca="1">ROUND(SQRT((VLOOKUP($A303,városok!$A$2:$C$346,2,0)-VLOOKUP(AU$1,városok!$A$2:$C$346,2,0))^2+(VLOOKUP($A303,városok!$A$2:$C$346,3,0)-VLOOKUP(AU$1,városok!$A$2:$C$346,3,0))^2)/1000,0)</f>
        <v>136</v>
      </c>
      <c r="AV303">
        <f ca="1">ROUND(SQRT((VLOOKUP($A303,városok!$A$2:$C$346,2,0)-VLOOKUP(AV$1,városok!$A$2:$C$346,2,0))^2+(VLOOKUP($A303,városok!$A$2:$C$346,3,0)-VLOOKUP(AV$1,városok!$A$2:$C$346,3,0))^2)/1000,0)</f>
        <v>131</v>
      </c>
      <c r="AW303">
        <f ca="1">ROUND(SQRT((VLOOKUP($A303,városok!$A$2:$C$346,2,0)-VLOOKUP(AW$1,városok!$A$2:$C$346,2,0))^2+(VLOOKUP($A303,városok!$A$2:$C$346,3,0)-VLOOKUP(AW$1,városok!$A$2:$C$346,3,0))^2)/1000,0)</f>
        <v>128</v>
      </c>
      <c r="AX303">
        <f ca="1">ROUND(SQRT((VLOOKUP($A303,városok!$A$2:$C$346,2,0)-VLOOKUP(AX$1,városok!$A$2:$C$346,2,0))^2+(VLOOKUP($A303,városok!$A$2:$C$346,3,0)-VLOOKUP(AX$1,városok!$A$2:$C$346,3,0))^2)/1000,0)</f>
        <v>131</v>
      </c>
      <c r="AY303">
        <f ca="1">ROUND(SQRT((VLOOKUP($A303,városok!$A$2:$C$346,2,0)-VLOOKUP(AY$1,városok!$A$2:$C$346,2,0))^2+(VLOOKUP($A303,városok!$A$2:$C$346,3,0)-VLOOKUP(AY$1,városok!$A$2:$C$346,3,0))^2)/1000,0)</f>
        <v>162</v>
      </c>
      <c r="AZ303">
        <f ca="1">ROUND(SQRT((VLOOKUP($A303,városok!$A$2:$C$346,2,0)-VLOOKUP(AZ$1,városok!$A$2:$C$346,2,0))^2+(VLOOKUP($A303,városok!$A$2:$C$346,3,0)-VLOOKUP(AZ$1,városok!$A$2:$C$346,3,0))^2)/1000,0)</f>
        <v>171</v>
      </c>
      <c r="BA303">
        <f ca="1">ROUND(SQRT((VLOOKUP($A303,városok!$A$2:$C$346,2,0)-VLOOKUP(BA$1,városok!$A$2:$C$346,2,0))^2+(VLOOKUP($A303,városok!$A$2:$C$346,3,0)-VLOOKUP(BA$1,városok!$A$2:$C$346,3,0))^2)/1000,0)</f>
        <v>80</v>
      </c>
      <c r="BB303">
        <f ca="1">ROUND(SQRT((VLOOKUP($A303,városok!$A$2:$C$346,2,0)-VLOOKUP(BB$1,városok!$A$2:$C$346,2,0))^2+(VLOOKUP($A303,városok!$A$2:$C$346,3,0)-VLOOKUP(BB$1,városok!$A$2:$C$346,3,0))^2)/1000,0)</f>
        <v>49</v>
      </c>
      <c r="BC303">
        <f ca="1">ROUND(SQRT((VLOOKUP($A303,városok!$A$2:$C$346,2,0)-VLOOKUP(BC$1,városok!$A$2:$C$346,2,0))^2+(VLOOKUP($A303,városok!$A$2:$C$346,3,0)-VLOOKUP(BC$1,városok!$A$2:$C$346,3,0))^2)/1000,0)</f>
        <v>52</v>
      </c>
      <c r="BD303">
        <f ca="1">ROUND(SQRT((VLOOKUP($A303,városok!$A$2:$C$346,2,0)-VLOOKUP(BD$1,városok!$A$2:$C$346,2,0))^2+(VLOOKUP($A303,városok!$A$2:$C$346,3,0)-VLOOKUP(BD$1,városok!$A$2:$C$346,3,0))^2)/1000,0)</f>
        <v>76</v>
      </c>
      <c r="BE303">
        <f ca="1">ROUND(SQRT((VLOOKUP($A303,városok!$A$2:$C$346,2,0)-VLOOKUP(BE$1,városok!$A$2:$C$346,2,0))^2+(VLOOKUP($A303,városok!$A$2:$C$346,3,0)-VLOOKUP(BE$1,városok!$A$2:$C$346,3,0))^2)/1000,0)</f>
        <v>363</v>
      </c>
      <c r="BF303">
        <f ca="1">ROUND(SQRT((VLOOKUP($A303,városok!$A$2:$C$346,2,0)-VLOOKUP(BF$1,városok!$A$2:$C$346,2,0))^2+(VLOOKUP($A303,városok!$A$2:$C$346,3,0)-VLOOKUP(BF$1,városok!$A$2:$C$346,3,0))^2)/1000,0)</f>
        <v>348</v>
      </c>
      <c r="BG303">
        <f ca="1">ROUND(SQRT((VLOOKUP($A303,városok!$A$2:$C$346,2,0)-VLOOKUP(BG$1,városok!$A$2:$C$346,2,0))^2+(VLOOKUP($A303,városok!$A$2:$C$346,3,0)-VLOOKUP(BG$1,városok!$A$2:$C$346,3,0))^2)/1000,0)</f>
        <v>306</v>
      </c>
      <c r="BH303">
        <f ca="1">ROUND(SQRT((VLOOKUP($A303,városok!$A$2:$C$346,2,0)-VLOOKUP(BH$1,városok!$A$2:$C$346,2,0))^2+(VLOOKUP($A303,városok!$A$2:$C$346,3,0)-VLOOKUP(BH$1,városok!$A$2:$C$346,3,0))^2)/1000,0)</f>
        <v>306</v>
      </c>
      <c r="BI303">
        <f ca="1">ROUND(SQRT((VLOOKUP($A303,városok!$A$2:$C$346,2,0)-VLOOKUP(BI$1,városok!$A$2:$C$346,2,0))^2+(VLOOKUP($A303,városok!$A$2:$C$346,3,0)-VLOOKUP(BI$1,városok!$A$2:$C$346,3,0))^2)/1000,0)</f>
        <v>18</v>
      </c>
      <c r="BJ303">
        <f ca="1">ROUND(SQRT((VLOOKUP($A303,városok!$A$2:$C$346,2,0)-VLOOKUP(BJ$1,városok!$A$2:$C$346,2,0))^2+(VLOOKUP($A303,városok!$A$2:$C$346,3,0)-VLOOKUP(BJ$1,városok!$A$2:$C$346,3,0))^2)/1000,0)</f>
        <v>0</v>
      </c>
      <c r="BK303">
        <f ca="1">ROUND(SQRT((VLOOKUP($A303,városok!$A$2:$C$346,2,0)-VLOOKUP(BK$1,városok!$A$2:$C$346,2,0))^2+(VLOOKUP($A303,városok!$A$2:$C$346,3,0)-VLOOKUP(BK$1,városok!$A$2:$C$346,3,0))^2)/1000,0)</f>
        <v>20</v>
      </c>
      <c r="BL303">
        <f ca="1">ROUND(SQRT((VLOOKUP($A303,városok!$A$2:$C$346,2,0)-VLOOKUP(BL$1,városok!$A$2:$C$346,2,0))^2+(VLOOKUP($A303,városok!$A$2:$C$346,3,0)-VLOOKUP(BL$1,városok!$A$2:$C$346,3,0))^2)/1000,0)</f>
        <v>164</v>
      </c>
      <c r="BM303">
        <f ca="1">ROUND(SQRT((VLOOKUP($A303,városok!$A$2:$C$346,2,0)-VLOOKUP(BM$1,városok!$A$2:$C$346,2,0))^2+(VLOOKUP($A303,városok!$A$2:$C$346,3,0)-VLOOKUP(BM$1,városok!$A$2:$C$346,3,0))^2)/1000,0)</f>
        <v>159</v>
      </c>
      <c r="BN303">
        <f ca="1">ROUND(SQRT((VLOOKUP($A303,városok!$A$2:$C$346,2,0)-VLOOKUP(BN$1,városok!$A$2:$C$346,2,0))^2+(VLOOKUP($A303,városok!$A$2:$C$346,3,0)-VLOOKUP(BN$1,városok!$A$2:$C$346,3,0))^2)/1000,0)</f>
        <v>176</v>
      </c>
      <c r="BO303">
        <f ca="1">ROUND(SQRT((VLOOKUP($A303,városok!$A$2:$C$346,2,0)-VLOOKUP(BO$1,városok!$A$2:$C$346,2,0))^2+(VLOOKUP($A303,városok!$A$2:$C$346,3,0)-VLOOKUP(BO$1,városok!$A$2:$C$346,3,0))^2)/1000,0)</f>
        <v>90</v>
      </c>
      <c r="BP303">
        <f ca="1">ROUND(SQRT((VLOOKUP($A303,városok!$A$2:$C$346,2,0)-VLOOKUP(BP$1,városok!$A$2:$C$346,2,0))^2+(VLOOKUP($A303,városok!$A$2:$C$346,3,0)-VLOOKUP(BP$1,városok!$A$2:$C$346,3,0))^2)/1000,0)</f>
        <v>88</v>
      </c>
      <c r="BQ303">
        <f ca="1">ROUND(SQRT((VLOOKUP($A303,városok!$A$2:$C$346,2,0)-VLOOKUP(BQ$1,városok!$A$2:$C$346,2,0))^2+(VLOOKUP($A303,városok!$A$2:$C$346,3,0)-VLOOKUP(BQ$1,városok!$A$2:$C$346,3,0))^2)/1000,0)</f>
        <v>99</v>
      </c>
      <c r="BR303">
        <f ca="1">ROUND(SQRT((VLOOKUP($A303,városok!$A$2:$C$346,2,0)-VLOOKUP(BR$1,városok!$A$2:$C$346,2,0))^2+(VLOOKUP($A303,városok!$A$2:$C$346,3,0)-VLOOKUP(BR$1,városok!$A$2:$C$346,3,0))^2)/1000,0)</f>
        <v>107</v>
      </c>
      <c r="BS303">
        <f ca="1">ROUND(SQRT((VLOOKUP($A303,városok!$A$2:$C$346,2,0)-VLOOKUP(BS$1,városok!$A$2:$C$346,2,0))^2+(VLOOKUP($A303,városok!$A$2:$C$346,3,0)-VLOOKUP(BS$1,városok!$A$2:$C$346,3,0))^2)/1000,0)</f>
        <v>114</v>
      </c>
      <c r="BT303">
        <f ca="1">ROUND(SQRT((VLOOKUP($A303,városok!$A$2:$C$346,2,0)-VLOOKUP(BT$1,városok!$A$2:$C$346,2,0))^2+(VLOOKUP($A303,városok!$A$2:$C$346,3,0)-VLOOKUP(BT$1,városok!$A$2:$C$346,3,0))^2)/1000,0)</f>
        <v>138</v>
      </c>
    </row>
    <row r="304" spans="1:72" x14ac:dyDescent="0.2">
      <c r="A304" t="str">
        <f>városok!A304</f>
        <v>Paks</v>
      </c>
      <c r="B304">
        <f ca="1">ROUND(SQRT((VLOOKUP($A304,városok!$A$2:$C$346,2,0)-VLOOKUP(B$1,városok!$A$2:$C$346,2,0))^2+(VLOOKUP($A304,városok!$A$2:$C$346,3,0)-VLOOKUP(B$1,városok!$A$2:$C$346,3,0))^2)/1000,0)</f>
        <v>50</v>
      </c>
      <c r="C304">
        <f ca="1">ROUND(SQRT((VLOOKUP($A304,városok!$A$2:$C$346,2,0)-VLOOKUP(C$1,városok!$A$2:$C$346,2,0))^2+(VLOOKUP($A304,városok!$A$2:$C$346,3,0)-VLOOKUP(C$1,városok!$A$2:$C$346,3,0))^2)/1000,0)</f>
        <v>15</v>
      </c>
      <c r="D304">
        <f ca="1">ROUND(SQRT((VLOOKUP($A304,városok!$A$2:$C$346,2,0)-VLOOKUP(D$1,városok!$A$2:$C$346,2,0))^2+(VLOOKUP($A304,városok!$A$2:$C$346,3,0)-VLOOKUP(D$1,városok!$A$2:$C$346,3,0))^2)/1000,0)</f>
        <v>71</v>
      </c>
      <c r="E304">
        <f ca="1">ROUND(SQRT((VLOOKUP($A304,városok!$A$2:$C$346,2,0)-VLOOKUP(E$1,városok!$A$2:$C$346,2,0))^2+(VLOOKUP($A304,városok!$A$2:$C$346,3,0)-VLOOKUP(E$1,városok!$A$2:$C$346,3,0))^2)/1000,0)</f>
        <v>67</v>
      </c>
      <c r="F304">
        <f ca="1">ROUND(SQRT((VLOOKUP($A304,városok!$A$2:$C$346,2,0)-VLOOKUP(F$1,városok!$A$2:$C$346,2,0))^2+(VLOOKUP($A304,városok!$A$2:$C$346,3,0)-VLOOKUP(F$1,városok!$A$2:$C$346,3,0))^2)/1000,0)</f>
        <v>72</v>
      </c>
      <c r="G304">
        <f ca="1">ROUND(SQRT((VLOOKUP($A304,városok!$A$2:$C$346,2,0)-VLOOKUP(G$1,városok!$A$2:$C$346,2,0))^2+(VLOOKUP($A304,városok!$A$2:$C$346,3,0)-VLOOKUP(G$1,városok!$A$2:$C$346,3,0))^2)/1000,0)</f>
        <v>77</v>
      </c>
      <c r="H304">
        <f ca="1">ROUND(SQRT((VLOOKUP($A304,városok!$A$2:$C$346,2,0)-VLOOKUP(H$1,városok!$A$2:$C$346,2,0))^2+(VLOOKUP($A304,városok!$A$2:$C$346,3,0)-VLOOKUP(H$1,városok!$A$2:$C$346,3,0))^2)/1000,0)</f>
        <v>104</v>
      </c>
      <c r="I304">
        <f ca="1">ROUND(SQRT((VLOOKUP($A304,városok!$A$2:$C$346,2,0)-VLOOKUP(I$1,városok!$A$2:$C$346,2,0))^2+(VLOOKUP($A304,városok!$A$2:$C$346,3,0)-VLOOKUP(I$1,városok!$A$2:$C$346,3,0))^2)/1000,0)</f>
        <v>170</v>
      </c>
      <c r="J304">
        <f ca="1">ROUND(SQRT((VLOOKUP($A304,városok!$A$2:$C$346,2,0)-VLOOKUP(J$1,városok!$A$2:$C$346,2,0))^2+(VLOOKUP($A304,városok!$A$2:$C$346,3,0)-VLOOKUP(J$1,városok!$A$2:$C$346,3,0))^2)/1000,0)</f>
        <v>185</v>
      </c>
      <c r="K304">
        <f ca="1">ROUND(SQRT((VLOOKUP($A304,városok!$A$2:$C$346,2,0)-VLOOKUP(K$1,városok!$A$2:$C$346,2,0))^2+(VLOOKUP($A304,városok!$A$2:$C$346,3,0)-VLOOKUP(K$1,városok!$A$2:$C$346,3,0))^2)/1000,0)</f>
        <v>139</v>
      </c>
      <c r="L304">
        <f ca="1">ROUND(SQRT((VLOOKUP($A304,városok!$A$2:$C$346,2,0)-VLOOKUP(L$1,városok!$A$2:$C$346,2,0))^2+(VLOOKUP($A304,városok!$A$2:$C$346,3,0)-VLOOKUP(L$1,városok!$A$2:$C$346,3,0))^2)/1000,0)</f>
        <v>225</v>
      </c>
      <c r="M304">
        <f ca="1">ROUND(SQRT((VLOOKUP($A304,városok!$A$2:$C$346,2,0)-VLOOKUP(M$1,városok!$A$2:$C$346,2,0))^2+(VLOOKUP($A304,városok!$A$2:$C$346,3,0)-VLOOKUP(M$1,városok!$A$2:$C$346,3,0))^2)/1000,0)</f>
        <v>220</v>
      </c>
      <c r="N304">
        <f ca="1">ROUND(SQRT((VLOOKUP($A304,városok!$A$2:$C$346,2,0)-VLOOKUP(N$1,városok!$A$2:$C$346,2,0))^2+(VLOOKUP($A304,városok!$A$2:$C$346,3,0)-VLOOKUP(N$1,városok!$A$2:$C$346,3,0))^2)/1000,0)</f>
        <v>208</v>
      </c>
      <c r="O304">
        <f ca="1">ROUND(SQRT((VLOOKUP($A304,városok!$A$2:$C$346,2,0)-VLOOKUP(O$1,városok!$A$2:$C$346,2,0))^2+(VLOOKUP($A304,városok!$A$2:$C$346,3,0)-VLOOKUP(O$1,városok!$A$2:$C$346,3,0))^2)/1000,0)</f>
        <v>288</v>
      </c>
      <c r="P304">
        <f ca="1">ROUND(SQRT((VLOOKUP($A304,városok!$A$2:$C$346,2,0)-VLOOKUP(P$1,városok!$A$2:$C$346,2,0))^2+(VLOOKUP($A304,városok!$A$2:$C$346,3,0)-VLOOKUP(P$1,városok!$A$2:$C$346,3,0))^2)/1000,0)</f>
        <v>288</v>
      </c>
      <c r="Q304">
        <f ca="1">ROUND(SQRT((VLOOKUP($A304,városok!$A$2:$C$346,2,0)-VLOOKUP(Q$1,városok!$A$2:$C$346,2,0))^2+(VLOOKUP($A304,városok!$A$2:$C$346,3,0)-VLOOKUP(Q$1,városok!$A$2:$C$346,3,0))^2)/1000,0)</f>
        <v>115</v>
      </c>
      <c r="R304">
        <f ca="1">ROUND(SQRT((VLOOKUP($A304,városok!$A$2:$C$346,2,0)-VLOOKUP(R$1,városok!$A$2:$C$346,2,0))^2+(VLOOKUP($A304,városok!$A$2:$C$346,3,0)-VLOOKUP(R$1,városok!$A$2:$C$346,3,0))^2)/1000,0)</f>
        <v>133</v>
      </c>
      <c r="S304">
        <f ca="1">ROUND(SQRT((VLOOKUP($A304,városok!$A$2:$C$346,2,0)-VLOOKUP(S$1,városok!$A$2:$C$346,2,0))^2+(VLOOKUP($A304,városok!$A$2:$C$346,3,0)-VLOOKUP(S$1,városok!$A$2:$C$346,3,0))^2)/1000,0)</f>
        <v>109</v>
      </c>
      <c r="T304">
        <f ca="1">ROUND(SQRT((VLOOKUP($A304,városok!$A$2:$C$346,2,0)-VLOOKUP(T$1,városok!$A$2:$C$346,2,0))^2+(VLOOKUP($A304,városok!$A$2:$C$346,3,0)-VLOOKUP(T$1,városok!$A$2:$C$346,3,0))^2)/1000,0)</f>
        <v>97</v>
      </c>
      <c r="U304">
        <f ca="1">ROUND(SQRT((VLOOKUP($A304,városok!$A$2:$C$346,2,0)-VLOOKUP(U$1,városok!$A$2:$C$346,2,0))^2+(VLOOKUP($A304,városok!$A$2:$C$346,3,0)-VLOOKUP(U$1,városok!$A$2:$C$346,3,0))^2)/1000,0)</f>
        <v>38</v>
      </c>
      <c r="V304">
        <f ca="1">ROUND(SQRT((VLOOKUP($A304,városok!$A$2:$C$346,2,0)-VLOOKUP(V$1,városok!$A$2:$C$346,2,0))^2+(VLOOKUP($A304,városok!$A$2:$C$346,3,0)-VLOOKUP(V$1,városok!$A$2:$C$346,3,0))^2)/1000,0)</f>
        <v>64</v>
      </c>
      <c r="W304">
        <f ca="1">ROUND(SQRT((VLOOKUP($A304,városok!$A$2:$C$346,2,0)-VLOOKUP(W$1,városok!$A$2:$C$346,2,0))^2+(VLOOKUP($A304,városok!$A$2:$C$346,3,0)-VLOOKUP(W$1,városok!$A$2:$C$346,3,0))^2)/1000,0)</f>
        <v>34</v>
      </c>
      <c r="X304">
        <f ca="1">ROUND(SQRT((VLOOKUP($A304,városok!$A$2:$C$346,2,0)-VLOOKUP(X$1,városok!$A$2:$C$346,2,0))^2+(VLOOKUP($A304,városok!$A$2:$C$346,3,0)-VLOOKUP(X$1,városok!$A$2:$C$346,3,0))^2)/1000,0)</f>
        <v>84</v>
      </c>
      <c r="Y304">
        <f ca="1">ROUND(SQRT((VLOOKUP($A304,városok!$A$2:$C$346,2,0)-VLOOKUP(Y$1,városok!$A$2:$C$346,2,0))^2+(VLOOKUP($A304,városok!$A$2:$C$346,3,0)-VLOOKUP(Y$1,városok!$A$2:$C$346,3,0))^2)/1000,0)</f>
        <v>150</v>
      </c>
      <c r="Z304">
        <f ca="1">ROUND(SQRT((VLOOKUP($A304,városok!$A$2:$C$346,2,0)-VLOOKUP(Z$1,városok!$A$2:$C$346,2,0))^2+(VLOOKUP($A304,városok!$A$2:$C$346,3,0)-VLOOKUP(Z$1,városok!$A$2:$C$346,3,0))^2)/1000,0)</f>
        <v>166</v>
      </c>
      <c r="AA304">
        <f ca="1">ROUND(SQRT((VLOOKUP($A304,városok!$A$2:$C$346,2,0)-VLOOKUP(AA$1,városok!$A$2:$C$346,2,0))^2+(VLOOKUP($A304,városok!$A$2:$C$346,3,0)-VLOOKUP(AA$1,városok!$A$2:$C$346,3,0))^2)/1000,0)</f>
        <v>209</v>
      </c>
      <c r="AB304">
        <f ca="1">ROUND(SQRT((VLOOKUP($A304,városok!$A$2:$C$346,2,0)-VLOOKUP(AB$1,városok!$A$2:$C$346,2,0))^2+(VLOOKUP($A304,városok!$A$2:$C$346,3,0)-VLOOKUP(AB$1,városok!$A$2:$C$346,3,0))^2)/1000,0)</f>
        <v>234</v>
      </c>
      <c r="AC304">
        <f ca="1">ROUND(SQRT((VLOOKUP($A304,városok!$A$2:$C$346,2,0)-VLOOKUP(AC$1,városok!$A$2:$C$346,2,0))^2+(VLOOKUP($A304,városok!$A$2:$C$346,3,0)-VLOOKUP(AC$1,városok!$A$2:$C$346,3,0))^2)/1000,0)</f>
        <v>213</v>
      </c>
      <c r="AD304">
        <f ca="1">ROUND(SQRT((VLOOKUP($A304,városok!$A$2:$C$346,2,0)-VLOOKUP(AD$1,városok!$A$2:$C$346,2,0))^2+(VLOOKUP($A304,városok!$A$2:$C$346,3,0)-VLOOKUP(AD$1,városok!$A$2:$C$346,3,0))^2)/1000,0)</f>
        <v>196</v>
      </c>
      <c r="AE304">
        <f ca="1">ROUND(SQRT((VLOOKUP($A304,városok!$A$2:$C$346,2,0)-VLOOKUP(AE$1,városok!$A$2:$C$346,2,0))^2+(VLOOKUP($A304,városok!$A$2:$C$346,3,0)-VLOOKUP(AE$1,városok!$A$2:$C$346,3,0))^2)/1000,0)</f>
        <v>191</v>
      </c>
      <c r="AF304">
        <f ca="1">ROUND(SQRT((VLOOKUP($A304,városok!$A$2:$C$346,2,0)-VLOOKUP(AF$1,városok!$A$2:$C$346,2,0))^2+(VLOOKUP($A304,városok!$A$2:$C$346,3,0)-VLOOKUP(AF$1,városok!$A$2:$C$346,3,0))^2)/1000,0)</f>
        <v>183</v>
      </c>
      <c r="AG304">
        <f ca="1">ROUND(SQRT((VLOOKUP($A304,városok!$A$2:$C$346,2,0)-VLOOKUP(AG$1,városok!$A$2:$C$346,2,0))^2+(VLOOKUP($A304,városok!$A$2:$C$346,3,0)-VLOOKUP(AG$1,városok!$A$2:$C$346,3,0))^2)/1000,0)</f>
        <v>152</v>
      </c>
      <c r="AH304">
        <f ca="1">ROUND(SQRT((VLOOKUP($A304,városok!$A$2:$C$346,2,0)-VLOOKUP(AH$1,városok!$A$2:$C$346,2,0))^2+(VLOOKUP($A304,városok!$A$2:$C$346,3,0)-VLOOKUP(AH$1,városok!$A$2:$C$346,3,0))^2)/1000,0)</f>
        <v>131</v>
      </c>
      <c r="AI304">
        <f ca="1">ROUND(SQRT((VLOOKUP($A304,városok!$A$2:$C$346,2,0)-VLOOKUP(AI$1,városok!$A$2:$C$346,2,0))^2+(VLOOKUP($A304,városok!$A$2:$C$346,3,0)-VLOOKUP(AI$1,városok!$A$2:$C$346,3,0))^2)/1000,0)</f>
        <v>181</v>
      </c>
      <c r="AJ304">
        <f ca="1">ROUND(SQRT((VLOOKUP($A304,városok!$A$2:$C$346,2,0)-VLOOKUP(AJ$1,városok!$A$2:$C$346,2,0))^2+(VLOOKUP($A304,városok!$A$2:$C$346,3,0)-VLOOKUP(AJ$1,városok!$A$2:$C$346,3,0))^2)/1000,0)</f>
        <v>141</v>
      </c>
      <c r="AK304">
        <f ca="1">ROUND(SQRT((VLOOKUP($A304,városok!$A$2:$C$346,2,0)-VLOOKUP(AK$1,városok!$A$2:$C$346,2,0))^2+(VLOOKUP($A304,városok!$A$2:$C$346,3,0)-VLOOKUP(AK$1,városok!$A$2:$C$346,3,0))^2)/1000,0)</f>
        <v>177</v>
      </c>
      <c r="AL304">
        <f ca="1">ROUND(SQRT((VLOOKUP($A304,városok!$A$2:$C$346,2,0)-VLOOKUP(AL$1,városok!$A$2:$C$346,2,0))^2+(VLOOKUP($A304,városok!$A$2:$C$346,3,0)-VLOOKUP(AL$1,városok!$A$2:$C$346,3,0))^2)/1000,0)</f>
        <v>158</v>
      </c>
      <c r="AM304">
        <f ca="1">ROUND(SQRT((VLOOKUP($A304,városok!$A$2:$C$346,2,0)-VLOOKUP(AM$1,városok!$A$2:$C$346,2,0))^2+(VLOOKUP($A304,városok!$A$2:$C$346,3,0)-VLOOKUP(AM$1,városok!$A$2:$C$346,3,0))^2)/1000,0)</f>
        <v>118</v>
      </c>
      <c r="AN304">
        <f ca="1">ROUND(SQRT((VLOOKUP($A304,városok!$A$2:$C$346,2,0)-VLOOKUP(AN$1,városok!$A$2:$C$346,2,0))^2+(VLOOKUP($A304,városok!$A$2:$C$346,3,0)-VLOOKUP(AN$1,városok!$A$2:$C$346,3,0))^2)/1000,0)</f>
        <v>130</v>
      </c>
      <c r="AO304">
        <f ca="1">ROUND(SQRT((VLOOKUP($A304,városok!$A$2:$C$346,2,0)-VLOOKUP(AO$1,városok!$A$2:$C$346,2,0))^2+(VLOOKUP($A304,városok!$A$2:$C$346,3,0)-VLOOKUP(AO$1,városok!$A$2:$C$346,3,0))^2)/1000,0)</f>
        <v>136</v>
      </c>
      <c r="AP304">
        <f ca="1">ROUND(SQRT((VLOOKUP($A304,városok!$A$2:$C$346,2,0)-VLOOKUP(AP$1,városok!$A$2:$C$346,2,0))^2+(VLOOKUP($A304,városok!$A$2:$C$346,3,0)-VLOOKUP(AP$1,városok!$A$2:$C$346,3,0))^2)/1000,0)</f>
        <v>120</v>
      </c>
      <c r="AQ304">
        <f ca="1">ROUND(SQRT((VLOOKUP($A304,városok!$A$2:$C$346,2,0)-VLOOKUP(AQ$1,városok!$A$2:$C$346,2,0))^2+(VLOOKUP($A304,városok!$A$2:$C$346,3,0)-VLOOKUP(AQ$1,városok!$A$2:$C$346,3,0))^2)/1000,0)</f>
        <v>110</v>
      </c>
      <c r="AR304">
        <f ca="1">ROUND(SQRT((VLOOKUP($A304,városok!$A$2:$C$346,2,0)-VLOOKUP(AR$1,városok!$A$2:$C$346,2,0))^2+(VLOOKUP($A304,városok!$A$2:$C$346,3,0)-VLOOKUP(AR$1,városok!$A$2:$C$346,3,0))^2)/1000,0)</f>
        <v>157</v>
      </c>
      <c r="AS304">
        <f ca="1">ROUND(SQRT((VLOOKUP($A304,városok!$A$2:$C$346,2,0)-VLOOKUP(AS$1,városok!$A$2:$C$346,2,0))^2+(VLOOKUP($A304,városok!$A$2:$C$346,3,0)-VLOOKUP(AS$1,városok!$A$2:$C$346,3,0))^2)/1000,0)</f>
        <v>180</v>
      </c>
      <c r="AT304">
        <f ca="1">ROUND(SQRT((VLOOKUP($A304,városok!$A$2:$C$346,2,0)-VLOOKUP(AT$1,városok!$A$2:$C$346,2,0))^2+(VLOOKUP($A304,városok!$A$2:$C$346,3,0)-VLOOKUP(AT$1,városok!$A$2:$C$346,3,0))^2)/1000,0)</f>
        <v>94</v>
      </c>
      <c r="AU304">
        <f ca="1">ROUND(SQRT((VLOOKUP($A304,városok!$A$2:$C$346,2,0)-VLOOKUP(AU$1,városok!$A$2:$C$346,2,0))^2+(VLOOKUP($A304,városok!$A$2:$C$346,3,0)-VLOOKUP(AU$1,városok!$A$2:$C$346,3,0))^2)/1000,0)</f>
        <v>93</v>
      </c>
      <c r="AV304">
        <f ca="1">ROUND(SQRT((VLOOKUP($A304,városok!$A$2:$C$346,2,0)-VLOOKUP(AV$1,városok!$A$2:$C$346,2,0))^2+(VLOOKUP($A304,városok!$A$2:$C$346,3,0)-VLOOKUP(AV$1,városok!$A$2:$C$346,3,0))^2)/1000,0)</f>
        <v>87</v>
      </c>
      <c r="AW304">
        <f ca="1">ROUND(SQRT((VLOOKUP($A304,városok!$A$2:$C$346,2,0)-VLOOKUP(AW$1,városok!$A$2:$C$346,2,0))^2+(VLOOKUP($A304,városok!$A$2:$C$346,3,0)-VLOOKUP(AW$1,városok!$A$2:$C$346,3,0))^2)/1000,0)</f>
        <v>86</v>
      </c>
      <c r="AX304">
        <f ca="1">ROUND(SQRT((VLOOKUP($A304,városok!$A$2:$C$346,2,0)-VLOOKUP(AX$1,városok!$A$2:$C$346,2,0))^2+(VLOOKUP($A304,városok!$A$2:$C$346,3,0)-VLOOKUP(AX$1,városok!$A$2:$C$346,3,0))^2)/1000,0)</f>
        <v>84</v>
      </c>
      <c r="AY304">
        <f ca="1">ROUND(SQRT((VLOOKUP($A304,városok!$A$2:$C$346,2,0)-VLOOKUP(AY$1,városok!$A$2:$C$346,2,0))^2+(VLOOKUP($A304,városok!$A$2:$C$346,3,0)-VLOOKUP(AY$1,városok!$A$2:$C$346,3,0))^2)/1000,0)</f>
        <v>119</v>
      </c>
      <c r="AZ304">
        <f ca="1">ROUND(SQRT((VLOOKUP($A304,városok!$A$2:$C$346,2,0)-VLOOKUP(AZ$1,városok!$A$2:$C$346,2,0))^2+(VLOOKUP($A304,városok!$A$2:$C$346,3,0)-VLOOKUP(AZ$1,városok!$A$2:$C$346,3,0))^2)/1000,0)</f>
        <v>129</v>
      </c>
      <c r="BA304">
        <f ca="1">ROUND(SQRT((VLOOKUP($A304,városok!$A$2:$C$346,2,0)-VLOOKUP(BA$1,városok!$A$2:$C$346,2,0))^2+(VLOOKUP($A304,városok!$A$2:$C$346,3,0)-VLOOKUP(BA$1,városok!$A$2:$C$346,3,0))^2)/1000,0)</f>
        <v>90</v>
      </c>
      <c r="BB304">
        <f ca="1">ROUND(SQRT((VLOOKUP($A304,városok!$A$2:$C$346,2,0)-VLOOKUP(BB$1,városok!$A$2:$C$346,2,0))^2+(VLOOKUP($A304,városok!$A$2:$C$346,3,0)-VLOOKUP(BB$1,városok!$A$2:$C$346,3,0))^2)/1000,0)</f>
        <v>71</v>
      </c>
      <c r="BC304">
        <f ca="1">ROUND(SQRT((VLOOKUP($A304,városok!$A$2:$C$346,2,0)-VLOOKUP(BC$1,városok!$A$2:$C$346,2,0))^2+(VLOOKUP($A304,városok!$A$2:$C$346,3,0)-VLOOKUP(BC$1,városok!$A$2:$C$346,3,0))^2)/1000,0)</f>
        <v>87</v>
      </c>
      <c r="BD304">
        <f ca="1">ROUND(SQRT((VLOOKUP($A304,városok!$A$2:$C$346,2,0)-VLOOKUP(BD$1,városok!$A$2:$C$346,2,0))^2+(VLOOKUP($A304,városok!$A$2:$C$346,3,0)-VLOOKUP(BD$1,városok!$A$2:$C$346,3,0))^2)/1000,0)</f>
        <v>68</v>
      </c>
      <c r="BE304">
        <f ca="1">ROUND(SQRT((VLOOKUP($A304,városok!$A$2:$C$346,2,0)-VLOOKUP(BE$1,városok!$A$2:$C$346,2,0))^2+(VLOOKUP($A304,városok!$A$2:$C$346,3,0)-VLOOKUP(BE$1,városok!$A$2:$C$346,3,0))^2)/1000,0)</f>
        <v>319</v>
      </c>
      <c r="BF304">
        <f ca="1">ROUND(SQRT((VLOOKUP($A304,városok!$A$2:$C$346,2,0)-VLOOKUP(BF$1,városok!$A$2:$C$346,2,0))^2+(VLOOKUP($A304,városok!$A$2:$C$346,3,0)-VLOOKUP(BF$1,városok!$A$2:$C$346,3,0))^2)/1000,0)</f>
        <v>301</v>
      </c>
      <c r="BG304">
        <f ca="1">ROUND(SQRT((VLOOKUP($A304,városok!$A$2:$C$346,2,0)-VLOOKUP(BG$1,városok!$A$2:$C$346,2,0))^2+(VLOOKUP($A304,városok!$A$2:$C$346,3,0)-VLOOKUP(BG$1,városok!$A$2:$C$346,3,0))^2)/1000,0)</f>
        <v>258</v>
      </c>
      <c r="BH304">
        <f ca="1">ROUND(SQRT((VLOOKUP($A304,városok!$A$2:$C$346,2,0)-VLOOKUP(BH$1,városok!$A$2:$C$346,2,0))^2+(VLOOKUP($A304,városok!$A$2:$C$346,3,0)-VLOOKUP(BH$1,városok!$A$2:$C$346,3,0))^2)/1000,0)</f>
        <v>258</v>
      </c>
      <c r="BI304">
        <f ca="1">ROUND(SQRT((VLOOKUP($A304,városok!$A$2:$C$346,2,0)-VLOOKUP(BI$1,városok!$A$2:$C$346,2,0))^2+(VLOOKUP($A304,városok!$A$2:$C$346,3,0)-VLOOKUP(BI$1,városok!$A$2:$C$346,3,0))^2)/1000,0)</f>
        <v>31</v>
      </c>
      <c r="BJ304">
        <f ca="1">ROUND(SQRT((VLOOKUP($A304,városok!$A$2:$C$346,2,0)-VLOOKUP(BJ$1,városok!$A$2:$C$346,2,0))^2+(VLOOKUP($A304,városok!$A$2:$C$346,3,0)-VLOOKUP(BJ$1,városok!$A$2:$C$346,3,0))^2)/1000,0)</f>
        <v>49</v>
      </c>
      <c r="BK304">
        <f ca="1">ROUND(SQRT((VLOOKUP($A304,városok!$A$2:$C$346,2,0)-VLOOKUP(BK$1,városok!$A$2:$C$346,2,0))^2+(VLOOKUP($A304,városok!$A$2:$C$346,3,0)-VLOOKUP(BK$1,városok!$A$2:$C$346,3,0))^2)/1000,0)</f>
        <v>33</v>
      </c>
      <c r="BL304">
        <f ca="1">ROUND(SQRT((VLOOKUP($A304,városok!$A$2:$C$346,2,0)-VLOOKUP(BL$1,városok!$A$2:$C$346,2,0))^2+(VLOOKUP($A304,városok!$A$2:$C$346,3,0)-VLOOKUP(BL$1,városok!$A$2:$C$346,3,0))^2)/1000,0)</f>
        <v>177</v>
      </c>
      <c r="BM304">
        <f ca="1">ROUND(SQRT((VLOOKUP($A304,városok!$A$2:$C$346,2,0)-VLOOKUP(BM$1,városok!$A$2:$C$346,2,0))^2+(VLOOKUP($A304,városok!$A$2:$C$346,3,0)-VLOOKUP(BM$1,városok!$A$2:$C$346,3,0))^2)/1000,0)</f>
        <v>162</v>
      </c>
      <c r="BN304">
        <f ca="1">ROUND(SQRT((VLOOKUP($A304,városok!$A$2:$C$346,2,0)-VLOOKUP(BN$1,városok!$A$2:$C$346,2,0))^2+(VLOOKUP($A304,városok!$A$2:$C$346,3,0)-VLOOKUP(BN$1,városok!$A$2:$C$346,3,0))^2)/1000,0)</f>
        <v>183</v>
      </c>
      <c r="BO304">
        <f ca="1">ROUND(SQRT((VLOOKUP($A304,városok!$A$2:$C$346,2,0)-VLOOKUP(BO$1,városok!$A$2:$C$346,2,0))^2+(VLOOKUP($A304,városok!$A$2:$C$346,3,0)-VLOOKUP(BO$1,városok!$A$2:$C$346,3,0))^2)/1000,0)</f>
        <v>78</v>
      </c>
      <c r="BP304">
        <f ca="1">ROUND(SQRT((VLOOKUP($A304,városok!$A$2:$C$346,2,0)-VLOOKUP(BP$1,városok!$A$2:$C$346,2,0))^2+(VLOOKUP($A304,városok!$A$2:$C$346,3,0)-VLOOKUP(BP$1,városok!$A$2:$C$346,3,0))^2)/1000,0)</f>
        <v>73</v>
      </c>
      <c r="BQ304">
        <f ca="1">ROUND(SQRT((VLOOKUP($A304,városok!$A$2:$C$346,2,0)-VLOOKUP(BQ$1,városok!$A$2:$C$346,2,0))^2+(VLOOKUP($A304,városok!$A$2:$C$346,3,0)-VLOOKUP(BQ$1,városok!$A$2:$C$346,3,0))^2)/1000,0)</f>
        <v>89</v>
      </c>
      <c r="BR304">
        <f ca="1">ROUND(SQRT((VLOOKUP($A304,városok!$A$2:$C$346,2,0)-VLOOKUP(BR$1,városok!$A$2:$C$346,2,0))^2+(VLOOKUP($A304,városok!$A$2:$C$346,3,0)-VLOOKUP(BR$1,városok!$A$2:$C$346,3,0))^2)/1000,0)</f>
        <v>123</v>
      </c>
      <c r="BS304">
        <f ca="1">ROUND(SQRT((VLOOKUP($A304,városok!$A$2:$C$346,2,0)-VLOOKUP(BS$1,városok!$A$2:$C$346,2,0))^2+(VLOOKUP($A304,városok!$A$2:$C$346,3,0)-VLOOKUP(BS$1,városok!$A$2:$C$346,3,0))^2)/1000,0)</f>
        <v>144</v>
      </c>
      <c r="BT304">
        <f ca="1">ROUND(SQRT((VLOOKUP($A304,városok!$A$2:$C$346,2,0)-VLOOKUP(BT$1,városok!$A$2:$C$346,2,0))^2+(VLOOKUP($A304,városok!$A$2:$C$346,3,0)-VLOOKUP(BT$1,városok!$A$2:$C$346,3,0))^2)/1000,0)</f>
        <v>156</v>
      </c>
    </row>
    <row r="305" spans="1:72" x14ac:dyDescent="0.2">
      <c r="A305" t="str">
        <f>városok!A305</f>
        <v>Simontornya</v>
      </c>
      <c r="B305">
        <f ca="1">ROUND(SQRT((VLOOKUP($A305,városok!$A$2:$C$346,2,0)-VLOOKUP(B$1,városok!$A$2:$C$346,2,0))^2+(VLOOKUP($A305,városok!$A$2:$C$346,3,0)-VLOOKUP(B$1,városok!$A$2:$C$346,3,0))^2)/1000,0)</f>
        <v>71</v>
      </c>
      <c r="C305">
        <f ca="1">ROUND(SQRT((VLOOKUP($A305,városok!$A$2:$C$346,2,0)-VLOOKUP(C$1,városok!$A$2:$C$346,2,0))^2+(VLOOKUP($A305,városok!$A$2:$C$346,3,0)-VLOOKUP(C$1,városok!$A$2:$C$346,3,0))^2)/1000,0)</f>
        <v>42</v>
      </c>
      <c r="D305">
        <f ca="1">ROUND(SQRT((VLOOKUP($A305,városok!$A$2:$C$346,2,0)-VLOOKUP(D$1,városok!$A$2:$C$346,2,0))^2+(VLOOKUP($A305,városok!$A$2:$C$346,3,0)-VLOOKUP(D$1,városok!$A$2:$C$346,3,0))^2)/1000,0)</f>
        <v>89</v>
      </c>
      <c r="E305">
        <f ca="1">ROUND(SQRT((VLOOKUP($A305,városok!$A$2:$C$346,2,0)-VLOOKUP(E$1,városok!$A$2:$C$346,2,0))^2+(VLOOKUP($A305,városok!$A$2:$C$346,3,0)-VLOOKUP(E$1,városok!$A$2:$C$346,3,0))^2)/1000,0)</f>
        <v>67</v>
      </c>
      <c r="F305">
        <f ca="1">ROUND(SQRT((VLOOKUP($A305,városok!$A$2:$C$346,2,0)-VLOOKUP(F$1,városok!$A$2:$C$346,2,0))^2+(VLOOKUP($A305,városok!$A$2:$C$346,3,0)-VLOOKUP(F$1,városok!$A$2:$C$346,3,0))^2)/1000,0)</f>
        <v>86</v>
      </c>
      <c r="G305">
        <f ca="1">ROUND(SQRT((VLOOKUP($A305,városok!$A$2:$C$346,2,0)-VLOOKUP(G$1,városok!$A$2:$C$346,2,0))^2+(VLOOKUP($A305,városok!$A$2:$C$346,3,0)-VLOOKUP(G$1,városok!$A$2:$C$346,3,0))^2)/1000,0)</f>
        <v>79</v>
      </c>
      <c r="H305">
        <f ca="1">ROUND(SQRT((VLOOKUP($A305,városok!$A$2:$C$346,2,0)-VLOOKUP(H$1,városok!$A$2:$C$346,2,0))^2+(VLOOKUP($A305,városok!$A$2:$C$346,3,0)-VLOOKUP(H$1,városok!$A$2:$C$346,3,0))^2)/1000,0)</f>
        <v>98</v>
      </c>
      <c r="I305">
        <f ca="1">ROUND(SQRT((VLOOKUP($A305,városok!$A$2:$C$346,2,0)-VLOOKUP(I$1,városok!$A$2:$C$346,2,0))^2+(VLOOKUP($A305,városok!$A$2:$C$346,3,0)-VLOOKUP(I$1,városok!$A$2:$C$346,3,0))^2)/1000,0)</f>
        <v>194</v>
      </c>
      <c r="J305">
        <f ca="1">ROUND(SQRT((VLOOKUP($A305,városok!$A$2:$C$346,2,0)-VLOOKUP(J$1,városok!$A$2:$C$346,2,0))^2+(VLOOKUP($A305,városok!$A$2:$C$346,3,0)-VLOOKUP(J$1,városok!$A$2:$C$346,3,0))^2)/1000,0)</f>
        <v>209</v>
      </c>
      <c r="K305">
        <f ca="1">ROUND(SQRT((VLOOKUP($A305,városok!$A$2:$C$346,2,0)-VLOOKUP(K$1,városok!$A$2:$C$346,2,0))^2+(VLOOKUP($A305,városok!$A$2:$C$346,3,0)-VLOOKUP(K$1,városok!$A$2:$C$346,3,0))^2)/1000,0)</f>
        <v>164</v>
      </c>
      <c r="L305">
        <f ca="1">ROUND(SQRT((VLOOKUP($A305,városok!$A$2:$C$346,2,0)-VLOOKUP(L$1,városok!$A$2:$C$346,2,0))^2+(VLOOKUP($A305,városok!$A$2:$C$346,3,0)-VLOOKUP(L$1,városok!$A$2:$C$346,3,0))^2)/1000,0)</f>
        <v>229</v>
      </c>
      <c r="M305">
        <f ca="1">ROUND(SQRT((VLOOKUP($A305,városok!$A$2:$C$346,2,0)-VLOOKUP(M$1,városok!$A$2:$C$346,2,0))^2+(VLOOKUP($A305,városok!$A$2:$C$346,3,0)-VLOOKUP(M$1,városok!$A$2:$C$346,3,0))^2)/1000,0)</f>
        <v>226</v>
      </c>
      <c r="N305">
        <f ca="1">ROUND(SQRT((VLOOKUP($A305,városok!$A$2:$C$346,2,0)-VLOOKUP(N$1,városok!$A$2:$C$346,2,0))^2+(VLOOKUP($A305,városok!$A$2:$C$346,3,0)-VLOOKUP(N$1,városok!$A$2:$C$346,3,0))^2)/1000,0)</f>
        <v>209</v>
      </c>
      <c r="O305">
        <f ca="1">ROUND(SQRT((VLOOKUP($A305,városok!$A$2:$C$346,2,0)-VLOOKUP(O$1,városok!$A$2:$C$346,2,0))^2+(VLOOKUP($A305,városok!$A$2:$C$346,3,0)-VLOOKUP(O$1,városok!$A$2:$C$346,3,0))^2)/1000,0)</f>
        <v>296</v>
      </c>
      <c r="P305">
        <f ca="1">ROUND(SQRT((VLOOKUP($A305,városok!$A$2:$C$346,2,0)-VLOOKUP(P$1,városok!$A$2:$C$346,2,0))^2+(VLOOKUP($A305,városok!$A$2:$C$346,3,0)-VLOOKUP(P$1,városok!$A$2:$C$346,3,0))^2)/1000,0)</f>
        <v>296</v>
      </c>
      <c r="Q305">
        <f ca="1">ROUND(SQRT((VLOOKUP($A305,városok!$A$2:$C$346,2,0)-VLOOKUP(Q$1,városok!$A$2:$C$346,2,0))^2+(VLOOKUP($A305,városok!$A$2:$C$346,3,0)-VLOOKUP(Q$1,városok!$A$2:$C$346,3,0))^2)/1000,0)</f>
        <v>141</v>
      </c>
      <c r="R305">
        <f ca="1">ROUND(SQRT((VLOOKUP($A305,városok!$A$2:$C$346,2,0)-VLOOKUP(R$1,városok!$A$2:$C$346,2,0))^2+(VLOOKUP($A305,városok!$A$2:$C$346,3,0)-VLOOKUP(R$1,városok!$A$2:$C$346,3,0))^2)/1000,0)</f>
        <v>160</v>
      </c>
      <c r="S305">
        <f ca="1">ROUND(SQRT((VLOOKUP($A305,városok!$A$2:$C$346,2,0)-VLOOKUP(S$1,városok!$A$2:$C$346,2,0))^2+(VLOOKUP($A305,városok!$A$2:$C$346,3,0)-VLOOKUP(S$1,városok!$A$2:$C$346,3,0))^2)/1000,0)</f>
        <v>136</v>
      </c>
      <c r="T305">
        <f ca="1">ROUND(SQRT((VLOOKUP($A305,városok!$A$2:$C$346,2,0)-VLOOKUP(T$1,városok!$A$2:$C$346,2,0))^2+(VLOOKUP($A305,városok!$A$2:$C$346,3,0)-VLOOKUP(T$1,városok!$A$2:$C$346,3,0))^2)/1000,0)</f>
        <v>82</v>
      </c>
      <c r="U305">
        <f ca="1">ROUND(SQRT((VLOOKUP($A305,városok!$A$2:$C$346,2,0)-VLOOKUP(U$1,városok!$A$2:$C$346,2,0))^2+(VLOOKUP($A305,városok!$A$2:$C$346,3,0)-VLOOKUP(U$1,városok!$A$2:$C$346,3,0))^2)/1000,0)</f>
        <v>38</v>
      </c>
      <c r="V305">
        <f ca="1">ROUND(SQRT((VLOOKUP($A305,városok!$A$2:$C$346,2,0)-VLOOKUP(V$1,városok!$A$2:$C$346,2,0))^2+(VLOOKUP($A305,városok!$A$2:$C$346,3,0)-VLOOKUP(V$1,városok!$A$2:$C$346,3,0))^2)/1000,0)</f>
        <v>38</v>
      </c>
      <c r="W305">
        <f ca="1">ROUND(SQRT((VLOOKUP($A305,városok!$A$2:$C$346,2,0)-VLOOKUP(W$1,városok!$A$2:$C$346,2,0))^2+(VLOOKUP($A305,városok!$A$2:$C$346,3,0)-VLOOKUP(W$1,városok!$A$2:$C$346,3,0))^2)/1000,0)</f>
        <v>16</v>
      </c>
      <c r="X305">
        <f ca="1">ROUND(SQRT((VLOOKUP($A305,városok!$A$2:$C$346,2,0)-VLOOKUP(X$1,városok!$A$2:$C$346,2,0))^2+(VLOOKUP($A305,városok!$A$2:$C$346,3,0)-VLOOKUP(X$1,városok!$A$2:$C$346,3,0))^2)/1000,0)</f>
        <v>62</v>
      </c>
      <c r="Y305">
        <f ca="1">ROUND(SQRT((VLOOKUP($A305,városok!$A$2:$C$346,2,0)-VLOOKUP(Y$1,városok!$A$2:$C$346,2,0))^2+(VLOOKUP($A305,városok!$A$2:$C$346,3,0)-VLOOKUP(Y$1,városok!$A$2:$C$346,3,0))^2)/1000,0)</f>
        <v>124</v>
      </c>
      <c r="Z305">
        <f ca="1">ROUND(SQRT((VLOOKUP($A305,városok!$A$2:$C$346,2,0)-VLOOKUP(Z$1,városok!$A$2:$C$346,2,0))^2+(VLOOKUP($A305,városok!$A$2:$C$346,3,0)-VLOOKUP(Z$1,városok!$A$2:$C$346,3,0))^2)/1000,0)</f>
        <v>140</v>
      </c>
      <c r="AA305">
        <f ca="1">ROUND(SQRT((VLOOKUP($A305,városok!$A$2:$C$346,2,0)-VLOOKUP(AA$1,városok!$A$2:$C$346,2,0))^2+(VLOOKUP($A305,városok!$A$2:$C$346,3,0)-VLOOKUP(AA$1,városok!$A$2:$C$346,3,0))^2)/1000,0)</f>
        <v>181</v>
      </c>
      <c r="AB305">
        <f ca="1">ROUND(SQRT((VLOOKUP($A305,városok!$A$2:$C$346,2,0)-VLOOKUP(AB$1,városok!$A$2:$C$346,2,0))^2+(VLOOKUP($A305,városok!$A$2:$C$346,3,0)-VLOOKUP(AB$1,városok!$A$2:$C$346,3,0))^2)/1000,0)</f>
        <v>249</v>
      </c>
      <c r="AC305">
        <f ca="1">ROUND(SQRT((VLOOKUP($A305,városok!$A$2:$C$346,2,0)-VLOOKUP(AC$1,városok!$A$2:$C$346,2,0))^2+(VLOOKUP($A305,városok!$A$2:$C$346,3,0)-VLOOKUP(AC$1,városok!$A$2:$C$346,3,0))^2)/1000,0)</f>
        <v>229</v>
      </c>
      <c r="AD305">
        <f ca="1">ROUND(SQRT((VLOOKUP($A305,városok!$A$2:$C$346,2,0)-VLOOKUP(AD$1,városok!$A$2:$C$346,2,0))^2+(VLOOKUP($A305,városok!$A$2:$C$346,3,0)-VLOOKUP(AD$1,városok!$A$2:$C$346,3,0))^2)/1000,0)</f>
        <v>212</v>
      </c>
      <c r="AE305">
        <f ca="1">ROUND(SQRT((VLOOKUP($A305,városok!$A$2:$C$346,2,0)-VLOOKUP(AE$1,városok!$A$2:$C$346,2,0))^2+(VLOOKUP($A305,városok!$A$2:$C$346,3,0)-VLOOKUP(AE$1,városok!$A$2:$C$346,3,0))^2)/1000,0)</f>
        <v>208</v>
      </c>
      <c r="AF305">
        <f ca="1">ROUND(SQRT((VLOOKUP($A305,városok!$A$2:$C$346,2,0)-VLOOKUP(AF$1,városok!$A$2:$C$346,2,0))^2+(VLOOKUP($A305,városok!$A$2:$C$346,3,0)-VLOOKUP(AF$1,városok!$A$2:$C$346,3,0))^2)/1000,0)</f>
        <v>188</v>
      </c>
      <c r="AG305">
        <f ca="1">ROUND(SQRT((VLOOKUP($A305,városok!$A$2:$C$346,2,0)-VLOOKUP(AG$1,városok!$A$2:$C$346,2,0))^2+(VLOOKUP($A305,városok!$A$2:$C$346,3,0)-VLOOKUP(AG$1,városok!$A$2:$C$346,3,0))^2)/1000,0)</f>
        <v>155</v>
      </c>
      <c r="AH305">
        <f ca="1">ROUND(SQRT((VLOOKUP($A305,városok!$A$2:$C$346,2,0)-VLOOKUP(AH$1,városok!$A$2:$C$346,2,0))^2+(VLOOKUP($A305,városok!$A$2:$C$346,3,0)-VLOOKUP(AH$1,városok!$A$2:$C$346,3,0))^2)/1000,0)</f>
        <v>133</v>
      </c>
      <c r="AI305">
        <f ca="1">ROUND(SQRT((VLOOKUP($A305,városok!$A$2:$C$346,2,0)-VLOOKUP(AI$1,városok!$A$2:$C$346,2,0))^2+(VLOOKUP($A305,városok!$A$2:$C$346,3,0)-VLOOKUP(AI$1,városok!$A$2:$C$346,3,0))^2)/1000,0)</f>
        <v>183</v>
      </c>
      <c r="AJ305">
        <f ca="1">ROUND(SQRT((VLOOKUP($A305,városok!$A$2:$C$346,2,0)-VLOOKUP(AJ$1,városok!$A$2:$C$346,2,0))^2+(VLOOKUP($A305,városok!$A$2:$C$346,3,0)-VLOOKUP(AJ$1,városok!$A$2:$C$346,3,0))^2)/1000,0)</f>
        <v>147</v>
      </c>
      <c r="AK305">
        <f ca="1">ROUND(SQRT((VLOOKUP($A305,városok!$A$2:$C$346,2,0)-VLOOKUP(AK$1,városok!$A$2:$C$346,2,0))^2+(VLOOKUP($A305,városok!$A$2:$C$346,3,0)-VLOOKUP(AK$1,városok!$A$2:$C$346,3,0))^2)/1000,0)</f>
        <v>194</v>
      </c>
      <c r="AL305">
        <f ca="1">ROUND(SQRT((VLOOKUP($A305,városok!$A$2:$C$346,2,0)-VLOOKUP(AL$1,városok!$A$2:$C$346,2,0))^2+(VLOOKUP($A305,városok!$A$2:$C$346,3,0)-VLOOKUP(AL$1,városok!$A$2:$C$346,3,0))^2)/1000,0)</f>
        <v>172</v>
      </c>
      <c r="AM305">
        <f ca="1">ROUND(SQRT((VLOOKUP($A305,városok!$A$2:$C$346,2,0)-VLOOKUP(AM$1,városok!$A$2:$C$346,2,0))^2+(VLOOKUP($A305,városok!$A$2:$C$346,3,0)-VLOOKUP(AM$1,városok!$A$2:$C$346,3,0))^2)/1000,0)</f>
        <v>133</v>
      </c>
      <c r="AN305">
        <f ca="1">ROUND(SQRT((VLOOKUP($A305,városok!$A$2:$C$346,2,0)-VLOOKUP(AN$1,városok!$A$2:$C$346,2,0))^2+(VLOOKUP($A305,városok!$A$2:$C$346,3,0)-VLOOKUP(AN$1,városok!$A$2:$C$346,3,0))^2)/1000,0)</f>
        <v>116</v>
      </c>
      <c r="AO305">
        <f ca="1">ROUND(SQRT((VLOOKUP($A305,városok!$A$2:$C$346,2,0)-VLOOKUP(AO$1,városok!$A$2:$C$346,2,0))^2+(VLOOKUP($A305,városok!$A$2:$C$346,3,0)-VLOOKUP(AO$1,városok!$A$2:$C$346,3,0))^2)/1000,0)</f>
        <v>114</v>
      </c>
      <c r="AP305">
        <f ca="1">ROUND(SQRT((VLOOKUP($A305,városok!$A$2:$C$346,2,0)-VLOOKUP(AP$1,városok!$A$2:$C$346,2,0))^2+(VLOOKUP($A305,városok!$A$2:$C$346,3,0)-VLOOKUP(AP$1,városok!$A$2:$C$346,3,0))^2)/1000,0)</f>
        <v>100</v>
      </c>
      <c r="AQ305">
        <f ca="1">ROUND(SQRT((VLOOKUP($A305,városok!$A$2:$C$346,2,0)-VLOOKUP(AQ$1,városok!$A$2:$C$346,2,0))^2+(VLOOKUP($A305,városok!$A$2:$C$346,3,0)-VLOOKUP(AQ$1,városok!$A$2:$C$346,3,0))^2)/1000,0)</f>
        <v>91</v>
      </c>
      <c r="AR305">
        <f ca="1">ROUND(SQRT((VLOOKUP($A305,városok!$A$2:$C$346,2,0)-VLOOKUP(AR$1,városok!$A$2:$C$346,2,0))^2+(VLOOKUP($A305,városok!$A$2:$C$346,3,0)-VLOOKUP(AR$1,városok!$A$2:$C$346,3,0))^2)/1000,0)</f>
        <v>156</v>
      </c>
      <c r="AS305">
        <f ca="1">ROUND(SQRT((VLOOKUP($A305,városok!$A$2:$C$346,2,0)-VLOOKUP(AS$1,városok!$A$2:$C$346,2,0))^2+(VLOOKUP($A305,városok!$A$2:$C$346,3,0)-VLOOKUP(AS$1,városok!$A$2:$C$346,3,0))^2)/1000,0)</f>
        <v>178</v>
      </c>
      <c r="AT305">
        <f ca="1">ROUND(SQRT((VLOOKUP($A305,városok!$A$2:$C$346,2,0)-VLOOKUP(AT$1,városok!$A$2:$C$346,2,0))^2+(VLOOKUP($A305,városok!$A$2:$C$346,3,0)-VLOOKUP(AT$1,városok!$A$2:$C$346,3,0))^2)/1000,0)</f>
        <v>82</v>
      </c>
      <c r="AU305">
        <f ca="1">ROUND(SQRT((VLOOKUP($A305,városok!$A$2:$C$346,2,0)-VLOOKUP(AU$1,városok!$A$2:$C$346,2,0))^2+(VLOOKUP($A305,városok!$A$2:$C$346,3,0)-VLOOKUP(AU$1,városok!$A$2:$C$346,3,0))^2)/1000,0)</f>
        <v>84</v>
      </c>
      <c r="AV305">
        <f ca="1">ROUND(SQRT((VLOOKUP($A305,városok!$A$2:$C$346,2,0)-VLOOKUP(AV$1,városok!$A$2:$C$346,2,0))^2+(VLOOKUP($A305,városok!$A$2:$C$346,3,0)-VLOOKUP(AV$1,városok!$A$2:$C$346,3,0))^2)/1000,0)</f>
        <v>79</v>
      </c>
      <c r="AW305">
        <f ca="1">ROUND(SQRT((VLOOKUP($A305,városok!$A$2:$C$346,2,0)-VLOOKUP(AW$1,városok!$A$2:$C$346,2,0))^2+(VLOOKUP($A305,városok!$A$2:$C$346,3,0)-VLOOKUP(AW$1,városok!$A$2:$C$346,3,0))^2)/1000,0)</f>
        <v>76</v>
      </c>
      <c r="AX305">
        <f ca="1">ROUND(SQRT((VLOOKUP($A305,városok!$A$2:$C$346,2,0)-VLOOKUP(AX$1,városok!$A$2:$C$346,2,0))^2+(VLOOKUP($A305,városok!$A$2:$C$346,3,0)-VLOOKUP(AX$1,városok!$A$2:$C$346,3,0))^2)/1000,0)</f>
        <v>99</v>
      </c>
      <c r="AY305">
        <f ca="1">ROUND(SQRT((VLOOKUP($A305,városok!$A$2:$C$346,2,0)-VLOOKUP(AY$1,városok!$A$2:$C$346,2,0))^2+(VLOOKUP($A305,városok!$A$2:$C$346,3,0)-VLOOKUP(AY$1,városok!$A$2:$C$346,3,0))^2)/1000,0)</f>
        <v>110</v>
      </c>
      <c r="AZ305">
        <f ca="1">ROUND(SQRT((VLOOKUP($A305,városok!$A$2:$C$346,2,0)-VLOOKUP(AZ$1,városok!$A$2:$C$346,2,0))^2+(VLOOKUP($A305,városok!$A$2:$C$346,3,0)-VLOOKUP(AZ$1,városok!$A$2:$C$346,3,0))^2)/1000,0)</f>
        <v>119</v>
      </c>
      <c r="BA305">
        <f ca="1">ROUND(SQRT((VLOOKUP($A305,városok!$A$2:$C$346,2,0)-VLOOKUP(BA$1,városok!$A$2:$C$346,2,0))^2+(VLOOKUP($A305,városok!$A$2:$C$346,3,0)-VLOOKUP(BA$1,városok!$A$2:$C$346,3,0))^2)/1000,0)</f>
        <v>64</v>
      </c>
      <c r="BB305">
        <f ca="1">ROUND(SQRT((VLOOKUP($A305,városok!$A$2:$C$346,2,0)-VLOOKUP(BB$1,városok!$A$2:$C$346,2,0))^2+(VLOOKUP($A305,városok!$A$2:$C$346,3,0)-VLOOKUP(BB$1,városok!$A$2:$C$346,3,0))^2)/1000,0)</f>
        <v>52</v>
      </c>
      <c r="BC305">
        <f ca="1">ROUND(SQRT((VLOOKUP($A305,városok!$A$2:$C$346,2,0)-VLOOKUP(BC$1,városok!$A$2:$C$346,2,0))^2+(VLOOKUP($A305,városok!$A$2:$C$346,3,0)-VLOOKUP(BC$1,városok!$A$2:$C$346,3,0))^2)/1000,0)</f>
        <v>73</v>
      </c>
      <c r="BD305">
        <f ca="1">ROUND(SQRT((VLOOKUP($A305,városok!$A$2:$C$346,2,0)-VLOOKUP(BD$1,városok!$A$2:$C$346,2,0))^2+(VLOOKUP($A305,városok!$A$2:$C$346,3,0)-VLOOKUP(BD$1,városok!$A$2:$C$346,3,0))^2)/1000,0)</f>
        <v>40</v>
      </c>
      <c r="BE305">
        <f ca="1">ROUND(SQRT((VLOOKUP($A305,városok!$A$2:$C$346,2,0)-VLOOKUP(BE$1,városok!$A$2:$C$346,2,0))^2+(VLOOKUP($A305,városok!$A$2:$C$346,3,0)-VLOOKUP(BE$1,városok!$A$2:$C$346,3,0))^2)/1000,0)</f>
        <v>334</v>
      </c>
      <c r="BF305">
        <f ca="1">ROUND(SQRT((VLOOKUP($A305,városok!$A$2:$C$346,2,0)-VLOOKUP(BF$1,városok!$A$2:$C$346,2,0))^2+(VLOOKUP($A305,városok!$A$2:$C$346,3,0)-VLOOKUP(BF$1,városok!$A$2:$C$346,3,0))^2)/1000,0)</f>
        <v>312</v>
      </c>
      <c r="BG305">
        <f ca="1">ROUND(SQRT((VLOOKUP($A305,városok!$A$2:$C$346,2,0)-VLOOKUP(BG$1,városok!$A$2:$C$346,2,0))^2+(VLOOKUP($A305,városok!$A$2:$C$346,3,0)-VLOOKUP(BG$1,városok!$A$2:$C$346,3,0))^2)/1000,0)</f>
        <v>268</v>
      </c>
      <c r="BH305">
        <f ca="1">ROUND(SQRT((VLOOKUP($A305,városok!$A$2:$C$346,2,0)-VLOOKUP(BH$1,városok!$A$2:$C$346,2,0))^2+(VLOOKUP($A305,városok!$A$2:$C$346,3,0)-VLOOKUP(BH$1,városok!$A$2:$C$346,3,0))^2)/1000,0)</f>
        <v>267</v>
      </c>
      <c r="BI305">
        <f ca="1">ROUND(SQRT((VLOOKUP($A305,városok!$A$2:$C$346,2,0)-VLOOKUP(BI$1,városok!$A$2:$C$346,2,0))^2+(VLOOKUP($A305,városok!$A$2:$C$346,3,0)-VLOOKUP(BI$1,városok!$A$2:$C$346,3,0))^2)/1000,0)</f>
        <v>40</v>
      </c>
      <c r="BJ305">
        <f ca="1">ROUND(SQRT((VLOOKUP($A305,városok!$A$2:$C$346,2,0)-VLOOKUP(BJ$1,városok!$A$2:$C$346,2,0))^2+(VLOOKUP($A305,városok!$A$2:$C$346,3,0)-VLOOKUP(BJ$1,városok!$A$2:$C$346,3,0))^2)/1000,0)</f>
        <v>53</v>
      </c>
      <c r="BK305">
        <f ca="1">ROUND(SQRT((VLOOKUP($A305,városok!$A$2:$C$346,2,0)-VLOOKUP(BK$1,városok!$A$2:$C$346,2,0))^2+(VLOOKUP($A305,városok!$A$2:$C$346,3,0)-VLOOKUP(BK$1,városok!$A$2:$C$346,3,0))^2)/1000,0)</f>
        <v>47</v>
      </c>
      <c r="BL305">
        <f ca="1">ROUND(SQRT((VLOOKUP($A305,városok!$A$2:$C$346,2,0)-VLOOKUP(BL$1,városok!$A$2:$C$346,2,0))^2+(VLOOKUP($A305,városok!$A$2:$C$346,3,0)-VLOOKUP(BL$1,városok!$A$2:$C$346,3,0))^2)/1000,0)</f>
        <v>151</v>
      </c>
      <c r="BM305">
        <f ca="1">ROUND(SQRT((VLOOKUP($A305,városok!$A$2:$C$346,2,0)-VLOOKUP(BM$1,városok!$A$2:$C$346,2,0))^2+(VLOOKUP($A305,városok!$A$2:$C$346,3,0)-VLOOKUP(BM$1,városok!$A$2:$C$346,3,0))^2)/1000,0)</f>
        <v>134</v>
      </c>
      <c r="BN305">
        <f ca="1">ROUND(SQRT((VLOOKUP($A305,városok!$A$2:$C$346,2,0)-VLOOKUP(BN$1,városok!$A$2:$C$346,2,0))^2+(VLOOKUP($A305,városok!$A$2:$C$346,3,0)-VLOOKUP(BN$1,városok!$A$2:$C$346,3,0))^2)/1000,0)</f>
        <v>155</v>
      </c>
      <c r="BO305">
        <f ca="1">ROUND(SQRT((VLOOKUP($A305,városok!$A$2:$C$346,2,0)-VLOOKUP(BO$1,városok!$A$2:$C$346,2,0))^2+(VLOOKUP($A305,városok!$A$2:$C$346,3,0)-VLOOKUP(BO$1,városok!$A$2:$C$346,3,0))^2)/1000,0)</f>
        <v>51</v>
      </c>
      <c r="BP305">
        <f ca="1">ROUND(SQRT((VLOOKUP($A305,városok!$A$2:$C$346,2,0)-VLOOKUP(BP$1,városok!$A$2:$C$346,2,0))^2+(VLOOKUP($A305,városok!$A$2:$C$346,3,0)-VLOOKUP(BP$1,városok!$A$2:$C$346,3,0))^2)/1000,0)</f>
        <v>45</v>
      </c>
      <c r="BQ305">
        <f ca="1">ROUND(SQRT((VLOOKUP($A305,városok!$A$2:$C$346,2,0)-VLOOKUP(BQ$1,városok!$A$2:$C$346,2,0))^2+(VLOOKUP($A305,városok!$A$2:$C$346,3,0)-VLOOKUP(BQ$1,városok!$A$2:$C$346,3,0))^2)/1000,0)</f>
        <v>61</v>
      </c>
      <c r="BR305">
        <f ca="1">ROUND(SQRT((VLOOKUP($A305,városok!$A$2:$C$346,2,0)-VLOOKUP(BR$1,városok!$A$2:$C$346,2,0))^2+(VLOOKUP($A305,városok!$A$2:$C$346,3,0)-VLOOKUP(BR$1,városok!$A$2:$C$346,3,0))^2)/1000,0)</f>
        <v>99</v>
      </c>
      <c r="BS305">
        <f ca="1">ROUND(SQRT((VLOOKUP($A305,városok!$A$2:$C$346,2,0)-VLOOKUP(BS$1,városok!$A$2:$C$346,2,0))^2+(VLOOKUP($A305,városok!$A$2:$C$346,3,0)-VLOOKUP(BS$1,városok!$A$2:$C$346,3,0))^2)/1000,0)</f>
        <v>124</v>
      </c>
      <c r="BT305">
        <f ca="1">ROUND(SQRT((VLOOKUP($A305,városok!$A$2:$C$346,2,0)-VLOOKUP(BT$1,városok!$A$2:$C$346,2,0))^2+(VLOOKUP($A305,városok!$A$2:$C$346,3,0)-VLOOKUP(BT$1,városok!$A$2:$C$346,3,0))^2)/1000,0)</f>
        <v>130</v>
      </c>
    </row>
    <row r="306" spans="1:72" x14ac:dyDescent="0.2">
      <c r="A306" t="str">
        <f>városok!A306</f>
        <v>Szekszárd</v>
      </c>
      <c r="B306">
        <f ca="1">ROUND(SQRT((VLOOKUP($A306,városok!$A$2:$C$346,2,0)-VLOOKUP(B$1,városok!$A$2:$C$346,2,0))^2+(VLOOKUP($A306,városok!$A$2:$C$346,3,0)-VLOOKUP(B$1,városok!$A$2:$C$346,3,0))^2)/1000,0)</f>
        <v>27</v>
      </c>
      <c r="C306">
        <f ca="1">ROUND(SQRT((VLOOKUP($A306,városok!$A$2:$C$346,2,0)-VLOOKUP(C$1,városok!$A$2:$C$346,2,0))^2+(VLOOKUP($A306,városok!$A$2:$C$346,3,0)-VLOOKUP(C$1,városok!$A$2:$C$346,3,0))^2)/1000,0)</f>
        <v>29</v>
      </c>
      <c r="D306">
        <f ca="1">ROUND(SQRT((VLOOKUP($A306,városok!$A$2:$C$346,2,0)-VLOOKUP(D$1,városok!$A$2:$C$346,2,0))^2+(VLOOKUP($A306,városok!$A$2:$C$346,3,0)-VLOOKUP(D$1,városok!$A$2:$C$346,3,0))^2)/1000,0)</f>
        <v>98</v>
      </c>
      <c r="E306">
        <f ca="1">ROUND(SQRT((VLOOKUP($A306,városok!$A$2:$C$346,2,0)-VLOOKUP(E$1,városok!$A$2:$C$346,2,0))^2+(VLOOKUP($A306,városok!$A$2:$C$346,3,0)-VLOOKUP(E$1,városok!$A$2:$C$346,3,0))^2)/1000,0)</f>
        <v>38</v>
      </c>
      <c r="F306">
        <f ca="1">ROUND(SQRT((VLOOKUP($A306,városok!$A$2:$C$346,2,0)-VLOOKUP(F$1,városok!$A$2:$C$346,2,0))^2+(VLOOKUP($A306,városok!$A$2:$C$346,3,0)-VLOOKUP(F$1,városok!$A$2:$C$346,3,0))^2)/1000,0)</f>
        <v>40</v>
      </c>
      <c r="G306">
        <f ca="1">ROUND(SQRT((VLOOKUP($A306,városok!$A$2:$C$346,2,0)-VLOOKUP(G$1,városok!$A$2:$C$346,2,0))^2+(VLOOKUP($A306,városok!$A$2:$C$346,3,0)-VLOOKUP(G$1,városok!$A$2:$C$346,3,0))^2)/1000,0)</f>
        <v>46</v>
      </c>
      <c r="H306">
        <f ca="1">ROUND(SQRT((VLOOKUP($A306,városok!$A$2:$C$346,2,0)-VLOOKUP(H$1,városok!$A$2:$C$346,2,0))^2+(VLOOKUP($A306,városok!$A$2:$C$346,3,0)-VLOOKUP(H$1,városok!$A$2:$C$346,3,0))^2)/1000,0)</f>
        <v>78</v>
      </c>
      <c r="I306">
        <f ca="1">ROUND(SQRT((VLOOKUP($A306,városok!$A$2:$C$346,2,0)-VLOOKUP(I$1,városok!$A$2:$C$346,2,0))^2+(VLOOKUP($A306,városok!$A$2:$C$346,3,0)-VLOOKUP(I$1,városok!$A$2:$C$346,3,0))^2)/1000,0)</f>
        <v>186</v>
      </c>
      <c r="J306">
        <f ca="1">ROUND(SQRT((VLOOKUP($A306,városok!$A$2:$C$346,2,0)-VLOOKUP(J$1,városok!$A$2:$C$346,2,0))^2+(VLOOKUP($A306,városok!$A$2:$C$346,3,0)-VLOOKUP(J$1,városok!$A$2:$C$346,3,0))^2)/1000,0)</f>
        <v>200</v>
      </c>
      <c r="K306">
        <f ca="1">ROUND(SQRT((VLOOKUP($A306,városok!$A$2:$C$346,2,0)-VLOOKUP(K$1,városok!$A$2:$C$346,2,0))^2+(VLOOKUP($A306,városok!$A$2:$C$346,3,0)-VLOOKUP(K$1,városok!$A$2:$C$346,3,0))^2)/1000,0)</f>
        <v>153</v>
      </c>
      <c r="L306">
        <f ca="1">ROUND(SQRT((VLOOKUP($A306,városok!$A$2:$C$346,2,0)-VLOOKUP(L$1,városok!$A$2:$C$346,2,0))^2+(VLOOKUP($A306,városok!$A$2:$C$346,3,0)-VLOOKUP(L$1,városok!$A$2:$C$346,3,0))^2)/1000,0)</f>
        <v>257</v>
      </c>
      <c r="M306">
        <f ca="1">ROUND(SQRT((VLOOKUP($A306,városok!$A$2:$C$346,2,0)-VLOOKUP(M$1,városok!$A$2:$C$346,2,0))^2+(VLOOKUP($A306,városok!$A$2:$C$346,3,0)-VLOOKUP(M$1,városok!$A$2:$C$346,3,0))^2)/1000,0)</f>
        <v>251</v>
      </c>
      <c r="N306">
        <f ca="1">ROUND(SQRT((VLOOKUP($A306,városok!$A$2:$C$346,2,0)-VLOOKUP(N$1,városok!$A$2:$C$346,2,0))^2+(VLOOKUP($A306,városok!$A$2:$C$346,3,0)-VLOOKUP(N$1,városok!$A$2:$C$346,3,0))^2)/1000,0)</f>
        <v>240</v>
      </c>
      <c r="O306">
        <f ca="1">ROUND(SQRT((VLOOKUP($A306,városok!$A$2:$C$346,2,0)-VLOOKUP(O$1,városok!$A$2:$C$346,2,0))^2+(VLOOKUP($A306,városok!$A$2:$C$346,3,0)-VLOOKUP(O$1,városok!$A$2:$C$346,3,0))^2)/1000,0)</f>
        <v>318</v>
      </c>
      <c r="P306">
        <f ca="1">ROUND(SQRT((VLOOKUP($A306,városok!$A$2:$C$346,2,0)-VLOOKUP(P$1,városok!$A$2:$C$346,2,0))^2+(VLOOKUP($A306,városok!$A$2:$C$346,3,0)-VLOOKUP(P$1,városok!$A$2:$C$346,3,0))^2)/1000,0)</f>
        <v>318</v>
      </c>
      <c r="Q306">
        <f ca="1">ROUND(SQRT((VLOOKUP($A306,városok!$A$2:$C$346,2,0)-VLOOKUP(Q$1,városok!$A$2:$C$346,2,0))^2+(VLOOKUP($A306,városok!$A$2:$C$346,3,0)-VLOOKUP(Q$1,városok!$A$2:$C$346,3,0))^2)/1000,0)</f>
        <v>125</v>
      </c>
      <c r="R306">
        <f ca="1">ROUND(SQRT((VLOOKUP($A306,városok!$A$2:$C$346,2,0)-VLOOKUP(R$1,városok!$A$2:$C$346,2,0))^2+(VLOOKUP($A306,városok!$A$2:$C$346,3,0)-VLOOKUP(R$1,városok!$A$2:$C$346,3,0))^2)/1000,0)</f>
        <v>137</v>
      </c>
      <c r="S306">
        <f ca="1">ROUND(SQRT((VLOOKUP($A306,városok!$A$2:$C$346,2,0)-VLOOKUP(S$1,városok!$A$2:$C$346,2,0))^2+(VLOOKUP($A306,városok!$A$2:$C$346,3,0)-VLOOKUP(S$1,városok!$A$2:$C$346,3,0))^2)/1000,0)</f>
        <v>113</v>
      </c>
      <c r="T306">
        <f ca="1">ROUND(SQRT((VLOOKUP($A306,városok!$A$2:$C$346,2,0)-VLOOKUP(T$1,városok!$A$2:$C$346,2,0))^2+(VLOOKUP($A306,városok!$A$2:$C$346,3,0)-VLOOKUP(T$1,városok!$A$2:$C$346,3,0))^2)/1000,0)</f>
        <v>127</v>
      </c>
      <c r="U306">
        <f ca="1">ROUND(SQRT((VLOOKUP($A306,városok!$A$2:$C$346,2,0)-VLOOKUP(U$1,városok!$A$2:$C$346,2,0))^2+(VLOOKUP($A306,városok!$A$2:$C$346,3,0)-VLOOKUP(U$1,városok!$A$2:$C$346,3,0))^2)/1000,0)</f>
        <v>71</v>
      </c>
      <c r="V306">
        <f ca="1">ROUND(SQRT((VLOOKUP($A306,városok!$A$2:$C$346,2,0)-VLOOKUP(V$1,városok!$A$2:$C$346,2,0))^2+(VLOOKUP($A306,városok!$A$2:$C$346,3,0)-VLOOKUP(V$1,városok!$A$2:$C$346,3,0))^2)/1000,0)</f>
        <v>85</v>
      </c>
      <c r="W306">
        <f ca="1">ROUND(SQRT((VLOOKUP($A306,városok!$A$2:$C$346,2,0)-VLOOKUP(W$1,városok!$A$2:$C$346,2,0))^2+(VLOOKUP($A306,városok!$A$2:$C$346,3,0)-VLOOKUP(W$1,városok!$A$2:$C$346,3,0))^2)/1000,0)</f>
        <v>60</v>
      </c>
      <c r="X306">
        <f ca="1">ROUND(SQRT((VLOOKUP($A306,városok!$A$2:$C$346,2,0)-VLOOKUP(X$1,városok!$A$2:$C$346,2,0))^2+(VLOOKUP($A306,városok!$A$2:$C$346,3,0)-VLOOKUP(X$1,városok!$A$2:$C$346,3,0))^2)/1000,0)</f>
        <v>108</v>
      </c>
      <c r="Y306">
        <f ca="1">ROUND(SQRT((VLOOKUP($A306,városok!$A$2:$C$346,2,0)-VLOOKUP(Y$1,városok!$A$2:$C$346,2,0))^2+(VLOOKUP($A306,városok!$A$2:$C$346,3,0)-VLOOKUP(Y$1,városok!$A$2:$C$346,3,0))^2)/1000,0)</f>
        <v>169</v>
      </c>
      <c r="Z306">
        <f ca="1">ROUND(SQRT((VLOOKUP($A306,városok!$A$2:$C$346,2,0)-VLOOKUP(Z$1,városok!$A$2:$C$346,2,0))^2+(VLOOKUP($A306,városok!$A$2:$C$346,3,0)-VLOOKUP(Z$1,városok!$A$2:$C$346,3,0))^2)/1000,0)</f>
        <v>183</v>
      </c>
      <c r="AA306">
        <f ca="1">ROUND(SQRT((VLOOKUP($A306,városok!$A$2:$C$346,2,0)-VLOOKUP(AA$1,városok!$A$2:$C$346,2,0))^2+(VLOOKUP($A306,városok!$A$2:$C$346,3,0)-VLOOKUP(AA$1,városok!$A$2:$C$346,3,0))^2)/1000,0)</f>
        <v>219</v>
      </c>
      <c r="AB306">
        <f ca="1">ROUND(SQRT((VLOOKUP($A306,városok!$A$2:$C$346,2,0)-VLOOKUP(AB$1,városok!$A$2:$C$346,2,0))^2+(VLOOKUP($A306,városok!$A$2:$C$346,3,0)-VLOOKUP(AB$1,városok!$A$2:$C$346,3,0))^2)/1000,0)</f>
        <v>259</v>
      </c>
      <c r="AC306">
        <f ca="1">ROUND(SQRT((VLOOKUP($A306,városok!$A$2:$C$346,2,0)-VLOOKUP(AC$1,városok!$A$2:$C$346,2,0))^2+(VLOOKUP($A306,városok!$A$2:$C$346,3,0)-VLOOKUP(AC$1,városok!$A$2:$C$346,3,0))^2)/1000,0)</f>
        <v>238</v>
      </c>
      <c r="AD306">
        <f ca="1">ROUND(SQRT((VLOOKUP($A306,városok!$A$2:$C$346,2,0)-VLOOKUP(AD$1,városok!$A$2:$C$346,2,0))^2+(VLOOKUP($A306,városok!$A$2:$C$346,3,0)-VLOOKUP(AD$1,városok!$A$2:$C$346,3,0))^2)/1000,0)</f>
        <v>222</v>
      </c>
      <c r="AE306">
        <f ca="1">ROUND(SQRT((VLOOKUP($A306,városok!$A$2:$C$346,2,0)-VLOOKUP(AE$1,városok!$A$2:$C$346,2,0))^2+(VLOOKUP($A306,városok!$A$2:$C$346,3,0)-VLOOKUP(AE$1,városok!$A$2:$C$346,3,0))^2)/1000,0)</f>
        <v>215</v>
      </c>
      <c r="AF306">
        <f ca="1">ROUND(SQRT((VLOOKUP($A306,városok!$A$2:$C$346,2,0)-VLOOKUP(AF$1,városok!$A$2:$C$346,2,0))^2+(VLOOKUP($A306,városok!$A$2:$C$346,3,0)-VLOOKUP(AF$1,városok!$A$2:$C$346,3,0))^2)/1000,0)</f>
        <v>214</v>
      </c>
      <c r="AG306">
        <f ca="1">ROUND(SQRT((VLOOKUP($A306,városok!$A$2:$C$346,2,0)-VLOOKUP(AG$1,városok!$A$2:$C$346,2,0))^2+(VLOOKUP($A306,városok!$A$2:$C$346,3,0)-VLOOKUP(AG$1,városok!$A$2:$C$346,3,0))^2)/1000,0)</f>
        <v>184</v>
      </c>
      <c r="AH306">
        <f ca="1">ROUND(SQRT((VLOOKUP($A306,városok!$A$2:$C$346,2,0)-VLOOKUP(AH$1,városok!$A$2:$C$346,2,0))^2+(VLOOKUP($A306,városok!$A$2:$C$346,3,0)-VLOOKUP(AH$1,városok!$A$2:$C$346,3,0))^2)/1000,0)</f>
        <v>164</v>
      </c>
      <c r="AI306">
        <f ca="1">ROUND(SQRT((VLOOKUP($A306,városok!$A$2:$C$346,2,0)-VLOOKUP(AI$1,városok!$A$2:$C$346,2,0))^2+(VLOOKUP($A306,városok!$A$2:$C$346,3,0)-VLOOKUP(AI$1,városok!$A$2:$C$346,3,0))^2)/1000,0)</f>
        <v>214</v>
      </c>
      <c r="AJ306">
        <f ca="1">ROUND(SQRT((VLOOKUP($A306,városok!$A$2:$C$346,2,0)-VLOOKUP(AJ$1,városok!$A$2:$C$346,2,0))^2+(VLOOKUP($A306,városok!$A$2:$C$346,3,0)-VLOOKUP(AJ$1,városok!$A$2:$C$346,3,0))^2)/1000,0)</f>
        <v>173</v>
      </c>
      <c r="AK306">
        <f ca="1">ROUND(SQRT((VLOOKUP($A306,városok!$A$2:$C$346,2,0)-VLOOKUP(AK$1,városok!$A$2:$C$346,2,0))^2+(VLOOKUP($A306,városok!$A$2:$C$346,3,0)-VLOOKUP(AK$1,városok!$A$2:$C$346,3,0))^2)/1000,0)</f>
        <v>202</v>
      </c>
      <c r="AL306">
        <f ca="1">ROUND(SQRT((VLOOKUP($A306,városok!$A$2:$C$346,2,0)-VLOOKUP(AL$1,városok!$A$2:$C$346,2,0))^2+(VLOOKUP($A306,városok!$A$2:$C$346,3,0)-VLOOKUP(AL$1,városok!$A$2:$C$346,3,0))^2)/1000,0)</f>
        <v>185</v>
      </c>
      <c r="AM306">
        <f ca="1">ROUND(SQRT((VLOOKUP($A306,városok!$A$2:$C$346,2,0)-VLOOKUP(AM$1,városok!$A$2:$C$346,2,0))^2+(VLOOKUP($A306,városok!$A$2:$C$346,3,0)-VLOOKUP(AM$1,városok!$A$2:$C$346,3,0))^2)/1000,0)</f>
        <v>146</v>
      </c>
      <c r="AN306">
        <f ca="1">ROUND(SQRT((VLOOKUP($A306,városok!$A$2:$C$346,2,0)-VLOOKUP(AN$1,városok!$A$2:$C$346,2,0))^2+(VLOOKUP($A306,városok!$A$2:$C$346,3,0)-VLOOKUP(AN$1,városok!$A$2:$C$346,3,0))^2)/1000,0)</f>
        <v>160</v>
      </c>
      <c r="AO306">
        <f ca="1">ROUND(SQRT((VLOOKUP($A306,városok!$A$2:$C$346,2,0)-VLOOKUP(AO$1,városok!$A$2:$C$346,2,0))^2+(VLOOKUP($A306,városok!$A$2:$C$346,3,0)-VLOOKUP(AO$1,városok!$A$2:$C$346,3,0))^2)/1000,0)</f>
        <v>161</v>
      </c>
      <c r="AP306">
        <f ca="1">ROUND(SQRT((VLOOKUP($A306,városok!$A$2:$C$346,2,0)-VLOOKUP(AP$1,városok!$A$2:$C$346,2,0))^2+(VLOOKUP($A306,városok!$A$2:$C$346,3,0)-VLOOKUP(AP$1,városok!$A$2:$C$346,3,0))^2)/1000,0)</f>
        <v>147</v>
      </c>
      <c r="AQ306">
        <f ca="1">ROUND(SQRT((VLOOKUP($A306,városok!$A$2:$C$346,2,0)-VLOOKUP(AQ$1,városok!$A$2:$C$346,2,0))^2+(VLOOKUP($A306,városok!$A$2:$C$346,3,0)-VLOOKUP(AQ$1,városok!$A$2:$C$346,3,0))^2)/1000,0)</f>
        <v>137</v>
      </c>
      <c r="AR306">
        <f ca="1">ROUND(SQRT((VLOOKUP($A306,városok!$A$2:$C$346,2,0)-VLOOKUP(AR$1,városok!$A$2:$C$346,2,0))^2+(VLOOKUP($A306,városok!$A$2:$C$346,3,0)-VLOOKUP(AR$1,városok!$A$2:$C$346,3,0))^2)/1000,0)</f>
        <v>190</v>
      </c>
      <c r="AS306">
        <f ca="1">ROUND(SQRT((VLOOKUP($A306,városok!$A$2:$C$346,2,0)-VLOOKUP(AS$1,városok!$A$2:$C$346,2,0))^2+(VLOOKUP($A306,városok!$A$2:$C$346,3,0)-VLOOKUP(AS$1,városok!$A$2:$C$346,3,0))^2)/1000,0)</f>
        <v>213</v>
      </c>
      <c r="AT306">
        <f ca="1">ROUND(SQRT((VLOOKUP($A306,városok!$A$2:$C$346,2,0)-VLOOKUP(AT$1,városok!$A$2:$C$346,2,0))^2+(VLOOKUP($A306,városok!$A$2:$C$346,3,0)-VLOOKUP(AT$1,városok!$A$2:$C$346,3,0))^2)/1000,0)</f>
        <v>125</v>
      </c>
      <c r="AU306">
        <f ca="1">ROUND(SQRT((VLOOKUP($A306,városok!$A$2:$C$346,2,0)-VLOOKUP(AU$1,városok!$A$2:$C$346,2,0))^2+(VLOOKUP($A306,városok!$A$2:$C$346,3,0)-VLOOKUP(AU$1,városok!$A$2:$C$346,3,0))^2)/1000,0)</f>
        <v>125</v>
      </c>
      <c r="AV306">
        <f ca="1">ROUND(SQRT((VLOOKUP($A306,városok!$A$2:$C$346,2,0)-VLOOKUP(AV$1,városok!$A$2:$C$346,2,0))^2+(VLOOKUP($A306,városok!$A$2:$C$346,3,0)-VLOOKUP(AV$1,városok!$A$2:$C$346,3,0))^2)/1000,0)</f>
        <v>119</v>
      </c>
      <c r="AW306">
        <f ca="1">ROUND(SQRT((VLOOKUP($A306,városok!$A$2:$C$346,2,0)-VLOOKUP(AW$1,városok!$A$2:$C$346,2,0))^2+(VLOOKUP($A306,városok!$A$2:$C$346,3,0)-VLOOKUP(AW$1,városok!$A$2:$C$346,3,0))^2)/1000,0)</f>
        <v>117</v>
      </c>
      <c r="AX306">
        <f ca="1">ROUND(SQRT((VLOOKUP($A306,városok!$A$2:$C$346,2,0)-VLOOKUP(AX$1,városok!$A$2:$C$346,2,0))^2+(VLOOKUP($A306,városok!$A$2:$C$346,3,0)-VLOOKUP(AX$1,városok!$A$2:$C$346,3,0))^2)/1000,0)</f>
        <v>112</v>
      </c>
      <c r="AY306">
        <f ca="1">ROUND(SQRT((VLOOKUP($A306,városok!$A$2:$C$346,2,0)-VLOOKUP(AY$1,városok!$A$2:$C$346,2,0))^2+(VLOOKUP($A306,városok!$A$2:$C$346,3,0)-VLOOKUP(AY$1,városok!$A$2:$C$346,3,0))^2)/1000,0)</f>
        <v>151</v>
      </c>
      <c r="AZ306">
        <f ca="1">ROUND(SQRT((VLOOKUP($A306,városok!$A$2:$C$346,2,0)-VLOOKUP(AZ$1,városok!$A$2:$C$346,2,0))^2+(VLOOKUP($A306,városok!$A$2:$C$346,3,0)-VLOOKUP(AZ$1,városok!$A$2:$C$346,3,0))^2)/1000,0)</f>
        <v>161</v>
      </c>
      <c r="BA306">
        <f ca="1">ROUND(SQRT((VLOOKUP($A306,városok!$A$2:$C$346,2,0)-VLOOKUP(BA$1,városok!$A$2:$C$346,2,0))^2+(VLOOKUP($A306,városok!$A$2:$C$346,3,0)-VLOOKUP(BA$1,városok!$A$2:$C$346,3,0))^2)/1000,0)</f>
        <v>90</v>
      </c>
      <c r="BB306">
        <f ca="1">ROUND(SQRT((VLOOKUP($A306,városok!$A$2:$C$346,2,0)-VLOOKUP(BB$1,városok!$A$2:$C$346,2,0))^2+(VLOOKUP($A306,városok!$A$2:$C$346,3,0)-VLOOKUP(BB$1,városok!$A$2:$C$346,3,0))^2)/1000,0)</f>
        <v>62</v>
      </c>
      <c r="BC306">
        <f ca="1">ROUND(SQRT((VLOOKUP($A306,városok!$A$2:$C$346,2,0)-VLOOKUP(BC$1,városok!$A$2:$C$346,2,0))^2+(VLOOKUP($A306,városok!$A$2:$C$346,3,0)-VLOOKUP(BC$1,városok!$A$2:$C$346,3,0))^2)/1000,0)</f>
        <v>70</v>
      </c>
      <c r="BD306">
        <f ca="1">ROUND(SQRT((VLOOKUP($A306,városok!$A$2:$C$346,2,0)-VLOOKUP(BD$1,városok!$A$2:$C$346,2,0))^2+(VLOOKUP($A306,városok!$A$2:$C$346,3,0)-VLOOKUP(BD$1,városok!$A$2:$C$346,3,0))^2)/1000,0)</f>
        <v>79</v>
      </c>
      <c r="BE306">
        <f ca="1">ROUND(SQRT((VLOOKUP($A306,városok!$A$2:$C$346,2,0)-VLOOKUP(BE$1,városok!$A$2:$C$346,2,0))^2+(VLOOKUP($A306,városok!$A$2:$C$346,3,0)-VLOOKUP(BE$1,városok!$A$2:$C$346,3,0))^2)/1000,0)</f>
        <v>343</v>
      </c>
      <c r="BF306">
        <f ca="1">ROUND(SQRT((VLOOKUP($A306,városok!$A$2:$C$346,2,0)-VLOOKUP(BF$1,városok!$A$2:$C$346,2,0))^2+(VLOOKUP($A306,városok!$A$2:$C$346,3,0)-VLOOKUP(BF$1,városok!$A$2:$C$346,3,0))^2)/1000,0)</f>
        <v>329</v>
      </c>
      <c r="BG306">
        <f ca="1">ROUND(SQRT((VLOOKUP($A306,városok!$A$2:$C$346,2,0)-VLOOKUP(BG$1,városok!$A$2:$C$346,2,0))^2+(VLOOKUP($A306,városok!$A$2:$C$346,3,0)-VLOOKUP(BG$1,városok!$A$2:$C$346,3,0))^2)/1000,0)</f>
        <v>288</v>
      </c>
      <c r="BH306">
        <f ca="1">ROUND(SQRT((VLOOKUP($A306,városok!$A$2:$C$346,2,0)-VLOOKUP(BH$1,városok!$A$2:$C$346,2,0))^2+(VLOOKUP($A306,városok!$A$2:$C$346,3,0)-VLOOKUP(BH$1,városok!$A$2:$C$346,3,0))^2)/1000,0)</f>
        <v>287</v>
      </c>
      <c r="BI306">
        <f ca="1">ROUND(SQRT((VLOOKUP($A306,városok!$A$2:$C$346,2,0)-VLOOKUP(BI$1,városok!$A$2:$C$346,2,0))^2+(VLOOKUP($A306,városok!$A$2:$C$346,3,0)-VLOOKUP(BI$1,városok!$A$2:$C$346,3,0))^2)/1000,0)</f>
        <v>8</v>
      </c>
      <c r="BJ306">
        <f ca="1">ROUND(SQRT((VLOOKUP($A306,városok!$A$2:$C$346,2,0)-VLOOKUP(BJ$1,városok!$A$2:$C$346,2,0))^2+(VLOOKUP($A306,városok!$A$2:$C$346,3,0)-VLOOKUP(BJ$1,városok!$A$2:$C$346,3,0))^2)/1000,0)</f>
        <v>20</v>
      </c>
      <c r="BK306">
        <f ca="1">ROUND(SQRT((VLOOKUP($A306,városok!$A$2:$C$346,2,0)-VLOOKUP(BK$1,városok!$A$2:$C$346,2,0))^2+(VLOOKUP($A306,városok!$A$2:$C$346,3,0)-VLOOKUP(BK$1,városok!$A$2:$C$346,3,0))^2)/1000,0)</f>
        <v>0</v>
      </c>
      <c r="BL306">
        <f ca="1">ROUND(SQRT((VLOOKUP($A306,városok!$A$2:$C$346,2,0)-VLOOKUP(BL$1,városok!$A$2:$C$346,2,0))^2+(VLOOKUP($A306,városok!$A$2:$C$346,3,0)-VLOOKUP(BL$1,városok!$A$2:$C$346,3,0))^2)/1000,0)</f>
        <v>177</v>
      </c>
      <c r="BM306">
        <f ca="1">ROUND(SQRT((VLOOKUP($A306,városok!$A$2:$C$346,2,0)-VLOOKUP(BM$1,városok!$A$2:$C$346,2,0))^2+(VLOOKUP($A306,városok!$A$2:$C$346,3,0)-VLOOKUP(BM$1,városok!$A$2:$C$346,3,0))^2)/1000,0)</f>
        <v>168</v>
      </c>
      <c r="BN306">
        <f ca="1">ROUND(SQRT((VLOOKUP($A306,városok!$A$2:$C$346,2,0)-VLOOKUP(BN$1,városok!$A$2:$C$346,2,0))^2+(VLOOKUP($A306,városok!$A$2:$C$346,3,0)-VLOOKUP(BN$1,városok!$A$2:$C$346,3,0))^2)/1000,0)</f>
        <v>187</v>
      </c>
      <c r="BO306">
        <f ca="1">ROUND(SQRT((VLOOKUP($A306,városok!$A$2:$C$346,2,0)-VLOOKUP(BO$1,városok!$A$2:$C$346,2,0))^2+(VLOOKUP($A306,városok!$A$2:$C$346,3,0)-VLOOKUP(BO$1,városok!$A$2:$C$346,3,0))^2)/1000,0)</f>
        <v>92</v>
      </c>
      <c r="BP306">
        <f ca="1">ROUND(SQRT((VLOOKUP($A306,városok!$A$2:$C$346,2,0)-VLOOKUP(BP$1,városok!$A$2:$C$346,2,0))^2+(VLOOKUP($A306,városok!$A$2:$C$346,3,0)-VLOOKUP(BP$1,városok!$A$2:$C$346,3,0))^2)/1000,0)</f>
        <v>89</v>
      </c>
      <c r="BQ306">
        <f ca="1">ROUND(SQRT((VLOOKUP($A306,városok!$A$2:$C$346,2,0)-VLOOKUP(BQ$1,városok!$A$2:$C$346,2,0))^2+(VLOOKUP($A306,városok!$A$2:$C$346,3,0)-VLOOKUP(BQ$1,városok!$A$2:$C$346,3,0))^2)/1000,0)</f>
        <v>102</v>
      </c>
      <c r="BR306">
        <f ca="1">ROUND(SQRT((VLOOKUP($A306,városok!$A$2:$C$346,2,0)-VLOOKUP(BR$1,városok!$A$2:$C$346,2,0))^2+(VLOOKUP($A306,városok!$A$2:$C$346,3,0)-VLOOKUP(BR$1,városok!$A$2:$C$346,3,0))^2)/1000,0)</f>
        <v>120</v>
      </c>
      <c r="BS306">
        <f ca="1">ROUND(SQRT((VLOOKUP($A306,városok!$A$2:$C$346,2,0)-VLOOKUP(BS$1,városok!$A$2:$C$346,2,0))^2+(VLOOKUP($A306,városok!$A$2:$C$346,3,0)-VLOOKUP(BS$1,városok!$A$2:$C$346,3,0))^2)/1000,0)</f>
        <v>132</v>
      </c>
      <c r="BT306">
        <f ca="1">ROUND(SQRT((VLOOKUP($A306,városok!$A$2:$C$346,2,0)-VLOOKUP(BT$1,városok!$A$2:$C$346,2,0))^2+(VLOOKUP($A306,városok!$A$2:$C$346,3,0)-VLOOKUP(BT$1,városok!$A$2:$C$346,3,0))^2)/1000,0)</f>
        <v>152</v>
      </c>
    </row>
    <row r="307" spans="1:72" x14ac:dyDescent="0.2">
      <c r="A307" t="str">
        <f>városok!A307</f>
        <v>Tamási</v>
      </c>
      <c r="B307">
        <f ca="1">ROUND(SQRT((VLOOKUP($A307,városok!$A$2:$C$346,2,0)-VLOOKUP(B$1,városok!$A$2:$C$346,2,0))^2+(VLOOKUP($A307,városok!$A$2:$C$346,3,0)-VLOOKUP(B$1,városok!$A$2:$C$346,3,0))^2)/1000,0)</f>
        <v>72</v>
      </c>
      <c r="C307">
        <f ca="1">ROUND(SQRT((VLOOKUP($A307,városok!$A$2:$C$346,2,0)-VLOOKUP(C$1,városok!$A$2:$C$346,2,0))^2+(VLOOKUP($A307,városok!$A$2:$C$346,3,0)-VLOOKUP(C$1,városok!$A$2:$C$346,3,0))^2)/1000,0)</f>
        <v>54</v>
      </c>
      <c r="D307">
        <f ca="1">ROUND(SQRT((VLOOKUP($A307,városok!$A$2:$C$346,2,0)-VLOOKUP(D$1,városok!$A$2:$C$346,2,0))^2+(VLOOKUP($A307,városok!$A$2:$C$346,3,0)-VLOOKUP(D$1,városok!$A$2:$C$346,3,0))^2)/1000,0)</f>
        <v>111</v>
      </c>
      <c r="E307">
        <f ca="1">ROUND(SQRT((VLOOKUP($A307,városok!$A$2:$C$346,2,0)-VLOOKUP(E$1,városok!$A$2:$C$346,2,0))^2+(VLOOKUP($A307,városok!$A$2:$C$346,3,0)-VLOOKUP(E$1,városok!$A$2:$C$346,3,0))^2)/1000,0)</f>
        <v>50</v>
      </c>
      <c r="F307">
        <f ca="1">ROUND(SQRT((VLOOKUP($A307,városok!$A$2:$C$346,2,0)-VLOOKUP(F$1,városok!$A$2:$C$346,2,0))^2+(VLOOKUP($A307,városok!$A$2:$C$346,3,0)-VLOOKUP(F$1,városok!$A$2:$C$346,3,0))^2)/1000,0)</f>
        <v>78</v>
      </c>
      <c r="G307">
        <f ca="1">ROUND(SQRT((VLOOKUP($A307,városok!$A$2:$C$346,2,0)-VLOOKUP(G$1,városok!$A$2:$C$346,2,0))^2+(VLOOKUP($A307,városok!$A$2:$C$346,3,0)-VLOOKUP(G$1,városok!$A$2:$C$346,3,0))^2)/1000,0)</f>
        <v>62</v>
      </c>
      <c r="H307">
        <f ca="1">ROUND(SQRT((VLOOKUP($A307,városok!$A$2:$C$346,2,0)-VLOOKUP(H$1,városok!$A$2:$C$346,2,0))^2+(VLOOKUP($A307,városok!$A$2:$C$346,3,0)-VLOOKUP(H$1,városok!$A$2:$C$346,3,0))^2)/1000,0)</f>
        <v>76</v>
      </c>
      <c r="I307">
        <f ca="1">ROUND(SQRT((VLOOKUP($A307,városok!$A$2:$C$346,2,0)-VLOOKUP(I$1,városok!$A$2:$C$346,2,0))^2+(VLOOKUP($A307,városok!$A$2:$C$346,3,0)-VLOOKUP(I$1,városok!$A$2:$C$346,3,0))^2)/1000,0)</f>
        <v>214</v>
      </c>
      <c r="J307">
        <f ca="1">ROUND(SQRT((VLOOKUP($A307,városok!$A$2:$C$346,2,0)-VLOOKUP(J$1,városok!$A$2:$C$346,2,0))^2+(VLOOKUP($A307,városok!$A$2:$C$346,3,0)-VLOOKUP(J$1,városok!$A$2:$C$346,3,0))^2)/1000,0)</f>
        <v>229</v>
      </c>
      <c r="K307">
        <f ca="1">ROUND(SQRT((VLOOKUP($A307,városok!$A$2:$C$346,2,0)-VLOOKUP(K$1,városok!$A$2:$C$346,2,0))^2+(VLOOKUP($A307,városok!$A$2:$C$346,3,0)-VLOOKUP(K$1,városok!$A$2:$C$346,3,0))^2)/1000,0)</f>
        <v>183</v>
      </c>
      <c r="L307">
        <f ca="1">ROUND(SQRT((VLOOKUP($A307,városok!$A$2:$C$346,2,0)-VLOOKUP(L$1,városok!$A$2:$C$346,2,0))^2+(VLOOKUP($A307,városok!$A$2:$C$346,3,0)-VLOOKUP(L$1,városok!$A$2:$C$346,3,0))^2)/1000,0)</f>
        <v>253</v>
      </c>
      <c r="M307">
        <f ca="1">ROUND(SQRT((VLOOKUP($A307,városok!$A$2:$C$346,2,0)-VLOOKUP(M$1,városok!$A$2:$C$346,2,0))^2+(VLOOKUP($A307,városok!$A$2:$C$346,3,0)-VLOOKUP(M$1,városok!$A$2:$C$346,3,0))^2)/1000,0)</f>
        <v>250</v>
      </c>
      <c r="N307">
        <f ca="1">ROUND(SQRT((VLOOKUP($A307,városok!$A$2:$C$346,2,0)-VLOOKUP(N$1,városok!$A$2:$C$346,2,0))^2+(VLOOKUP($A307,városok!$A$2:$C$346,3,0)-VLOOKUP(N$1,városok!$A$2:$C$346,3,0))^2)/1000,0)</f>
        <v>232</v>
      </c>
      <c r="O307">
        <f ca="1">ROUND(SQRT((VLOOKUP($A307,városok!$A$2:$C$346,2,0)-VLOOKUP(O$1,városok!$A$2:$C$346,2,0))^2+(VLOOKUP($A307,városok!$A$2:$C$346,3,0)-VLOOKUP(O$1,városok!$A$2:$C$346,3,0))^2)/1000,0)</f>
        <v>320</v>
      </c>
      <c r="P307">
        <f ca="1">ROUND(SQRT((VLOOKUP($A307,városok!$A$2:$C$346,2,0)-VLOOKUP(P$1,városok!$A$2:$C$346,2,0))^2+(VLOOKUP($A307,városok!$A$2:$C$346,3,0)-VLOOKUP(P$1,városok!$A$2:$C$346,3,0))^2)/1000,0)</f>
        <v>320</v>
      </c>
      <c r="Q307">
        <f ca="1">ROUND(SQRT((VLOOKUP($A307,városok!$A$2:$C$346,2,0)-VLOOKUP(Q$1,városok!$A$2:$C$346,2,0))^2+(VLOOKUP($A307,városok!$A$2:$C$346,3,0)-VLOOKUP(Q$1,városok!$A$2:$C$346,3,0))^2)/1000,0)</f>
        <v>158</v>
      </c>
      <c r="R307">
        <f ca="1">ROUND(SQRT((VLOOKUP($A307,városok!$A$2:$C$346,2,0)-VLOOKUP(R$1,városok!$A$2:$C$346,2,0))^2+(VLOOKUP($A307,városok!$A$2:$C$346,3,0)-VLOOKUP(R$1,városok!$A$2:$C$346,3,0))^2)/1000,0)</f>
        <v>175</v>
      </c>
      <c r="S307">
        <f ca="1">ROUND(SQRT((VLOOKUP($A307,városok!$A$2:$C$346,2,0)-VLOOKUP(S$1,városok!$A$2:$C$346,2,0))^2+(VLOOKUP($A307,városok!$A$2:$C$346,3,0)-VLOOKUP(S$1,városok!$A$2:$C$346,3,0))^2)/1000,0)</f>
        <v>150</v>
      </c>
      <c r="T307">
        <f ca="1">ROUND(SQRT((VLOOKUP($A307,városok!$A$2:$C$346,2,0)-VLOOKUP(T$1,városok!$A$2:$C$346,2,0))^2+(VLOOKUP($A307,városok!$A$2:$C$346,3,0)-VLOOKUP(T$1,városok!$A$2:$C$346,3,0))^2)/1000,0)</f>
        <v>98</v>
      </c>
      <c r="U307">
        <f ca="1">ROUND(SQRT((VLOOKUP($A307,városok!$A$2:$C$346,2,0)-VLOOKUP(U$1,városok!$A$2:$C$346,2,0))^2+(VLOOKUP($A307,városok!$A$2:$C$346,3,0)-VLOOKUP(U$1,városok!$A$2:$C$346,3,0))^2)/1000,0)</f>
        <v>62</v>
      </c>
      <c r="V307">
        <f ca="1">ROUND(SQRT((VLOOKUP($A307,városok!$A$2:$C$346,2,0)-VLOOKUP(V$1,városok!$A$2:$C$346,2,0))^2+(VLOOKUP($A307,városok!$A$2:$C$346,3,0)-VLOOKUP(V$1,városok!$A$2:$C$346,3,0))^2)/1000,0)</f>
        <v>47</v>
      </c>
      <c r="W307">
        <f ca="1">ROUND(SQRT((VLOOKUP($A307,városok!$A$2:$C$346,2,0)-VLOOKUP(W$1,városok!$A$2:$C$346,2,0))^2+(VLOOKUP($A307,városok!$A$2:$C$346,3,0)-VLOOKUP(W$1,városok!$A$2:$C$346,3,0))^2)/1000,0)</f>
        <v>38</v>
      </c>
      <c r="X307">
        <f ca="1">ROUND(SQRT((VLOOKUP($A307,városok!$A$2:$C$346,2,0)-VLOOKUP(X$1,városok!$A$2:$C$346,2,0))^2+(VLOOKUP($A307,városok!$A$2:$C$346,3,0)-VLOOKUP(X$1,városok!$A$2:$C$346,3,0))^2)/1000,0)</f>
        <v>73</v>
      </c>
      <c r="Y307">
        <f ca="1">ROUND(SQRT((VLOOKUP($A307,városok!$A$2:$C$346,2,0)-VLOOKUP(Y$1,városok!$A$2:$C$346,2,0))^2+(VLOOKUP($A307,városok!$A$2:$C$346,3,0)-VLOOKUP(Y$1,városok!$A$2:$C$346,3,0))^2)/1000,0)</f>
        <v>127</v>
      </c>
      <c r="Z307">
        <f ca="1">ROUND(SQRT((VLOOKUP($A307,városok!$A$2:$C$346,2,0)-VLOOKUP(Z$1,városok!$A$2:$C$346,2,0))^2+(VLOOKUP($A307,városok!$A$2:$C$346,3,0)-VLOOKUP(Z$1,városok!$A$2:$C$346,3,0))^2)/1000,0)</f>
        <v>140</v>
      </c>
      <c r="AA307">
        <f ca="1">ROUND(SQRT((VLOOKUP($A307,városok!$A$2:$C$346,2,0)-VLOOKUP(AA$1,városok!$A$2:$C$346,2,0))^2+(VLOOKUP($A307,városok!$A$2:$C$346,3,0)-VLOOKUP(AA$1,városok!$A$2:$C$346,3,0))^2)/1000,0)</f>
        <v>174</v>
      </c>
      <c r="AB307">
        <f ca="1">ROUND(SQRT((VLOOKUP($A307,városok!$A$2:$C$346,2,0)-VLOOKUP(AB$1,városok!$A$2:$C$346,2,0))^2+(VLOOKUP($A307,városok!$A$2:$C$346,3,0)-VLOOKUP(AB$1,városok!$A$2:$C$346,3,0))^2)/1000,0)</f>
        <v>273</v>
      </c>
      <c r="AC307">
        <f ca="1">ROUND(SQRT((VLOOKUP($A307,városok!$A$2:$C$346,2,0)-VLOOKUP(AC$1,városok!$A$2:$C$346,2,0))^2+(VLOOKUP($A307,városok!$A$2:$C$346,3,0)-VLOOKUP(AC$1,városok!$A$2:$C$346,3,0))^2)/1000,0)</f>
        <v>253</v>
      </c>
      <c r="AD307">
        <f ca="1">ROUND(SQRT((VLOOKUP($A307,városok!$A$2:$C$346,2,0)-VLOOKUP(AD$1,városok!$A$2:$C$346,2,0))^2+(VLOOKUP($A307,városok!$A$2:$C$346,3,0)-VLOOKUP(AD$1,városok!$A$2:$C$346,3,0))^2)/1000,0)</f>
        <v>235</v>
      </c>
      <c r="AE307">
        <f ca="1">ROUND(SQRT((VLOOKUP($A307,városok!$A$2:$C$346,2,0)-VLOOKUP(AE$1,városok!$A$2:$C$346,2,0))^2+(VLOOKUP($A307,városok!$A$2:$C$346,3,0)-VLOOKUP(AE$1,városok!$A$2:$C$346,3,0))^2)/1000,0)</f>
        <v>231</v>
      </c>
      <c r="AF307">
        <f ca="1">ROUND(SQRT((VLOOKUP($A307,városok!$A$2:$C$346,2,0)-VLOOKUP(AF$1,városok!$A$2:$C$346,2,0))^2+(VLOOKUP($A307,városok!$A$2:$C$346,3,0)-VLOOKUP(AF$1,városok!$A$2:$C$346,3,0))^2)/1000,0)</f>
        <v>212</v>
      </c>
      <c r="AG307">
        <f ca="1">ROUND(SQRT((VLOOKUP($A307,városok!$A$2:$C$346,2,0)-VLOOKUP(AG$1,városok!$A$2:$C$346,2,0))^2+(VLOOKUP($A307,városok!$A$2:$C$346,3,0)-VLOOKUP(AG$1,városok!$A$2:$C$346,3,0))^2)/1000,0)</f>
        <v>178</v>
      </c>
      <c r="AH307">
        <f ca="1">ROUND(SQRT((VLOOKUP($A307,városok!$A$2:$C$346,2,0)-VLOOKUP(AH$1,városok!$A$2:$C$346,2,0))^2+(VLOOKUP($A307,városok!$A$2:$C$346,3,0)-VLOOKUP(AH$1,városok!$A$2:$C$346,3,0))^2)/1000,0)</f>
        <v>156</v>
      </c>
      <c r="AI307">
        <f ca="1">ROUND(SQRT((VLOOKUP($A307,városok!$A$2:$C$346,2,0)-VLOOKUP(AI$1,városok!$A$2:$C$346,2,0))^2+(VLOOKUP($A307,városok!$A$2:$C$346,3,0)-VLOOKUP(AI$1,városok!$A$2:$C$346,3,0))^2)/1000,0)</f>
        <v>206</v>
      </c>
      <c r="AJ307">
        <f ca="1">ROUND(SQRT((VLOOKUP($A307,városok!$A$2:$C$346,2,0)-VLOOKUP(AJ$1,városok!$A$2:$C$346,2,0))^2+(VLOOKUP($A307,városok!$A$2:$C$346,3,0)-VLOOKUP(AJ$1,városok!$A$2:$C$346,3,0))^2)/1000,0)</f>
        <v>170</v>
      </c>
      <c r="AK307">
        <f ca="1">ROUND(SQRT((VLOOKUP($A307,városok!$A$2:$C$346,2,0)-VLOOKUP(AK$1,városok!$A$2:$C$346,2,0))^2+(VLOOKUP($A307,városok!$A$2:$C$346,3,0)-VLOOKUP(AK$1,városok!$A$2:$C$346,3,0))^2)/1000,0)</f>
        <v>217</v>
      </c>
      <c r="AL307">
        <f ca="1">ROUND(SQRT((VLOOKUP($A307,városok!$A$2:$C$346,2,0)-VLOOKUP(AL$1,városok!$A$2:$C$346,2,0))^2+(VLOOKUP($A307,városok!$A$2:$C$346,3,0)-VLOOKUP(AL$1,városok!$A$2:$C$346,3,0))^2)/1000,0)</f>
        <v>196</v>
      </c>
      <c r="AM307">
        <f ca="1">ROUND(SQRT((VLOOKUP($A307,városok!$A$2:$C$346,2,0)-VLOOKUP(AM$1,városok!$A$2:$C$346,2,0))^2+(VLOOKUP($A307,városok!$A$2:$C$346,3,0)-VLOOKUP(AM$1,városok!$A$2:$C$346,3,0))^2)/1000,0)</f>
        <v>157</v>
      </c>
      <c r="AN307">
        <f ca="1">ROUND(SQRT((VLOOKUP($A307,városok!$A$2:$C$346,2,0)-VLOOKUP(AN$1,városok!$A$2:$C$346,2,0))^2+(VLOOKUP($A307,városok!$A$2:$C$346,3,0)-VLOOKUP(AN$1,városok!$A$2:$C$346,3,0))^2)/1000,0)</f>
        <v>133</v>
      </c>
      <c r="AO307">
        <f ca="1">ROUND(SQRT((VLOOKUP($A307,városok!$A$2:$C$346,2,0)-VLOOKUP(AO$1,városok!$A$2:$C$346,2,0))^2+(VLOOKUP($A307,városok!$A$2:$C$346,3,0)-VLOOKUP(AO$1,városok!$A$2:$C$346,3,0))^2)/1000,0)</f>
        <v>123</v>
      </c>
      <c r="AP307">
        <f ca="1">ROUND(SQRT((VLOOKUP($A307,városok!$A$2:$C$346,2,0)-VLOOKUP(AP$1,városok!$A$2:$C$346,2,0))^2+(VLOOKUP($A307,városok!$A$2:$C$346,3,0)-VLOOKUP(AP$1,városok!$A$2:$C$346,3,0))^2)/1000,0)</f>
        <v>112</v>
      </c>
      <c r="AQ307">
        <f ca="1">ROUND(SQRT((VLOOKUP($A307,városok!$A$2:$C$346,2,0)-VLOOKUP(AQ$1,városok!$A$2:$C$346,2,0))^2+(VLOOKUP($A307,városok!$A$2:$C$346,3,0)-VLOOKUP(AQ$1,városok!$A$2:$C$346,3,0))^2)/1000,0)</f>
        <v>104</v>
      </c>
      <c r="AR307">
        <f ca="1">ROUND(SQRT((VLOOKUP($A307,városok!$A$2:$C$346,2,0)-VLOOKUP(AR$1,városok!$A$2:$C$346,2,0))^2+(VLOOKUP($A307,városok!$A$2:$C$346,3,0)-VLOOKUP(AR$1,városok!$A$2:$C$346,3,0))^2)/1000,0)</f>
        <v>178</v>
      </c>
      <c r="AS307">
        <f ca="1">ROUND(SQRT((VLOOKUP($A307,városok!$A$2:$C$346,2,0)-VLOOKUP(AS$1,városok!$A$2:$C$346,2,0))^2+(VLOOKUP($A307,városok!$A$2:$C$346,3,0)-VLOOKUP(AS$1,városok!$A$2:$C$346,3,0))^2)/1000,0)</f>
        <v>201</v>
      </c>
      <c r="AT307">
        <f ca="1">ROUND(SQRT((VLOOKUP($A307,városok!$A$2:$C$346,2,0)-VLOOKUP(AT$1,városok!$A$2:$C$346,2,0))^2+(VLOOKUP($A307,városok!$A$2:$C$346,3,0)-VLOOKUP(AT$1,városok!$A$2:$C$346,3,0))^2)/1000,0)</f>
        <v>101</v>
      </c>
      <c r="AU307">
        <f ca="1">ROUND(SQRT((VLOOKUP($A307,városok!$A$2:$C$346,2,0)-VLOOKUP(AU$1,városok!$A$2:$C$346,2,0))^2+(VLOOKUP($A307,városok!$A$2:$C$346,3,0)-VLOOKUP(AU$1,városok!$A$2:$C$346,3,0))^2)/1000,0)</f>
        <v>105</v>
      </c>
      <c r="AV307">
        <f ca="1">ROUND(SQRT((VLOOKUP($A307,városok!$A$2:$C$346,2,0)-VLOOKUP(AV$1,városok!$A$2:$C$346,2,0))^2+(VLOOKUP($A307,városok!$A$2:$C$346,3,0)-VLOOKUP(AV$1,városok!$A$2:$C$346,3,0))^2)/1000,0)</f>
        <v>100</v>
      </c>
      <c r="AW307">
        <f ca="1">ROUND(SQRT((VLOOKUP($A307,városok!$A$2:$C$346,2,0)-VLOOKUP(AW$1,városok!$A$2:$C$346,2,0))^2+(VLOOKUP($A307,városok!$A$2:$C$346,3,0)-VLOOKUP(AW$1,városok!$A$2:$C$346,3,0))^2)/1000,0)</f>
        <v>97</v>
      </c>
      <c r="AX307">
        <f ca="1">ROUND(SQRT((VLOOKUP($A307,városok!$A$2:$C$346,2,0)-VLOOKUP(AX$1,városok!$A$2:$C$346,2,0))^2+(VLOOKUP($A307,városok!$A$2:$C$346,3,0)-VLOOKUP(AX$1,városok!$A$2:$C$346,3,0))^2)/1000,0)</f>
        <v>122</v>
      </c>
      <c r="AY307">
        <f ca="1">ROUND(SQRT((VLOOKUP($A307,városok!$A$2:$C$346,2,0)-VLOOKUP(AY$1,városok!$A$2:$C$346,2,0))^2+(VLOOKUP($A307,városok!$A$2:$C$346,3,0)-VLOOKUP(AY$1,városok!$A$2:$C$346,3,0))^2)/1000,0)</f>
        <v>130</v>
      </c>
      <c r="AZ307">
        <f ca="1">ROUND(SQRT((VLOOKUP($A307,városok!$A$2:$C$346,2,0)-VLOOKUP(AZ$1,városok!$A$2:$C$346,2,0))^2+(VLOOKUP($A307,városok!$A$2:$C$346,3,0)-VLOOKUP(AZ$1,városok!$A$2:$C$346,3,0))^2)/1000,0)</f>
        <v>138</v>
      </c>
      <c r="BA307">
        <f ca="1">ROUND(SQRT((VLOOKUP($A307,városok!$A$2:$C$346,2,0)-VLOOKUP(BA$1,városok!$A$2:$C$346,2,0))^2+(VLOOKUP($A307,városok!$A$2:$C$346,3,0)-VLOOKUP(BA$1,városok!$A$2:$C$346,3,0))^2)/1000,0)</f>
        <v>47</v>
      </c>
      <c r="BB307">
        <f ca="1">ROUND(SQRT((VLOOKUP($A307,városok!$A$2:$C$346,2,0)-VLOOKUP(BB$1,városok!$A$2:$C$346,2,0))^2+(VLOOKUP($A307,városok!$A$2:$C$346,3,0)-VLOOKUP(BB$1,városok!$A$2:$C$346,3,0))^2)/1000,0)</f>
        <v>28</v>
      </c>
      <c r="BC307">
        <f ca="1">ROUND(SQRT((VLOOKUP($A307,városok!$A$2:$C$346,2,0)-VLOOKUP(BC$1,városok!$A$2:$C$346,2,0))^2+(VLOOKUP($A307,városok!$A$2:$C$346,3,0)-VLOOKUP(BC$1,városok!$A$2:$C$346,3,0))^2)/1000,0)</f>
        <v>49</v>
      </c>
      <c r="BD307">
        <f ca="1">ROUND(SQRT((VLOOKUP($A307,városok!$A$2:$C$346,2,0)-VLOOKUP(BD$1,városok!$A$2:$C$346,2,0))^2+(VLOOKUP($A307,városok!$A$2:$C$346,3,0)-VLOOKUP(BD$1,városok!$A$2:$C$346,3,0))^2)/1000,0)</f>
        <v>35</v>
      </c>
      <c r="BE307">
        <f ca="1">ROUND(SQRT((VLOOKUP($A307,városok!$A$2:$C$346,2,0)-VLOOKUP(BE$1,városok!$A$2:$C$346,2,0))^2+(VLOOKUP($A307,városok!$A$2:$C$346,3,0)-VLOOKUP(BE$1,városok!$A$2:$C$346,3,0))^2)/1000,0)</f>
        <v>358</v>
      </c>
      <c r="BF307">
        <f ca="1">ROUND(SQRT((VLOOKUP($A307,városok!$A$2:$C$346,2,0)-VLOOKUP(BF$1,városok!$A$2:$C$346,2,0))^2+(VLOOKUP($A307,városok!$A$2:$C$346,3,0)-VLOOKUP(BF$1,városok!$A$2:$C$346,3,0))^2)/1000,0)</f>
        <v>336</v>
      </c>
      <c r="BG307">
        <f ca="1">ROUND(SQRT((VLOOKUP($A307,városok!$A$2:$C$346,2,0)-VLOOKUP(BG$1,városok!$A$2:$C$346,2,0))^2+(VLOOKUP($A307,városok!$A$2:$C$346,3,0)-VLOOKUP(BG$1,városok!$A$2:$C$346,3,0))^2)/1000,0)</f>
        <v>292</v>
      </c>
      <c r="BH307">
        <f ca="1">ROUND(SQRT((VLOOKUP($A307,városok!$A$2:$C$346,2,0)-VLOOKUP(BH$1,városok!$A$2:$C$346,2,0))^2+(VLOOKUP($A307,városok!$A$2:$C$346,3,0)-VLOOKUP(BH$1,városok!$A$2:$C$346,3,0))^2)/1000,0)</f>
        <v>291</v>
      </c>
      <c r="BI307">
        <f ca="1">ROUND(SQRT((VLOOKUP($A307,városok!$A$2:$C$346,2,0)-VLOOKUP(BI$1,városok!$A$2:$C$346,2,0))^2+(VLOOKUP($A307,városok!$A$2:$C$346,3,0)-VLOOKUP(BI$1,városok!$A$2:$C$346,3,0))^2)/1000,0)</f>
        <v>37</v>
      </c>
      <c r="BJ307">
        <f ca="1">ROUND(SQRT((VLOOKUP($A307,városok!$A$2:$C$346,2,0)-VLOOKUP(BJ$1,városok!$A$2:$C$346,2,0))^2+(VLOOKUP($A307,városok!$A$2:$C$346,3,0)-VLOOKUP(BJ$1,városok!$A$2:$C$346,3,0))^2)/1000,0)</f>
        <v>41</v>
      </c>
      <c r="BK307">
        <f ca="1">ROUND(SQRT((VLOOKUP($A307,városok!$A$2:$C$346,2,0)-VLOOKUP(BK$1,városok!$A$2:$C$346,2,0))^2+(VLOOKUP($A307,városok!$A$2:$C$346,3,0)-VLOOKUP(BK$1,városok!$A$2:$C$346,3,0))^2)/1000,0)</f>
        <v>45</v>
      </c>
      <c r="BL307">
        <f ca="1">ROUND(SQRT((VLOOKUP($A307,városok!$A$2:$C$346,2,0)-VLOOKUP(BL$1,városok!$A$2:$C$346,2,0))^2+(VLOOKUP($A307,városok!$A$2:$C$346,3,0)-VLOOKUP(BL$1,városok!$A$2:$C$346,3,0))^2)/1000,0)</f>
        <v>135</v>
      </c>
      <c r="BM307">
        <f ca="1">ROUND(SQRT((VLOOKUP($A307,városok!$A$2:$C$346,2,0)-VLOOKUP(BM$1,városok!$A$2:$C$346,2,0))^2+(VLOOKUP($A307,városok!$A$2:$C$346,3,0)-VLOOKUP(BM$1,városok!$A$2:$C$346,3,0))^2)/1000,0)</f>
        <v>124</v>
      </c>
      <c r="BN307">
        <f ca="1">ROUND(SQRT((VLOOKUP($A307,városok!$A$2:$C$346,2,0)-VLOOKUP(BN$1,városok!$A$2:$C$346,2,0))^2+(VLOOKUP($A307,városok!$A$2:$C$346,3,0)-VLOOKUP(BN$1,városok!$A$2:$C$346,3,0))^2)/1000,0)</f>
        <v>143</v>
      </c>
      <c r="BO307">
        <f ca="1">ROUND(SQRT((VLOOKUP($A307,városok!$A$2:$C$346,2,0)-VLOOKUP(BO$1,városok!$A$2:$C$346,2,0))^2+(VLOOKUP($A307,városok!$A$2:$C$346,3,0)-VLOOKUP(BO$1,városok!$A$2:$C$346,3,0))^2)/1000,0)</f>
        <v>49</v>
      </c>
      <c r="BP307">
        <f ca="1">ROUND(SQRT((VLOOKUP($A307,városok!$A$2:$C$346,2,0)-VLOOKUP(BP$1,városok!$A$2:$C$346,2,0))^2+(VLOOKUP($A307,városok!$A$2:$C$346,3,0)-VLOOKUP(BP$1,városok!$A$2:$C$346,3,0))^2)/1000,0)</f>
        <v>46</v>
      </c>
      <c r="BQ307">
        <f ca="1">ROUND(SQRT((VLOOKUP($A307,városok!$A$2:$C$346,2,0)-VLOOKUP(BQ$1,városok!$A$2:$C$346,2,0))^2+(VLOOKUP($A307,városok!$A$2:$C$346,3,0)-VLOOKUP(BQ$1,városok!$A$2:$C$346,3,0))^2)/1000,0)</f>
        <v>58</v>
      </c>
      <c r="BR307">
        <f ca="1">ROUND(SQRT((VLOOKUP($A307,városok!$A$2:$C$346,2,0)-VLOOKUP(BR$1,városok!$A$2:$C$346,2,0))^2+(VLOOKUP($A307,városok!$A$2:$C$346,3,0)-VLOOKUP(BR$1,városok!$A$2:$C$346,3,0))^2)/1000,0)</f>
        <v>80</v>
      </c>
      <c r="BS307">
        <f ca="1">ROUND(SQRT((VLOOKUP($A307,városok!$A$2:$C$346,2,0)-VLOOKUP(BS$1,városok!$A$2:$C$346,2,0))^2+(VLOOKUP($A307,városok!$A$2:$C$346,3,0)-VLOOKUP(BS$1,városok!$A$2:$C$346,3,0))^2)/1000,0)</f>
        <v>101</v>
      </c>
      <c r="BT307">
        <f ca="1">ROUND(SQRT((VLOOKUP($A307,városok!$A$2:$C$346,2,0)-VLOOKUP(BT$1,városok!$A$2:$C$346,2,0))^2+(VLOOKUP($A307,városok!$A$2:$C$346,3,0)-VLOOKUP(BT$1,városok!$A$2:$C$346,3,0))^2)/1000,0)</f>
        <v>113</v>
      </c>
    </row>
    <row r="308" spans="1:72" x14ac:dyDescent="0.2">
      <c r="A308" t="str">
        <f>városok!A308</f>
        <v>Tolna</v>
      </c>
      <c r="B308">
        <f ca="1">ROUND(SQRT((VLOOKUP($A308,városok!$A$2:$C$346,2,0)-VLOOKUP(B$1,városok!$A$2:$C$346,2,0))^2+(VLOOKUP($A308,városok!$A$2:$C$346,3,0)-VLOOKUP(B$1,városok!$A$2:$C$346,3,0))^2)/1000,0)</f>
        <v>30</v>
      </c>
      <c r="C308">
        <f ca="1">ROUND(SQRT((VLOOKUP($A308,városok!$A$2:$C$346,2,0)-VLOOKUP(C$1,városok!$A$2:$C$346,2,0))^2+(VLOOKUP($A308,városok!$A$2:$C$346,3,0)-VLOOKUP(C$1,városok!$A$2:$C$346,3,0))^2)/1000,0)</f>
        <v>19</v>
      </c>
      <c r="D308">
        <f ca="1">ROUND(SQRT((VLOOKUP($A308,városok!$A$2:$C$346,2,0)-VLOOKUP(D$1,városok!$A$2:$C$346,2,0))^2+(VLOOKUP($A308,városok!$A$2:$C$346,3,0)-VLOOKUP(D$1,városok!$A$2:$C$346,3,0))^2)/1000,0)</f>
        <v>88</v>
      </c>
      <c r="E308">
        <f ca="1">ROUND(SQRT((VLOOKUP($A308,városok!$A$2:$C$346,2,0)-VLOOKUP(E$1,városok!$A$2:$C$346,2,0))^2+(VLOOKUP($A308,városok!$A$2:$C$346,3,0)-VLOOKUP(E$1,városok!$A$2:$C$346,3,0))^2)/1000,0)</f>
        <v>48</v>
      </c>
      <c r="F308">
        <f ca="1">ROUND(SQRT((VLOOKUP($A308,városok!$A$2:$C$346,2,0)-VLOOKUP(F$1,városok!$A$2:$C$346,2,0))^2+(VLOOKUP($A308,városok!$A$2:$C$346,3,0)-VLOOKUP(F$1,városok!$A$2:$C$346,3,0))^2)/1000,0)</f>
        <v>49</v>
      </c>
      <c r="G308">
        <f ca="1">ROUND(SQRT((VLOOKUP($A308,városok!$A$2:$C$346,2,0)-VLOOKUP(G$1,városok!$A$2:$C$346,2,0))^2+(VLOOKUP($A308,városok!$A$2:$C$346,3,0)-VLOOKUP(G$1,városok!$A$2:$C$346,3,0))^2)/1000,0)</f>
        <v>56</v>
      </c>
      <c r="H308">
        <f ca="1">ROUND(SQRT((VLOOKUP($A308,városok!$A$2:$C$346,2,0)-VLOOKUP(H$1,városok!$A$2:$C$346,2,0))^2+(VLOOKUP($A308,városok!$A$2:$C$346,3,0)-VLOOKUP(H$1,városok!$A$2:$C$346,3,0))^2)/1000,0)</f>
        <v>87</v>
      </c>
      <c r="I308">
        <f ca="1">ROUND(SQRT((VLOOKUP($A308,városok!$A$2:$C$346,2,0)-VLOOKUP(I$1,városok!$A$2:$C$346,2,0))^2+(VLOOKUP($A308,városok!$A$2:$C$346,3,0)-VLOOKUP(I$1,városok!$A$2:$C$346,3,0))^2)/1000,0)</f>
        <v>178</v>
      </c>
      <c r="J308">
        <f ca="1">ROUND(SQRT((VLOOKUP($A308,városok!$A$2:$C$346,2,0)-VLOOKUP(J$1,városok!$A$2:$C$346,2,0))^2+(VLOOKUP($A308,városok!$A$2:$C$346,3,0)-VLOOKUP(J$1,városok!$A$2:$C$346,3,0))^2)/1000,0)</f>
        <v>193</v>
      </c>
      <c r="K308">
        <f ca="1">ROUND(SQRT((VLOOKUP($A308,városok!$A$2:$C$346,2,0)-VLOOKUP(K$1,városok!$A$2:$C$346,2,0))^2+(VLOOKUP($A308,városok!$A$2:$C$346,3,0)-VLOOKUP(K$1,városok!$A$2:$C$346,3,0))^2)/1000,0)</f>
        <v>146</v>
      </c>
      <c r="L308">
        <f ca="1">ROUND(SQRT((VLOOKUP($A308,városok!$A$2:$C$346,2,0)-VLOOKUP(L$1,városok!$A$2:$C$346,2,0))^2+(VLOOKUP($A308,városok!$A$2:$C$346,3,0)-VLOOKUP(L$1,városok!$A$2:$C$346,3,0))^2)/1000,0)</f>
        <v>247</v>
      </c>
      <c r="M308">
        <f ca="1">ROUND(SQRT((VLOOKUP($A308,városok!$A$2:$C$346,2,0)-VLOOKUP(M$1,városok!$A$2:$C$346,2,0))^2+(VLOOKUP($A308,városok!$A$2:$C$346,3,0)-VLOOKUP(M$1,városok!$A$2:$C$346,3,0))^2)/1000,0)</f>
        <v>241</v>
      </c>
      <c r="N308">
        <f ca="1">ROUND(SQRT((VLOOKUP($A308,városok!$A$2:$C$346,2,0)-VLOOKUP(N$1,városok!$A$2:$C$346,2,0))^2+(VLOOKUP($A308,városok!$A$2:$C$346,3,0)-VLOOKUP(N$1,városok!$A$2:$C$346,3,0))^2)/1000,0)</f>
        <v>230</v>
      </c>
      <c r="O308">
        <f ca="1">ROUND(SQRT((VLOOKUP($A308,városok!$A$2:$C$346,2,0)-VLOOKUP(O$1,városok!$A$2:$C$346,2,0))^2+(VLOOKUP($A308,városok!$A$2:$C$346,3,0)-VLOOKUP(O$1,városok!$A$2:$C$346,3,0))^2)/1000,0)</f>
        <v>308</v>
      </c>
      <c r="P308">
        <f ca="1">ROUND(SQRT((VLOOKUP($A308,városok!$A$2:$C$346,2,0)-VLOOKUP(P$1,városok!$A$2:$C$346,2,0))^2+(VLOOKUP($A308,városok!$A$2:$C$346,3,0)-VLOOKUP(P$1,városok!$A$2:$C$346,3,0))^2)/1000,0)</f>
        <v>308</v>
      </c>
      <c r="Q308">
        <f ca="1">ROUND(SQRT((VLOOKUP($A308,városok!$A$2:$C$346,2,0)-VLOOKUP(Q$1,városok!$A$2:$C$346,2,0))^2+(VLOOKUP($A308,városok!$A$2:$C$346,3,0)-VLOOKUP(Q$1,városok!$A$2:$C$346,3,0))^2)/1000,0)</f>
        <v>118</v>
      </c>
      <c r="R308">
        <f ca="1">ROUND(SQRT((VLOOKUP($A308,városok!$A$2:$C$346,2,0)-VLOOKUP(R$1,városok!$A$2:$C$346,2,0))^2+(VLOOKUP($A308,városok!$A$2:$C$346,3,0)-VLOOKUP(R$1,városok!$A$2:$C$346,3,0))^2)/1000,0)</f>
        <v>133</v>
      </c>
      <c r="S308">
        <f ca="1">ROUND(SQRT((VLOOKUP($A308,városok!$A$2:$C$346,2,0)-VLOOKUP(S$1,városok!$A$2:$C$346,2,0))^2+(VLOOKUP($A308,városok!$A$2:$C$346,3,0)-VLOOKUP(S$1,városok!$A$2:$C$346,3,0))^2)/1000,0)</f>
        <v>108</v>
      </c>
      <c r="T308">
        <f ca="1">ROUND(SQRT((VLOOKUP($A308,városok!$A$2:$C$346,2,0)-VLOOKUP(T$1,városok!$A$2:$C$346,2,0))^2+(VLOOKUP($A308,városok!$A$2:$C$346,3,0)-VLOOKUP(T$1,városok!$A$2:$C$346,3,0))^2)/1000,0)</f>
        <v>119</v>
      </c>
      <c r="U308">
        <f ca="1">ROUND(SQRT((VLOOKUP($A308,városok!$A$2:$C$346,2,0)-VLOOKUP(U$1,városok!$A$2:$C$346,2,0))^2+(VLOOKUP($A308,városok!$A$2:$C$346,3,0)-VLOOKUP(U$1,városok!$A$2:$C$346,3,0))^2)/1000,0)</f>
        <v>61</v>
      </c>
      <c r="V308">
        <f ca="1">ROUND(SQRT((VLOOKUP($A308,városok!$A$2:$C$346,2,0)-VLOOKUP(V$1,városok!$A$2:$C$346,2,0))^2+(VLOOKUP($A308,városok!$A$2:$C$346,3,0)-VLOOKUP(V$1,városok!$A$2:$C$346,3,0))^2)/1000,0)</f>
        <v>80</v>
      </c>
      <c r="W308">
        <f ca="1">ROUND(SQRT((VLOOKUP($A308,városok!$A$2:$C$346,2,0)-VLOOKUP(W$1,városok!$A$2:$C$346,2,0))^2+(VLOOKUP($A308,városok!$A$2:$C$346,3,0)-VLOOKUP(W$1,városok!$A$2:$C$346,3,0))^2)/1000,0)</f>
        <v>53</v>
      </c>
      <c r="X308">
        <f ca="1">ROUND(SQRT((VLOOKUP($A308,városok!$A$2:$C$346,2,0)-VLOOKUP(X$1,városok!$A$2:$C$346,2,0))^2+(VLOOKUP($A308,városok!$A$2:$C$346,3,0)-VLOOKUP(X$1,városok!$A$2:$C$346,3,0))^2)/1000,0)</f>
        <v>102</v>
      </c>
      <c r="Y308">
        <f ca="1">ROUND(SQRT((VLOOKUP($A308,városok!$A$2:$C$346,2,0)-VLOOKUP(Y$1,városok!$A$2:$C$346,2,0))^2+(VLOOKUP($A308,városok!$A$2:$C$346,3,0)-VLOOKUP(Y$1,városok!$A$2:$C$346,3,0))^2)/1000,0)</f>
        <v>165</v>
      </c>
      <c r="Z308">
        <f ca="1">ROUND(SQRT((VLOOKUP($A308,városok!$A$2:$C$346,2,0)-VLOOKUP(Z$1,városok!$A$2:$C$346,2,0))^2+(VLOOKUP($A308,városok!$A$2:$C$346,3,0)-VLOOKUP(Z$1,városok!$A$2:$C$346,3,0))^2)/1000,0)</f>
        <v>180</v>
      </c>
      <c r="AA308">
        <f ca="1">ROUND(SQRT((VLOOKUP($A308,városok!$A$2:$C$346,2,0)-VLOOKUP(AA$1,városok!$A$2:$C$346,2,0))^2+(VLOOKUP($A308,városok!$A$2:$C$346,3,0)-VLOOKUP(AA$1,városok!$A$2:$C$346,3,0))^2)/1000,0)</f>
        <v>218</v>
      </c>
      <c r="AB308">
        <f ca="1">ROUND(SQRT((VLOOKUP($A308,városok!$A$2:$C$346,2,0)-VLOOKUP(AB$1,városok!$A$2:$C$346,2,0))^2+(VLOOKUP($A308,városok!$A$2:$C$346,3,0)-VLOOKUP(AB$1,városok!$A$2:$C$346,3,0))^2)/1000,0)</f>
        <v>249</v>
      </c>
      <c r="AC308">
        <f ca="1">ROUND(SQRT((VLOOKUP($A308,városok!$A$2:$C$346,2,0)-VLOOKUP(AC$1,városok!$A$2:$C$346,2,0))^2+(VLOOKUP($A308,városok!$A$2:$C$346,3,0)-VLOOKUP(AC$1,városok!$A$2:$C$346,3,0))^2)/1000,0)</f>
        <v>229</v>
      </c>
      <c r="AD308">
        <f ca="1">ROUND(SQRT((VLOOKUP($A308,városok!$A$2:$C$346,2,0)-VLOOKUP(AD$1,városok!$A$2:$C$346,2,0))^2+(VLOOKUP($A308,városok!$A$2:$C$346,3,0)-VLOOKUP(AD$1,városok!$A$2:$C$346,3,0))^2)/1000,0)</f>
        <v>213</v>
      </c>
      <c r="AE308">
        <f ca="1">ROUND(SQRT((VLOOKUP($A308,városok!$A$2:$C$346,2,0)-VLOOKUP(AE$1,városok!$A$2:$C$346,2,0))^2+(VLOOKUP($A308,városok!$A$2:$C$346,3,0)-VLOOKUP(AE$1,városok!$A$2:$C$346,3,0))^2)/1000,0)</f>
        <v>205</v>
      </c>
      <c r="AF308">
        <f ca="1">ROUND(SQRT((VLOOKUP($A308,városok!$A$2:$C$346,2,0)-VLOOKUP(AF$1,városok!$A$2:$C$346,2,0))^2+(VLOOKUP($A308,városok!$A$2:$C$346,3,0)-VLOOKUP(AF$1,városok!$A$2:$C$346,3,0))^2)/1000,0)</f>
        <v>204</v>
      </c>
      <c r="AG308">
        <f ca="1">ROUND(SQRT((VLOOKUP($A308,városok!$A$2:$C$346,2,0)-VLOOKUP(AG$1,városok!$A$2:$C$346,2,0))^2+(VLOOKUP($A308,városok!$A$2:$C$346,3,0)-VLOOKUP(AG$1,városok!$A$2:$C$346,3,0))^2)/1000,0)</f>
        <v>174</v>
      </c>
      <c r="AH308">
        <f ca="1">ROUND(SQRT((VLOOKUP($A308,városok!$A$2:$C$346,2,0)-VLOOKUP(AH$1,városok!$A$2:$C$346,2,0))^2+(VLOOKUP($A308,városok!$A$2:$C$346,3,0)-VLOOKUP(AH$1,városok!$A$2:$C$346,3,0))^2)/1000,0)</f>
        <v>154</v>
      </c>
      <c r="AI308">
        <f ca="1">ROUND(SQRT((VLOOKUP($A308,városok!$A$2:$C$346,2,0)-VLOOKUP(AI$1,városok!$A$2:$C$346,2,0))^2+(VLOOKUP($A308,városok!$A$2:$C$346,3,0)-VLOOKUP(AI$1,városok!$A$2:$C$346,3,0))^2)/1000,0)</f>
        <v>203</v>
      </c>
      <c r="AJ308">
        <f ca="1">ROUND(SQRT((VLOOKUP($A308,városok!$A$2:$C$346,2,0)-VLOOKUP(AJ$1,városok!$A$2:$C$346,2,0))^2+(VLOOKUP($A308,városok!$A$2:$C$346,3,0)-VLOOKUP(AJ$1,városok!$A$2:$C$346,3,0))^2)/1000,0)</f>
        <v>163</v>
      </c>
      <c r="AK308">
        <f ca="1">ROUND(SQRT((VLOOKUP($A308,városok!$A$2:$C$346,2,0)-VLOOKUP(AK$1,városok!$A$2:$C$346,2,0))^2+(VLOOKUP($A308,városok!$A$2:$C$346,3,0)-VLOOKUP(AK$1,városok!$A$2:$C$346,3,0))^2)/1000,0)</f>
        <v>192</v>
      </c>
      <c r="AL308">
        <f ca="1">ROUND(SQRT((VLOOKUP($A308,városok!$A$2:$C$346,2,0)-VLOOKUP(AL$1,városok!$A$2:$C$346,2,0))^2+(VLOOKUP($A308,városok!$A$2:$C$346,3,0)-VLOOKUP(AL$1,városok!$A$2:$C$346,3,0))^2)/1000,0)</f>
        <v>175</v>
      </c>
      <c r="AM308">
        <f ca="1">ROUND(SQRT((VLOOKUP($A308,városok!$A$2:$C$346,2,0)-VLOOKUP(AM$1,városok!$A$2:$C$346,2,0))^2+(VLOOKUP($A308,városok!$A$2:$C$346,3,0)-VLOOKUP(AM$1,városok!$A$2:$C$346,3,0))^2)/1000,0)</f>
        <v>136</v>
      </c>
      <c r="AN308">
        <f ca="1">ROUND(SQRT((VLOOKUP($A308,városok!$A$2:$C$346,2,0)-VLOOKUP(AN$1,városok!$A$2:$C$346,2,0))^2+(VLOOKUP($A308,városok!$A$2:$C$346,3,0)-VLOOKUP(AN$1,városok!$A$2:$C$346,3,0))^2)/1000,0)</f>
        <v>152</v>
      </c>
      <c r="AO308">
        <f ca="1">ROUND(SQRT((VLOOKUP($A308,városok!$A$2:$C$346,2,0)-VLOOKUP(AO$1,városok!$A$2:$C$346,2,0))^2+(VLOOKUP($A308,városok!$A$2:$C$346,3,0)-VLOOKUP(AO$1,városok!$A$2:$C$346,3,0))^2)/1000,0)</f>
        <v>155</v>
      </c>
      <c r="AP308">
        <f ca="1">ROUND(SQRT((VLOOKUP($A308,városok!$A$2:$C$346,2,0)-VLOOKUP(AP$1,városok!$A$2:$C$346,2,0))^2+(VLOOKUP($A308,városok!$A$2:$C$346,3,0)-VLOOKUP(AP$1,városok!$A$2:$C$346,3,0))^2)/1000,0)</f>
        <v>140</v>
      </c>
      <c r="AQ308">
        <f ca="1">ROUND(SQRT((VLOOKUP($A308,városok!$A$2:$C$346,2,0)-VLOOKUP(AQ$1,városok!$A$2:$C$346,2,0))^2+(VLOOKUP($A308,városok!$A$2:$C$346,3,0)-VLOOKUP(AQ$1,városok!$A$2:$C$346,3,0))^2)/1000,0)</f>
        <v>130</v>
      </c>
      <c r="AR308">
        <f ca="1">ROUND(SQRT((VLOOKUP($A308,városok!$A$2:$C$346,2,0)-VLOOKUP(AR$1,városok!$A$2:$C$346,2,0))^2+(VLOOKUP($A308,városok!$A$2:$C$346,3,0)-VLOOKUP(AR$1,városok!$A$2:$C$346,3,0))^2)/1000,0)</f>
        <v>180</v>
      </c>
      <c r="AS308">
        <f ca="1">ROUND(SQRT((VLOOKUP($A308,városok!$A$2:$C$346,2,0)-VLOOKUP(AS$1,városok!$A$2:$C$346,2,0))^2+(VLOOKUP($A308,városok!$A$2:$C$346,3,0)-VLOOKUP(AS$1,városok!$A$2:$C$346,3,0))^2)/1000,0)</f>
        <v>203</v>
      </c>
      <c r="AT308">
        <f ca="1">ROUND(SQRT((VLOOKUP($A308,városok!$A$2:$C$346,2,0)-VLOOKUP(AT$1,városok!$A$2:$C$346,2,0))^2+(VLOOKUP($A308,városok!$A$2:$C$346,3,0)-VLOOKUP(AT$1,városok!$A$2:$C$346,3,0))^2)/1000,0)</f>
        <v>116</v>
      </c>
      <c r="AU308">
        <f ca="1">ROUND(SQRT((VLOOKUP($A308,városok!$A$2:$C$346,2,0)-VLOOKUP(AU$1,városok!$A$2:$C$346,2,0))^2+(VLOOKUP($A308,városok!$A$2:$C$346,3,0)-VLOOKUP(AU$1,városok!$A$2:$C$346,3,0))^2)/1000,0)</f>
        <v>116</v>
      </c>
      <c r="AV308">
        <f ca="1">ROUND(SQRT((VLOOKUP($A308,városok!$A$2:$C$346,2,0)-VLOOKUP(AV$1,városok!$A$2:$C$346,2,0))^2+(VLOOKUP($A308,városok!$A$2:$C$346,3,0)-VLOOKUP(AV$1,városok!$A$2:$C$346,3,0))^2)/1000,0)</f>
        <v>110</v>
      </c>
      <c r="AW308">
        <f ca="1">ROUND(SQRT((VLOOKUP($A308,városok!$A$2:$C$346,2,0)-VLOOKUP(AW$1,városok!$A$2:$C$346,2,0))^2+(VLOOKUP($A308,városok!$A$2:$C$346,3,0)-VLOOKUP(AW$1,városok!$A$2:$C$346,3,0))^2)/1000,0)</f>
        <v>108</v>
      </c>
      <c r="AX308">
        <f ca="1">ROUND(SQRT((VLOOKUP($A308,városok!$A$2:$C$346,2,0)-VLOOKUP(AX$1,városok!$A$2:$C$346,2,0))^2+(VLOOKUP($A308,városok!$A$2:$C$346,3,0)-VLOOKUP(AX$1,városok!$A$2:$C$346,3,0))^2)/1000,0)</f>
        <v>102</v>
      </c>
      <c r="AY308">
        <f ca="1">ROUND(SQRT((VLOOKUP($A308,városok!$A$2:$C$346,2,0)-VLOOKUP(AY$1,városok!$A$2:$C$346,2,0))^2+(VLOOKUP($A308,városok!$A$2:$C$346,3,0)-VLOOKUP(AY$1,városok!$A$2:$C$346,3,0))^2)/1000,0)</f>
        <v>141</v>
      </c>
      <c r="AZ308">
        <f ca="1">ROUND(SQRT((VLOOKUP($A308,városok!$A$2:$C$346,2,0)-VLOOKUP(AZ$1,városok!$A$2:$C$346,2,0))^2+(VLOOKUP($A308,városok!$A$2:$C$346,3,0)-VLOOKUP(AZ$1,városok!$A$2:$C$346,3,0))^2)/1000,0)</f>
        <v>152</v>
      </c>
      <c r="BA308">
        <f ca="1">ROUND(SQRT((VLOOKUP($A308,városok!$A$2:$C$346,2,0)-VLOOKUP(BA$1,városok!$A$2:$C$346,2,0))^2+(VLOOKUP($A308,városok!$A$2:$C$346,3,0)-VLOOKUP(BA$1,városok!$A$2:$C$346,3,0))^2)/1000,0)</f>
        <v>92</v>
      </c>
      <c r="BB308">
        <f ca="1">ROUND(SQRT((VLOOKUP($A308,városok!$A$2:$C$346,2,0)-VLOOKUP(BB$1,városok!$A$2:$C$346,2,0))^2+(VLOOKUP($A308,városok!$A$2:$C$346,3,0)-VLOOKUP(BB$1,városok!$A$2:$C$346,3,0))^2)/1000,0)</f>
        <v>66</v>
      </c>
      <c r="BC308">
        <f ca="1">ROUND(SQRT((VLOOKUP($A308,városok!$A$2:$C$346,2,0)-VLOOKUP(BC$1,városok!$A$2:$C$346,2,0))^2+(VLOOKUP($A308,városok!$A$2:$C$346,3,0)-VLOOKUP(BC$1,városok!$A$2:$C$346,3,0))^2)/1000,0)</f>
        <v>76</v>
      </c>
      <c r="BD308">
        <f ca="1">ROUND(SQRT((VLOOKUP($A308,városok!$A$2:$C$346,2,0)-VLOOKUP(BD$1,városok!$A$2:$C$346,2,0))^2+(VLOOKUP($A308,városok!$A$2:$C$346,3,0)-VLOOKUP(BD$1,városok!$A$2:$C$346,3,0))^2)/1000,0)</f>
        <v>77</v>
      </c>
      <c r="BE308">
        <f ca="1">ROUND(SQRT((VLOOKUP($A308,városok!$A$2:$C$346,2,0)-VLOOKUP(BE$1,városok!$A$2:$C$346,2,0))^2+(VLOOKUP($A308,városok!$A$2:$C$346,3,0)-VLOOKUP(BE$1,városok!$A$2:$C$346,3,0))^2)/1000,0)</f>
        <v>334</v>
      </c>
      <c r="BF308">
        <f ca="1">ROUND(SQRT((VLOOKUP($A308,városok!$A$2:$C$346,2,0)-VLOOKUP(BF$1,városok!$A$2:$C$346,2,0))^2+(VLOOKUP($A308,városok!$A$2:$C$346,3,0)-VLOOKUP(BF$1,városok!$A$2:$C$346,3,0))^2)/1000,0)</f>
        <v>319</v>
      </c>
      <c r="BG308">
        <f ca="1">ROUND(SQRT((VLOOKUP($A308,városok!$A$2:$C$346,2,0)-VLOOKUP(BG$1,városok!$A$2:$C$346,2,0))^2+(VLOOKUP($A308,városok!$A$2:$C$346,3,0)-VLOOKUP(BG$1,városok!$A$2:$C$346,3,0))^2)/1000,0)</f>
        <v>277</v>
      </c>
      <c r="BH308">
        <f ca="1">ROUND(SQRT((VLOOKUP($A308,városok!$A$2:$C$346,2,0)-VLOOKUP(BH$1,városok!$A$2:$C$346,2,0))^2+(VLOOKUP($A308,városok!$A$2:$C$346,3,0)-VLOOKUP(BH$1,városok!$A$2:$C$346,3,0))^2)/1000,0)</f>
        <v>277</v>
      </c>
      <c r="BI308">
        <f ca="1">ROUND(SQRT((VLOOKUP($A308,városok!$A$2:$C$346,2,0)-VLOOKUP(BI$1,városok!$A$2:$C$346,2,0))^2+(VLOOKUP($A308,városok!$A$2:$C$346,3,0)-VLOOKUP(BI$1,városok!$A$2:$C$346,3,0))^2)/1000,0)</f>
        <v>13</v>
      </c>
      <c r="BJ308">
        <f ca="1">ROUND(SQRT((VLOOKUP($A308,városok!$A$2:$C$346,2,0)-VLOOKUP(BJ$1,városok!$A$2:$C$346,2,0))^2+(VLOOKUP($A308,városok!$A$2:$C$346,3,0)-VLOOKUP(BJ$1,városok!$A$2:$C$346,3,0))^2)/1000,0)</f>
        <v>29</v>
      </c>
      <c r="BK308">
        <f ca="1">ROUND(SQRT((VLOOKUP($A308,városok!$A$2:$C$346,2,0)-VLOOKUP(BK$1,városok!$A$2:$C$346,2,0))^2+(VLOOKUP($A308,városok!$A$2:$C$346,3,0)-VLOOKUP(BK$1,városok!$A$2:$C$346,3,0))^2)/1000,0)</f>
        <v>10</v>
      </c>
      <c r="BL308">
        <f ca="1">ROUND(SQRT((VLOOKUP($A308,városok!$A$2:$C$346,2,0)-VLOOKUP(BL$1,városok!$A$2:$C$346,2,0))^2+(VLOOKUP($A308,városok!$A$2:$C$346,3,0)-VLOOKUP(BL$1,városok!$A$2:$C$346,3,0))^2)/1000,0)</f>
        <v>179</v>
      </c>
      <c r="BM308">
        <f ca="1">ROUND(SQRT((VLOOKUP($A308,városok!$A$2:$C$346,2,0)-VLOOKUP(BM$1,városok!$A$2:$C$346,2,0))^2+(VLOOKUP($A308,városok!$A$2:$C$346,3,0)-VLOOKUP(BM$1,városok!$A$2:$C$346,3,0))^2)/1000,0)</f>
        <v>168</v>
      </c>
      <c r="BN308">
        <f ca="1">ROUND(SQRT((VLOOKUP($A308,városok!$A$2:$C$346,2,0)-VLOOKUP(BN$1,városok!$A$2:$C$346,2,0))^2+(VLOOKUP($A308,városok!$A$2:$C$346,3,0)-VLOOKUP(BN$1,városok!$A$2:$C$346,3,0))^2)/1000,0)</f>
        <v>188</v>
      </c>
      <c r="BO308">
        <f ca="1">ROUND(SQRT((VLOOKUP($A308,városok!$A$2:$C$346,2,0)-VLOOKUP(BO$1,városok!$A$2:$C$346,2,0))^2+(VLOOKUP($A308,városok!$A$2:$C$346,3,0)-VLOOKUP(BO$1,városok!$A$2:$C$346,3,0))^2)/1000,0)</f>
        <v>89</v>
      </c>
      <c r="BP308">
        <f ca="1">ROUND(SQRT((VLOOKUP($A308,városok!$A$2:$C$346,2,0)-VLOOKUP(BP$1,városok!$A$2:$C$346,2,0))^2+(VLOOKUP($A308,városok!$A$2:$C$346,3,0)-VLOOKUP(BP$1,városok!$A$2:$C$346,3,0))^2)/1000,0)</f>
        <v>85</v>
      </c>
      <c r="BQ308">
        <f ca="1">ROUND(SQRT((VLOOKUP($A308,városok!$A$2:$C$346,2,0)-VLOOKUP(BQ$1,városok!$A$2:$C$346,2,0))^2+(VLOOKUP($A308,városok!$A$2:$C$346,3,0)-VLOOKUP(BQ$1,városok!$A$2:$C$346,3,0))^2)/1000,0)</f>
        <v>99</v>
      </c>
      <c r="BR308">
        <f ca="1">ROUND(SQRT((VLOOKUP($A308,városok!$A$2:$C$346,2,0)-VLOOKUP(BR$1,városok!$A$2:$C$346,2,0))^2+(VLOOKUP($A308,városok!$A$2:$C$346,3,0)-VLOOKUP(BR$1,városok!$A$2:$C$346,3,0))^2)/1000,0)</f>
        <v>123</v>
      </c>
      <c r="BS308">
        <f ca="1">ROUND(SQRT((VLOOKUP($A308,városok!$A$2:$C$346,2,0)-VLOOKUP(BS$1,városok!$A$2:$C$346,2,0))^2+(VLOOKUP($A308,városok!$A$2:$C$346,3,0)-VLOOKUP(BS$1,városok!$A$2:$C$346,3,0))^2)/1000,0)</f>
        <v>137</v>
      </c>
      <c r="BT308">
        <f ca="1">ROUND(SQRT((VLOOKUP($A308,városok!$A$2:$C$346,2,0)-VLOOKUP(BT$1,városok!$A$2:$C$346,2,0))^2+(VLOOKUP($A308,városok!$A$2:$C$346,3,0)-VLOOKUP(BT$1,városok!$A$2:$C$346,3,0))^2)/1000,0)</f>
        <v>155</v>
      </c>
    </row>
    <row r="309" spans="1:72" x14ac:dyDescent="0.2">
      <c r="A309" t="str">
        <f>városok!A309</f>
        <v>Bük</v>
      </c>
      <c r="B309">
        <f ca="1">ROUND(SQRT((VLOOKUP($A309,városok!$A$2:$C$346,2,0)-VLOOKUP(B$1,városok!$A$2:$C$346,2,0))^2+(VLOOKUP($A309,városok!$A$2:$C$346,3,0)-VLOOKUP(B$1,városok!$A$2:$C$346,3,0))^2)/1000,0)</f>
        <v>215</v>
      </c>
      <c r="C309">
        <f ca="1">ROUND(SQRT((VLOOKUP($A309,városok!$A$2:$C$346,2,0)-VLOOKUP(C$1,városok!$A$2:$C$346,2,0))^2+(VLOOKUP($A309,városok!$A$2:$C$346,3,0)-VLOOKUP(C$1,városok!$A$2:$C$346,3,0))^2)/1000,0)</f>
        <v>194</v>
      </c>
      <c r="D309">
        <f ca="1">ROUND(SQRT((VLOOKUP($A309,városok!$A$2:$C$346,2,0)-VLOOKUP(D$1,városok!$A$2:$C$346,2,0))^2+(VLOOKUP($A309,városok!$A$2:$C$346,3,0)-VLOOKUP(D$1,városok!$A$2:$C$346,3,0))^2)/1000,0)</f>
        <v>229</v>
      </c>
      <c r="E309">
        <f ca="1">ROUND(SQRT((VLOOKUP($A309,városok!$A$2:$C$346,2,0)-VLOOKUP(E$1,városok!$A$2:$C$346,2,0))^2+(VLOOKUP($A309,városok!$A$2:$C$346,3,0)-VLOOKUP(E$1,városok!$A$2:$C$346,3,0))^2)/1000,0)</f>
        <v>176</v>
      </c>
      <c r="F309">
        <f ca="1">ROUND(SQRT((VLOOKUP($A309,városok!$A$2:$C$346,2,0)-VLOOKUP(F$1,városok!$A$2:$C$346,2,0))^2+(VLOOKUP($A309,városok!$A$2:$C$346,3,0)-VLOOKUP(F$1,városok!$A$2:$C$346,3,0))^2)/1000,0)</f>
        <v>214</v>
      </c>
      <c r="G309">
        <f ca="1">ROUND(SQRT((VLOOKUP($A309,városok!$A$2:$C$346,2,0)-VLOOKUP(G$1,városok!$A$2:$C$346,2,0))^2+(VLOOKUP($A309,városok!$A$2:$C$346,3,0)-VLOOKUP(G$1,városok!$A$2:$C$346,3,0))^2)/1000,0)</f>
        <v>185</v>
      </c>
      <c r="H309">
        <f ca="1">ROUND(SQRT((VLOOKUP($A309,városok!$A$2:$C$346,2,0)-VLOOKUP(H$1,városok!$A$2:$C$346,2,0))^2+(VLOOKUP($A309,városok!$A$2:$C$346,3,0)-VLOOKUP(H$1,városok!$A$2:$C$346,3,0))^2)/1000,0)</f>
        <v>169</v>
      </c>
      <c r="I309">
        <f ca="1">ROUND(SQRT((VLOOKUP($A309,városok!$A$2:$C$346,2,0)-VLOOKUP(I$1,városok!$A$2:$C$346,2,0))^2+(VLOOKUP($A309,városok!$A$2:$C$346,3,0)-VLOOKUP(I$1,városok!$A$2:$C$346,3,0))^2)/1000,0)</f>
        <v>338</v>
      </c>
      <c r="J309">
        <f ca="1">ROUND(SQRT((VLOOKUP($A309,városok!$A$2:$C$346,2,0)-VLOOKUP(J$1,városok!$A$2:$C$346,2,0))^2+(VLOOKUP($A309,városok!$A$2:$C$346,3,0)-VLOOKUP(J$1,városok!$A$2:$C$346,3,0))^2)/1000,0)</f>
        <v>353</v>
      </c>
      <c r="K309">
        <f ca="1">ROUND(SQRT((VLOOKUP($A309,városok!$A$2:$C$346,2,0)-VLOOKUP(K$1,városok!$A$2:$C$346,2,0))^2+(VLOOKUP($A309,városok!$A$2:$C$346,3,0)-VLOOKUP(K$1,városok!$A$2:$C$346,3,0))^2)/1000,0)</f>
        <v>311</v>
      </c>
      <c r="L309">
        <f ca="1">ROUND(SQRT((VLOOKUP($A309,városok!$A$2:$C$346,2,0)-VLOOKUP(L$1,városok!$A$2:$C$346,2,0))^2+(VLOOKUP($A309,városok!$A$2:$C$346,3,0)-VLOOKUP(L$1,városok!$A$2:$C$346,3,0))^2)/1000,0)</f>
        <v>306</v>
      </c>
      <c r="M309">
        <f ca="1">ROUND(SQRT((VLOOKUP($A309,városok!$A$2:$C$346,2,0)-VLOOKUP(M$1,városok!$A$2:$C$346,2,0))^2+(VLOOKUP($A309,városok!$A$2:$C$346,3,0)-VLOOKUP(M$1,városok!$A$2:$C$346,3,0))^2)/1000,0)</f>
        <v>313</v>
      </c>
      <c r="N309">
        <f ca="1">ROUND(SQRT((VLOOKUP($A309,városok!$A$2:$C$346,2,0)-VLOOKUP(N$1,városok!$A$2:$C$346,2,0))^2+(VLOOKUP($A309,városok!$A$2:$C$346,3,0)-VLOOKUP(N$1,városok!$A$2:$C$346,3,0))^2)/1000,0)</f>
        <v>281</v>
      </c>
      <c r="O309">
        <f ca="1">ROUND(SQRT((VLOOKUP($A309,városok!$A$2:$C$346,2,0)-VLOOKUP(O$1,városok!$A$2:$C$346,2,0))^2+(VLOOKUP($A309,városok!$A$2:$C$346,3,0)-VLOOKUP(O$1,városok!$A$2:$C$346,3,0))^2)/1000,0)</f>
        <v>383</v>
      </c>
      <c r="P309">
        <f ca="1">ROUND(SQRT((VLOOKUP($A309,városok!$A$2:$C$346,2,0)-VLOOKUP(P$1,városok!$A$2:$C$346,2,0))^2+(VLOOKUP($A309,városok!$A$2:$C$346,3,0)-VLOOKUP(P$1,városok!$A$2:$C$346,3,0))^2)/1000,0)</f>
        <v>383</v>
      </c>
      <c r="Q309">
        <f ca="1">ROUND(SQRT((VLOOKUP($A309,városok!$A$2:$C$346,2,0)-VLOOKUP(Q$1,városok!$A$2:$C$346,2,0))^2+(VLOOKUP($A309,városok!$A$2:$C$346,3,0)-VLOOKUP(Q$1,városok!$A$2:$C$346,3,0))^2)/1000,0)</f>
        <v>292</v>
      </c>
      <c r="R309">
        <f ca="1">ROUND(SQRT((VLOOKUP($A309,városok!$A$2:$C$346,2,0)-VLOOKUP(R$1,városok!$A$2:$C$346,2,0))^2+(VLOOKUP($A309,városok!$A$2:$C$346,3,0)-VLOOKUP(R$1,városok!$A$2:$C$346,3,0))^2)/1000,0)</f>
        <v>312</v>
      </c>
      <c r="S309">
        <f ca="1">ROUND(SQRT((VLOOKUP($A309,városok!$A$2:$C$346,2,0)-VLOOKUP(S$1,városok!$A$2:$C$346,2,0))^2+(VLOOKUP($A309,városok!$A$2:$C$346,3,0)-VLOOKUP(S$1,városok!$A$2:$C$346,3,0))^2)/1000,0)</f>
        <v>289</v>
      </c>
      <c r="T309">
        <f ca="1">ROUND(SQRT((VLOOKUP($A309,városok!$A$2:$C$346,2,0)-VLOOKUP(T$1,városok!$A$2:$C$346,2,0))^2+(VLOOKUP($A309,városok!$A$2:$C$346,3,0)-VLOOKUP(T$1,városok!$A$2:$C$346,3,0))^2)/1000,0)</f>
        <v>142</v>
      </c>
      <c r="U309">
        <f ca="1">ROUND(SQRT((VLOOKUP($A309,városok!$A$2:$C$346,2,0)-VLOOKUP(U$1,városok!$A$2:$C$346,2,0))^2+(VLOOKUP($A309,városok!$A$2:$C$346,3,0)-VLOOKUP(U$1,városok!$A$2:$C$346,3,0))^2)/1000,0)</f>
        <v>172</v>
      </c>
      <c r="V309">
        <f ca="1">ROUND(SQRT((VLOOKUP($A309,városok!$A$2:$C$346,2,0)-VLOOKUP(V$1,városok!$A$2:$C$346,2,0))^2+(VLOOKUP($A309,városok!$A$2:$C$346,3,0)-VLOOKUP(V$1,városok!$A$2:$C$346,3,0))^2)/1000,0)</f>
        <v>123</v>
      </c>
      <c r="W309">
        <f ca="1">ROUND(SQRT((VLOOKUP($A309,városok!$A$2:$C$346,2,0)-VLOOKUP(W$1,városok!$A$2:$C$346,2,0))^2+(VLOOKUP($A309,városok!$A$2:$C$346,3,0)-VLOOKUP(W$1,városok!$A$2:$C$346,3,0))^2)/1000,0)</f>
        <v>152</v>
      </c>
      <c r="X309">
        <f ca="1">ROUND(SQRT((VLOOKUP($A309,városok!$A$2:$C$346,2,0)-VLOOKUP(X$1,városok!$A$2:$C$346,2,0))^2+(VLOOKUP($A309,városok!$A$2:$C$346,3,0)-VLOOKUP(X$1,városok!$A$2:$C$346,3,0))^2)/1000,0)</f>
        <v>119</v>
      </c>
      <c r="Y309">
        <f ca="1">ROUND(SQRT((VLOOKUP($A309,városok!$A$2:$C$346,2,0)-VLOOKUP(Y$1,városok!$A$2:$C$346,2,0))^2+(VLOOKUP($A309,városok!$A$2:$C$346,3,0)-VLOOKUP(Y$1,városok!$A$2:$C$346,3,0))^2)/1000,0)</f>
        <v>74</v>
      </c>
      <c r="Z309">
        <f ca="1">ROUND(SQRT((VLOOKUP($A309,városok!$A$2:$C$346,2,0)-VLOOKUP(Z$1,városok!$A$2:$C$346,2,0))^2+(VLOOKUP($A309,városok!$A$2:$C$346,3,0)-VLOOKUP(Z$1,városok!$A$2:$C$346,3,0))^2)/1000,0)</f>
        <v>61</v>
      </c>
      <c r="AA309">
        <f ca="1">ROUND(SQRT((VLOOKUP($A309,városok!$A$2:$C$346,2,0)-VLOOKUP(AA$1,városok!$A$2:$C$346,2,0))^2+(VLOOKUP($A309,városok!$A$2:$C$346,3,0)-VLOOKUP(AA$1,városok!$A$2:$C$346,3,0))^2)/1000,0)</f>
        <v>35</v>
      </c>
      <c r="AB309">
        <f ca="1">ROUND(SQRT((VLOOKUP($A309,városok!$A$2:$C$346,2,0)-VLOOKUP(AB$1,városok!$A$2:$C$346,2,0))^2+(VLOOKUP($A309,városok!$A$2:$C$346,3,0)-VLOOKUP(AB$1,városok!$A$2:$C$346,3,0))^2)/1000,0)</f>
        <v>368</v>
      </c>
      <c r="AC309">
        <f ca="1">ROUND(SQRT((VLOOKUP($A309,városok!$A$2:$C$346,2,0)-VLOOKUP(AC$1,városok!$A$2:$C$346,2,0))^2+(VLOOKUP($A309,városok!$A$2:$C$346,3,0)-VLOOKUP(AC$1,városok!$A$2:$C$346,3,0))^2)/1000,0)</f>
        <v>350</v>
      </c>
      <c r="AD309">
        <f ca="1">ROUND(SQRT((VLOOKUP($A309,városok!$A$2:$C$346,2,0)-VLOOKUP(AD$1,városok!$A$2:$C$346,2,0))^2+(VLOOKUP($A309,városok!$A$2:$C$346,3,0)-VLOOKUP(AD$1,városok!$A$2:$C$346,3,0))^2)/1000,0)</f>
        <v>332</v>
      </c>
      <c r="AE309">
        <f ca="1">ROUND(SQRT((VLOOKUP($A309,városok!$A$2:$C$346,2,0)-VLOOKUP(AE$1,városok!$A$2:$C$346,2,0))^2+(VLOOKUP($A309,városok!$A$2:$C$346,3,0)-VLOOKUP(AE$1,városok!$A$2:$C$346,3,0))^2)/1000,0)</f>
        <v>334</v>
      </c>
      <c r="AF309">
        <f ca="1">ROUND(SQRT((VLOOKUP($A309,városok!$A$2:$C$346,2,0)-VLOOKUP(AF$1,városok!$A$2:$C$346,2,0))^2+(VLOOKUP($A309,városok!$A$2:$C$346,3,0)-VLOOKUP(AF$1,városok!$A$2:$C$346,3,0))^2)/1000,0)</f>
        <v>278</v>
      </c>
      <c r="AG309">
        <f ca="1">ROUND(SQRT((VLOOKUP($A309,városok!$A$2:$C$346,2,0)-VLOOKUP(AG$1,városok!$A$2:$C$346,2,0))^2+(VLOOKUP($A309,városok!$A$2:$C$346,3,0)-VLOOKUP(AG$1,városok!$A$2:$C$346,3,0))^2)/1000,0)</f>
        <v>242</v>
      </c>
      <c r="AH309">
        <f ca="1">ROUND(SQRT((VLOOKUP($A309,városok!$A$2:$C$346,2,0)-VLOOKUP(AH$1,városok!$A$2:$C$346,2,0))^2+(VLOOKUP($A309,városok!$A$2:$C$346,3,0)-VLOOKUP(AH$1,városok!$A$2:$C$346,3,0))^2)/1000,0)</f>
        <v>222</v>
      </c>
      <c r="AI309">
        <f ca="1">ROUND(SQRT((VLOOKUP($A309,városok!$A$2:$C$346,2,0)-VLOOKUP(AI$1,városok!$A$2:$C$346,2,0))^2+(VLOOKUP($A309,városok!$A$2:$C$346,3,0)-VLOOKUP(AI$1,városok!$A$2:$C$346,3,0))^2)/1000,0)</f>
        <v>260</v>
      </c>
      <c r="AJ309">
        <f ca="1">ROUND(SQRT((VLOOKUP($A309,városok!$A$2:$C$346,2,0)-VLOOKUP(AJ$1,városok!$A$2:$C$346,2,0))^2+(VLOOKUP($A309,városok!$A$2:$C$346,3,0)-VLOOKUP(AJ$1,városok!$A$2:$C$346,3,0))^2)/1000,0)</f>
        <v>244</v>
      </c>
      <c r="AK309">
        <f ca="1">ROUND(SQRT((VLOOKUP($A309,városok!$A$2:$C$346,2,0)-VLOOKUP(AK$1,városok!$A$2:$C$346,2,0))^2+(VLOOKUP($A309,városok!$A$2:$C$346,3,0)-VLOOKUP(AK$1,városok!$A$2:$C$346,3,0))^2)/1000,0)</f>
        <v>319</v>
      </c>
      <c r="AL309">
        <f ca="1">ROUND(SQRT((VLOOKUP($A309,városok!$A$2:$C$346,2,0)-VLOOKUP(AL$1,városok!$A$2:$C$346,2,0))^2+(VLOOKUP($A309,városok!$A$2:$C$346,3,0)-VLOOKUP(AL$1,városok!$A$2:$C$346,3,0))^2)/1000,0)</f>
        <v>292</v>
      </c>
      <c r="AM309">
        <f ca="1">ROUND(SQRT((VLOOKUP($A309,városok!$A$2:$C$346,2,0)-VLOOKUP(AM$1,városok!$A$2:$C$346,2,0))^2+(VLOOKUP($A309,városok!$A$2:$C$346,3,0)-VLOOKUP(AM$1,városok!$A$2:$C$346,3,0))^2)/1000,0)</f>
        <v>260</v>
      </c>
      <c r="AN309">
        <f ca="1">ROUND(SQRT((VLOOKUP($A309,városok!$A$2:$C$346,2,0)-VLOOKUP(AN$1,városok!$A$2:$C$346,2,0))^2+(VLOOKUP($A309,városok!$A$2:$C$346,3,0)-VLOOKUP(AN$1,városok!$A$2:$C$346,3,0))^2)/1000,0)</f>
        <v>156</v>
      </c>
      <c r="AO309">
        <f ca="1">ROUND(SQRT((VLOOKUP($A309,városok!$A$2:$C$346,2,0)-VLOOKUP(AO$1,városok!$A$2:$C$346,2,0))^2+(VLOOKUP($A309,városok!$A$2:$C$346,3,0)-VLOOKUP(AO$1,városok!$A$2:$C$346,3,0))^2)/1000,0)</f>
        <v>110</v>
      </c>
      <c r="AP309">
        <f ca="1">ROUND(SQRT((VLOOKUP($A309,városok!$A$2:$C$346,2,0)-VLOOKUP(AP$1,városok!$A$2:$C$346,2,0))^2+(VLOOKUP($A309,városok!$A$2:$C$346,3,0)-VLOOKUP(AP$1,városok!$A$2:$C$346,3,0))^2)/1000,0)</f>
        <v>122</v>
      </c>
      <c r="AQ309">
        <f ca="1">ROUND(SQRT((VLOOKUP($A309,városok!$A$2:$C$346,2,0)-VLOOKUP(AQ$1,városok!$A$2:$C$346,2,0))^2+(VLOOKUP($A309,városok!$A$2:$C$346,3,0)-VLOOKUP(AQ$1,városok!$A$2:$C$346,3,0))^2)/1000,0)</f>
        <v>126</v>
      </c>
      <c r="AR309">
        <f ca="1">ROUND(SQRT((VLOOKUP($A309,városok!$A$2:$C$346,2,0)-VLOOKUP(AR$1,városok!$A$2:$C$346,2,0))^2+(VLOOKUP($A309,városok!$A$2:$C$346,3,0)-VLOOKUP(AR$1,városok!$A$2:$C$346,3,0))^2)/1000,0)</f>
        <v>229</v>
      </c>
      <c r="AS309">
        <f ca="1">ROUND(SQRT((VLOOKUP($A309,városok!$A$2:$C$346,2,0)-VLOOKUP(AS$1,városok!$A$2:$C$346,2,0))^2+(VLOOKUP($A309,városok!$A$2:$C$346,3,0)-VLOOKUP(AS$1,városok!$A$2:$C$346,3,0))^2)/1000,0)</f>
        <v>243</v>
      </c>
      <c r="AT309">
        <f ca="1">ROUND(SQRT((VLOOKUP($A309,városok!$A$2:$C$346,2,0)-VLOOKUP(AT$1,városok!$A$2:$C$346,2,0))^2+(VLOOKUP($A309,városok!$A$2:$C$346,3,0)-VLOOKUP(AT$1,városok!$A$2:$C$346,3,0))^2)/1000,0)</f>
        <v>156</v>
      </c>
      <c r="AU309">
        <f ca="1">ROUND(SQRT((VLOOKUP($A309,városok!$A$2:$C$346,2,0)-VLOOKUP(AU$1,városok!$A$2:$C$346,2,0))^2+(VLOOKUP($A309,városok!$A$2:$C$346,3,0)-VLOOKUP(AU$1,városok!$A$2:$C$346,3,0))^2)/1000,0)</f>
        <v>167</v>
      </c>
      <c r="AV309">
        <f ca="1">ROUND(SQRT((VLOOKUP($A309,városok!$A$2:$C$346,2,0)-VLOOKUP(AV$1,városok!$A$2:$C$346,2,0))^2+(VLOOKUP($A309,városok!$A$2:$C$346,3,0)-VLOOKUP(AV$1,városok!$A$2:$C$346,3,0))^2)/1000,0)</f>
        <v>166</v>
      </c>
      <c r="AW309">
        <f ca="1">ROUND(SQRT((VLOOKUP($A309,városok!$A$2:$C$346,2,0)-VLOOKUP(AW$1,városok!$A$2:$C$346,2,0))^2+(VLOOKUP($A309,városok!$A$2:$C$346,3,0)-VLOOKUP(AW$1,városok!$A$2:$C$346,3,0))^2)/1000,0)</f>
        <v>163</v>
      </c>
      <c r="AX309">
        <f ca="1">ROUND(SQRT((VLOOKUP($A309,városok!$A$2:$C$346,2,0)-VLOOKUP(AX$1,városok!$A$2:$C$346,2,0))^2+(VLOOKUP($A309,városok!$A$2:$C$346,3,0)-VLOOKUP(AX$1,városok!$A$2:$C$346,3,0))^2)/1000,0)</f>
        <v>233</v>
      </c>
      <c r="AY309">
        <f ca="1">ROUND(SQRT((VLOOKUP($A309,városok!$A$2:$C$346,2,0)-VLOOKUP(AY$1,városok!$A$2:$C$346,2,0))^2+(VLOOKUP($A309,városok!$A$2:$C$346,3,0)-VLOOKUP(AY$1,városok!$A$2:$C$346,3,0))^2)/1000,0)</f>
        <v>177</v>
      </c>
      <c r="AZ309">
        <f ca="1">ROUND(SQRT((VLOOKUP($A309,városok!$A$2:$C$346,2,0)-VLOOKUP(AZ$1,városok!$A$2:$C$346,2,0))^2+(VLOOKUP($A309,városok!$A$2:$C$346,3,0)-VLOOKUP(AZ$1,városok!$A$2:$C$346,3,0))^2)/1000,0)</f>
        <v>172</v>
      </c>
      <c r="BA309">
        <f ca="1">ROUND(SQRT((VLOOKUP($A309,városok!$A$2:$C$346,2,0)-VLOOKUP(BA$1,városok!$A$2:$C$346,2,0))^2+(VLOOKUP($A309,városok!$A$2:$C$346,3,0)-VLOOKUP(BA$1,városok!$A$2:$C$346,3,0))^2)/1000,0)</f>
        <v>99</v>
      </c>
      <c r="BB309">
        <f ca="1">ROUND(SQRT((VLOOKUP($A309,városok!$A$2:$C$346,2,0)-VLOOKUP(BB$1,városok!$A$2:$C$346,2,0))^2+(VLOOKUP($A309,városok!$A$2:$C$346,3,0)-VLOOKUP(BB$1,városok!$A$2:$C$346,3,0))^2)/1000,0)</f>
        <v>131</v>
      </c>
      <c r="BC309">
        <f ca="1">ROUND(SQRT((VLOOKUP($A309,városok!$A$2:$C$346,2,0)-VLOOKUP(BC$1,városok!$A$2:$C$346,2,0))^2+(VLOOKUP($A309,városok!$A$2:$C$346,3,0)-VLOOKUP(BC$1,városok!$A$2:$C$346,3,0))^2)/1000,0)</f>
        <v>139</v>
      </c>
      <c r="BD309">
        <f ca="1">ROUND(SQRT((VLOOKUP($A309,városok!$A$2:$C$346,2,0)-VLOOKUP(BD$1,városok!$A$2:$C$346,2,0))^2+(VLOOKUP($A309,városok!$A$2:$C$346,3,0)-VLOOKUP(BD$1,városok!$A$2:$C$346,3,0))^2)/1000,0)</f>
        <v>113</v>
      </c>
      <c r="BE309">
        <f ca="1">ROUND(SQRT((VLOOKUP($A309,városok!$A$2:$C$346,2,0)-VLOOKUP(BE$1,városok!$A$2:$C$346,2,0))^2+(VLOOKUP($A309,városok!$A$2:$C$346,3,0)-VLOOKUP(BE$1,városok!$A$2:$C$346,3,0))^2)/1000,0)</f>
        <v>447</v>
      </c>
      <c r="BF309">
        <f ca="1">ROUND(SQRT((VLOOKUP($A309,városok!$A$2:$C$346,2,0)-VLOOKUP(BF$1,városok!$A$2:$C$346,2,0))^2+(VLOOKUP($A309,városok!$A$2:$C$346,3,0)-VLOOKUP(BF$1,városok!$A$2:$C$346,3,0))^2)/1000,0)</f>
        <v>409</v>
      </c>
      <c r="BG309">
        <f ca="1">ROUND(SQRT((VLOOKUP($A309,városok!$A$2:$C$346,2,0)-VLOOKUP(BG$1,városok!$A$2:$C$346,2,0))^2+(VLOOKUP($A309,városok!$A$2:$C$346,3,0)-VLOOKUP(BG$1,városok!$A$2:$C$346,3,0))^2)/1000,0)</f>
        <v>363</v>
      </c>
      <c r="BH309">
        <f ca="1">ROUND(SQRT((VLOOKUP($A309,városok!$A$2:$C$346,2,0)-VLOOKUP(BH$1,városok!$A$2:$C$346,2,0))^2+(VLOOKUP($A309,városok!$A$2:$C$346,3,0)-VLOOKUP(BH$1,városok!$A$2:$C$346,3,0))^2)/1000,0)</f>
        <v>362</v>
      </c>
      <c r="BI309">
        <f ca="1">ROUND(SQRT((VLOOKUP($A309,városok!$A$2:$C$346,2,0)-VLOOKUP(BI$1,városok!$A$2:$C$346,2,0))^2+(VLOOKUP($A309,városok!$A$2:$C$346,3,0)-VLOOKUP(BI$1,városok!$A$2:$C$346,3,0))^2)/1000,0)</f>
        <v>180</v>
      </c>
      <c r="BJ309">
        <f ca="1">ROUND(SQRT((VLOOKUP($A309,városok!$A$2:$C$346,2,0)-VLOOKUP(BJ$1,városok!$A$2:$C$346,2,0))^2+(VLOOKUP($A309,városok!$A$2:$C$346,3,0)-VLOOKUP(BJ$1,városok!$A$2:$C$346,3,0))^2)/1000,0)</f>
        <v>179</v>
      </c>
      <c r="BK309">
        <f ca="1">ROUND(SQRT((VLOOKUP($A309,városok!$A$2:$C$346,2,0)-VLOOKUP(BK$1,városok!$A$2:$C$346,2,0))^2+(VLOOKUP($A309,városok!$A$2:$C$346,3,0)-VLOOKUP(BK$1,városok!$A$2:$C$346,3,0))^2)/1000,0)</f>
        <v>188</v>
      </c>
      <c r="BL309">
        <f ca="1">ROUND(SQRT((VLOOKUP($A309,városok!$A$2:$C$346,2,0)-VLOOKUP(BL$1,városok!$A$2:$C$346,2,0))^2+(VLOOKUP($A309,városok!$A$2:$C$346,3,0)-VLOOKUP(BL$1,városok!$A$2:$C$346,3,0))^2)/1000,0)</f>
        <v>43</v>
      </c>
      <c r="BM309">
        <f ca="1">ROUND(SQRT((VLOOKUP($A309,városok!$A$2:$C$346,2,0)-VLOOKUP(BM$1,városok!$A$2:$C$346,2,0))^2+(VLOOKUP($A309,városok!$A$2:$C$346,3,0)-VLOOKUP(BM$1,városok!$A$2:$C$346,3,0))^2)/1000,0)</f>
        <v>20</v>
      </c>
      <c r="BN309">
        <f ca="1">ROUND(SQRT((VLOOKUP($A309,városok!$A$2:$C$346,2,0)-VLOOKUP(BN$1,városok!$A$2:$C$346,2,0))^2+(VLOOKUP($A309,városok!$A$2:$C$346,3,0)-VLOOKUP(BN$1,városok!$A$2:$C$346,3,0))^2)/1000,0)</f>
        <v>20</v>
      </c>
      <c r="BO309">
        <f ca="1">ROUND(SQRT((VLOOKUP($A309,városok!$A$2:$C$346,2,0)-VLOOKUP(BO$1,városok!$A$2:$C$346,2,0))^2+(VLOOKUP($A309,városok!$A$2:$C$346,3,0)-VLOOKUP(BO$1,városok!$A$2:$C$346,3,0))^2)/1000,0)</f>
        <v>103</v>
      </c>
      <c r="BP309">
        <f ca="1">ROUND(SQRT((VLOOKUP($A309,városok!$A$2:$C$346,2,0)-VLOOKUP(BP$1,városok!$A$2:$C$346,2,0))^2+(VLOOKUP($A309,városok!$A$2:$C$346,3,0)-VLOOKUP(BP$1,városok!$A$2:$C$346,3,0))^2)/1000,0)</f>
        <v>110</v>
      </c>
      <c r="BQ309">
        <f ca="1">ROUND(SQRT((VLOOKUP($A309,városok!$A$2:$C$346,2,0)-VLOOKUP(BQ$1,városok!$A$2:$C$346,2,0))^2+(VLOOKUP($A309,városok!$A$2:$C$346,3,0)-VLOOKUP(BQ$1,városok!$A$2:$C$346,3,0))^2)/1000,0)</f>
        <v>94</v>
      </c>
      <c r="BR309">
        <f ca="1">ROUND(SQRT((VLOOKUP($A309,városok!$A$2:$C$346,2,0)-VLOOKUP(BR$1,városok!$A$2:$C$346,2,0))^2+(VLOOKUP($A309,városok!$A$2:$C$346,3,0)-VLOOKUP(BR$1,városok!$A$2:$C$346,3,0))^2)/1000,0)</f>
        <v>78</v>
      </c>
      <c r="BS309">
        <f ca="1">ROUND(SQRT((VLOOKUP($A309,városok!$A$2:$C$346,2,0)-VLOOKUP(BS$1,városok!$A$2:$C$346,2,0))^2+(VLOOKUP($A309,városok!$A$2:$C$346,3,0)-VLOOKUP(BS$1,városok!$A$2:$C$346,3,0))^2)/1000,0)</f>
        <v>106</v>
      </c>
      <c r="BT309">
        <f ca="1">ROUND(SQRT((VLOOKUP($A309,városok!$A$2:$C$346,2,0)-VLOOKUP(BT$1,városok!$A$2:$C$346,2,0))^2+(VLOOKUP($A309,városok!$A$2:$C$346,3,0)-VLOOKUP(BT$1,városok!$A$2:$C$346,3,0))^2)/1000,0)</f>
        <v>62</v>
      </c>
    </row>
    <row r="310" spans="1:72" x14ac:dyDescent="0.2">
      <c r="A310" t="str">
        <f>városok!A310</f>
        <v>Celldömölk</v>
      </c>
      <c r="B310">
        <f ca="1">ROUND(SQRT((VLOOKUP($A310,városok!$A$2:$C$346,2,0)-VLOOKUP(B$1,városok!$A$2:$C$346,2,0))^2+(VLOOKUP($A310,városok!$A$2:$C$346,3,0)-VLOOKUP(B$1,városok!$A$2:$C$346,3,0))^2)/1000,0)</f>
        <v>182</v>
      </c>
      <c r="C310">
        <f ca="1">ROUND(SQRT((VLOOKUP($A310,városok!$A$2:$C$346,2,0)-VLOOKUP(C$1,városok!$A$2:$C$346,2,0))^2+(VLOOKUP($A310,városok!$A$2:$C$346,3,0)-VLOOKUP(C$1,városok!$A$2:$C$346,3,0))^2)/1000,0)</f>
        <v>161</v>
      </c>
      <c r="D310">
        <f ca="1">ROUND(SQRT((VLOOKUP($A310,városok!$A$2:$C$346,2,0)-VLOOKUP(D$1,városok!$A$2:$C$346,2,0))^2+(VLOOKUP($A310,városok!$A$2:$C$346,3,0)-VLOOKUP(D$1,városok!$A$2:$C$346,3,0))^2)/1000,0)</f>
        <v>196</v>
      </c>
      <c r="E310">
        <f ca="1">ROUND(SQRT((VLOOKUP($A310,városok!$A$2:$C$346,2,0)-VLOOKUP(E$1,városok!$A$2:$C$346,2,0))^2+(VLOOKUP($A310,városok!$A$2:$C$346,3,0)-VLOOKUP(E$1,városok!$A$2:$C$346,3,0))^2)/1000,0)</f>
        <v>146</v>
      </c>
      <c r="F310">
        <f ca="1">ROUND(SQRT((VLOOKUP($A310,városok!$A$2:$C$346,2,0)-VLOOKUP(F$1,városok!$A$2:$C$346,2,0))^2+(VLOOKUP($A310,városok!$A$2:$C$346,3,0)-VLOOKUP(F$1,városok!$A$2:$C$346,3,0))^2)/1000,0)</f>
        <v>183</v>
      </c>
      <c r="G310">
        <f ca="1">ROUND(SQRT((VLOOKUP($A310,városok!$A$2:$C$346,2,0)-VLOOKUP(G$1,városok!$A$2:$C$346,2,0))^2+(VLOOKUP($A310,városok!$A$2:$C$346,3,0)-VLOOKUP(G$1,városok!$A$2:$C$346,3,0))^2)/1000,0)</f>
        <v>156</v>
      </c>
      <c r="H310">
        <f ca="1">ROUND(SQRT((VLOOKUP($A310,városok!$A$2:$C$346,2,0)-VLOOKUP(H$1,városok!$A$2:$C$346,2,0))^2+(VLOOKUP($A310,városok!$A$2:$C$346,3,0)-VLOOKUP(H$1,városok!$A$2:$C$346,3,0))^2)/1000,0)</f>
        <v>143</v>
      </c>
      <c r="I310">
        <f ca="1">ROUND(SQRT((VLOOKUP($A310,városok!$A$2:$C$346,2,0)-VLOOKUP(I$1,városok!$A$2:$C$346,2,0))^2+(VLOOKUP($A310,városok!$A$2:$C$346,3,0)-VLOOKUP(I$1,városok!$A$2:$C$346,3,0))^2)/1000,0)</f>
        <v>306</v>
      </c>
      <c r="J310">
        <f ca="1">ROUND(SQRT((VLOOKUP($A310,városok!$A$2:$C$346,2,0)-VLOOKUP(J$1,városok!$A$2:$C$346,2,0))^2+(VLOOKUP($A310,városok!$A$2:$C$346,3,0)-VLOOKUP(J$1,városok!$A$2:$C$346,3,0))^2)/1000,0)</f>
        <v>321</v>
      </c>
      <c r="K310">
        <f ca="1">ROUND(SQRT((VLOOKUP($A310,városok!$A$2:$C$346,2,0)-VLOOKUP(K$1,városok!$A$2:$C$346,2,0))^2+(VLOOKUP($A310,városok!$A$2:$C$346,3,0)-VLOOKUP(K$1,városok!$A$2:$C$346,3,0))^2)/1000,0)</f>
        <v>279</v>
      </c>
      <c r="L310">
        <f ca="1">ROUND(SQRT((VLOOKUP($A310,városok!$A$2:$C$346,2,0)-VLOOKUP(L$1,városok!$A$2:$C$346,2,0))^2+(VLOOKUP($A310,városok!$A$2:$C$346,3,0)-VLOOKUP(L$1,városok!$A$2:$C$346,3,0))^2)/1000,0)</f>
        <v>283</v>
      </c>
      <c r="M310">
        <f ca="1">ROUND(SQRT((VLOOKUP($A310,városok!$A$2:$C$346,2,0)-VLOOKUP(M$1,városok!$A$2:$C$346,2,0))^2+(VLOOKUP($A310,városok!$A$2:$C$346,3,0)-VLOOKUP(M$1,városok!$A$2:$C$346,3,0))^2)/1000,0)</f>
        <v>289</v>
      </c>
      <c r="N310">
        <f ca="1">ROUND(SQRT((VLOOKUP($A310,városok!$A$2:$C$346,2,0)-VLOOKUP(N$1,városok!$A$2:$C$346,2,0))^2+(VLOOKUP($A310,városok!$A$2:$C$346,3,0)-VLOOKUP(N$1,városok!$A$2:$C$346,3,0))^2)/1000,0)</f>
        <v>258</v>
      </c>
      <c r="O310">
        <f ca="1">ROUND(SQRT((VLOOKUP($A310,városok!$A$2:$C$346,2,0)-VLOOKUP(O$1,városok!$A$2:$C$346,2,0))^2+(VLOOKUP($A310,városok!$A$2:$C$346,3,0)-VLOOKUP(O$1,városok!$A$2:$C$346,3,0))^2)/1000,0)</f>
        <v>360</v>
      </c>
      <c r="P310">
        <f ca="1">ROUND(SQRT((VLOOKUP($A310,városok!$A$2:$C$346,2,0)-VLOOKUP(P$1,városok!$A$2:$C$346,2,0))^2+(VLOOKUP($A310,városok!$A$2:$C$346,3,0)-VLOOKUP(P$1,városok!$A$2:$C$346,3,0))^2)/1000,0)</f>
        <v>360</v>
      </c>
      <c r="Q310">
        <f ca="1">ROUND(SQRT((VLOOKUP($A310,városok!$A$2:$C$346,2,0)-VLOOKUP(Q$1,városok!$A$2:$C$346,2,0))^2+(VLOOKUP($A310,városok!$A$2:$C$346,3,0)-VLOOKUP(Q$1,városok!$A$2:$C$346,3,0))^2)/1000,0)</f>
        <v>259</v>
      </c>
      <c r="R310">
        <f ca="1">ROUND(SQRT((VLOOKUP($A310,városok!$A$2:$C$346,2,0)-VLOOKUP(R$1,városok!$A$2:$C$346,2,0))^2+(VLOOKUP($A310,városok!$A$2:$C$346,3,0)-VLOOKUP(R$1,városok!$A$2:$C$346,3,0))^2)/1000,0)</f>
        <v>279</v>
      </c>
      <c r="S310">
        <f ca="1">ROUND(SQRT((VLOOKUP($A310,városok!$A$2:$C$346,2,0)-VLOOKUP(S$1,városok!$A$2:$C$346,2,0))^2+(VLOOKUP($A310,városok!$A$2:$C$346,3,0)-VLOOKUP(S$1,városok!$A$2:$C$346,3,0))^2)/1000,0)</f>
        <v>256</v>
      </c>
      <c r="T310">
        <f ca="1">ROUND(SQRT((VLOOKUP($A310,városok!$A$2:$C$346,2,0)-VLOOKUP(T$1,városok!$A$2:$C$346,2,0))^2+(VLOOKUP($A310,városok!$A$2:$C$346,3,0)-VLOOKUP(T$1,városok!$A$2:$C$346,3,0))^2)/1000,0)</f>
        <v>115</v>
      </c>
      <c r="U310">
        <f ca="1">ROUND(SQRT((VLOOKUP($A310,városok!$A$2:$C$346,2,0)-VLOOKUP(U$1,városok!$A$2:$C$346,2,0))^2+(VLOOKUP($A310,városok!$A$2:$C$346,3,0)-VLOOKUP(U$1,városok!$A$2:$C$346,3,0))^2)/1000,0)</f>
        <v>139</v>
      </c>
      <c r="V310">
        <f ca="1">ROUND(SQRT((VLOOKUP($A310,városok!$A$2:$C$346,2,0)-VLOOKUP(V$1,városok!$A$2:$C$346,2,0))^2+(VLOOKUP($A310,városok!$A$2:$C$346,3,0)-VLOOKUP(V$1,városok!$A$2:$C$346,3,0))^2)/1000,0)</f>
        <v>90</v>
      </c>
      <c r="W310">
        <f ca="1">ROUND(SQRT((VLOOKUP($A310,városok!$A$2:$C$346,2,0)-VLOOKUP(W$1,városok!$A$2:$C$346,2,0))^2+(VLOOKUP($A310,városok!$A$2:$C$346,3,0)-VLOOKUP(W$1,városok!$A$2:$C$346,3,0))^2)/1000,0)</f>
        <v>119</v>
      </c>
      <c r="X310">
        <f ca="1">ROUND(SQRT((VLOOKUP($A310,városok!$A$2:$C$346,2,0)-VLOOKUP(X$1,városok!$A$2:$C$346,2,0))^2+(VLOOKUP($A310,városok!$A$2:$C$346,3,0)-VLOOKUP(X$1,városok!$A$2:$C$346,3,0))^2)/1000,0)</f>
        <v>89</v>
      </c>
      <c r="Y310">
        <f ca="1">ROUND(SQRT((VLOOKUP($A310,városok!$A$2:$C$346,2,0)-VLOOKUP(Y$1,városok!$A$2:$C$346,2,0))^2+(VLOOKUP($A310,városok!$A$2:$C$346,3,0)-VLOOKUP(Y$1,városok!$A$2:$C$346,3,0))^2)/1000,0)</f>
        <v>60</v>
      </c>
      <c r="Z310">
        <f ca="1">ROUND(SQRT((VLOOKUP($A310,városok!$A$2:$C$346,2,0)-VLOOKUP(Z$1,városok!$A$2:$C$346,2,0))^2+(VLOOKUP($A310,városok!$A$2:$C$346,3,0)-VLOOKUP(Z$1,városok!$A$2:$C$346,3,0))^2)/1000,0)</f>
        <v>56</v>
      </c>
      <c r="AA310">
        <f ca="1">ROUND(SQRT((VLOOKUP($A310,városok!$A$2:$C$346,2,0)-VLOOKUP(AA$1,városok!$A$2:$C$346,2,0))^2+(VLOOKUP($A310,városok!$A$2:$C$346,3,0)-VLOOKUP(AA$1,városok!$A$2:$C$346,3,0))^2)/1000,0)</f>
        <v>64</v>
      </c>
      <c r="AB310">
        <f ca="1">ROUND(SQRT((VLOOKUP($A310,városok!$A$2:$C$346,2,0)-VLOOKUP(AB$1,városok!$A$2:$C$346,2,0))^2+(VLOOKUP($A310,városok!$A$2:$C$346,3,0)-VLOOKUP(AB$1,városok!$A$2:$C$346,3,0))^2)/1000,0)</f>
        <v>339</v>
      </c>
      <c r="AC310">
        <f ca="1">ROUND(SQRT((VLOOKUP($A310,városok!$A$2:$C$346,2,0)-VLOOKUP(AC$1,városok!$A$2:$C$346,2,0))^2+(VLOOKUP($A310,városok!$A$2:$C$346,3,0)-VLOOKUP(AC$1,városok!$A$2:$C$346,3,0))^2)/1000,0)</f>
        <v>321</v>
      </c>
      <c r="AD310">
        <f ca="1">ROUND(SQRT((VLOOKUP($A310,városok!$A$2:$C$346,2,0)-VLOOKUP(AD$1,városok!$A$2:$C$346,2,0))^2+(VLOOKUP($A310,városok!$A$2:$C$346,3,0)-VLOOKUP(AD$1,városok!$A$2:$C$346,3,0))^2)/1000,0)</f>
        <v>303</v>
      </c>
      <c r="AE310">
        <f ca="1">ROUND(SQRT((VLOOKUP($A310,városok!$A$2:$C$346,2,0)-VLOOKUP(AE$1,városok!$A$2:$C$346,2,0))^2+(VLOOKUP($A310,városok!$A$2:$C$346,3,0)-VLOOKUP(AE$1,városok!$A$2:$C$346,3,0))^2)/1000,0)</f>
        <v>304</v>
      </c>
      <c r="AF310">
        <f ca="1">ROUND(SQRT((VLOOKUP($A310,városok!$A$2:$C$346,2,0)-VLOOKUP(AF$1,városok!$A$2:$C$346,2,0))^2+(VLOOKUP($A310,városok!$A$2:$C$346,3,0)-VLOOKUP(AF$1,városok!$A$2:$C$346,3,0))^2)/1000,0)</f>
        <v>253</v>
      </c>
      <c r="AG310">
        <f ca="1">ROUND(SQRT((VLOOKUP($A310,városok!$A$2:$C$346,2,0)-VLOOKUP(AG$1,városok!$A$2:$C$346,2,0))^2+(VLOOKUP($A310,városok!$A$2:$C$346,3,0)-VLOOKUP(AG$1,városok!$A$2:$C$346,3,0))^2)/1000,0)</f>
        <v>217</v>
      </c>
      <c r="AH310">
        <f ca="1">ROUND(SQRT((VLOOKUP($A310,városok!$A$2:$C$346,2,0)-VLOOKUP(AH$1,városok!$A$2:$C$346,2,0))^2+(VLOOKUP($A310,városok!$A$2:$C$346,3,0)-VLOOKUP(AH$1,városok!$A$2:$C$346,3,0))^2)/1000,0)</f>
        <v>195</v>
      </c>
      <c r="AI310">
        <f ca="1">ROUND(SQRT((VLOOKUP($A310,városok!$A$2:$C$346,2,0)-VLOOKUP(AI$1,városok!$A$2:$C$346,2,0))^2+(VLOOKUP($A310,városok!$A$2:$C$346,3,0)-VLOOKUP(AI$1,városok!$A$2:$C$346,3,0))^2)/1000,0)</f>
        <v>237</v>
      </c>
      <c r="AJ310">
        <f ca="1">ROUND(SQRT((VLOOKUP($A310,városok!$A$2:$C$346,2,0)-VLOOKUP(AJ$1,városok!$A$2:$C$346,2,0))^2+(VLOOKUP($A310,városok!$A$2:$C$346,3,0)-VLOOKUP(AJ$1,városok!$A$2:$C$346,3,0))^2)/1000,0)</f>
        <v>217</v>
      </c>
      <c r="AK310">
        <f ca="1">ROUND(SQRT((VLOOKUP($A310,városok!$A$2:$C$346,2,0)-VLOOKUP(AK$1,városok!$A$2:$C$346,2,0))^2+(VLOOKUP($A310,városok!$A$2:$C$346,3,0)-VLOOKUP(AK$1,városok!$A$2:$C$346,3,0))^2)/1000,0)</f>
        <v>289</v>
      </c>
      <c r="AL310">
        <f ca="1">ROUND(SQRT((VLOOKUP($A310,városok!$A$2:$C$346,2,0)-VLOOKUP(AL$1,városok!$A$2:$C$346,2,0))^2+(VLOOKUP($A310,városok!$A$2:$C$346,3,0)-VLOOKUP(AL$1,városok!$A$2:$C$346,3,0))^2)/1000,0)</f>
        <v>263</v>
      </c>
      <c r="AM310">
        <f ca="1">ROUND(SQRT((VLOOKUP($A310,városok!$A$2:$C$346,2,0)-VLOOKUP(AM$1,városok!$A$2:$C$346,2,0))^2+(VLOOKUP($A310,városok!$A$2:$C$346,3,0)-VLOOKUP(AM$1,városok!$A$2:$C$346,3,0))^2)/1000,0)</f>
        <v>230</v>
      </c>
      <c r="AN310">
        <f ca="1">ROUND(SQRT((VLOOKUP($A310,városok!$A$2:$C$346,2,0)-VLOOKUP(AN$1,városok!$A$2:$C$346,2,0))^2+(VLOOKUP($A310,városok!$A$2:$C$346,3,0)-VLOOKUP(AN$1,városok!$A$2:$C$346,3,0))^2)/1000,0)</f>
        <v>133</v>
      </c>
      <c r="AO310">
        <f ca="1">ROUND(SQRT((VLOOKUP($A310,városok!$A$2:$C$346,2,0)-VLOOKUP(AO$1,városok!$A$2:$C$346,2,0))^2+(VLOOKUP($A310,városok!$A$2:$C$346,3,0)-VLOOKUP(AO$1,városok!$A$2:$C$346,3,0))^2)/1000,0)</f>
        <v>91</v>
      </c>
      <c r="AP310">
        <f ca="1">ROUND(SQRT((VLOOKUP($A310,városok!$A$2:$C$346,2,0)-VLOOKUP(AP$1,városok!$A$2:$C$346,2,0))^2+(VLOOKUP($A310,városok!$A$2:$C$346,3,0)-VLOOKUP(AP$1,városok!$A$2:$C$346,3,0))^2)/1000,0)</f>
        <v>99</v>
      </c>
      <c r="AQ310">
        <f ca="1">ROUND(SQRT((VLOOKUP($A310,városok!$A$2:$C$346,2,0)-VLOOKUP(AQ$1,városok!$A$2:$C$346,2,0))^2+(VLOOKUP($A310,városok!$A$2:$C$346,3,0)-VLOOKUP(AQ$1,városok!$A$2:$C$346,3,0))^2)/1000,0)</f>
        <v>101</v>
      </c>
      <c r="AR310">
        <f ca="1">ROUND(SQRT((VLOOKUP($A310,városok!$A$2:$C$346,2,0)-VLOOKUP(AR$1,városok!$A$2:$C$346,2,0))^2+(VLOOKUP($A310,városok!$A$2:$C$346,3,0)-VLOOKUP(AR$1,városok!$A$2:$C$346,3,0))^2)/1000,0)</f>
        <v>205</v>
      </c>
      <c r="AS310">
        <f ca="1">ROUND(SQRT((VLOOKUP($A310,városok!$A$2:$C$346,2,0)-VLOOKUP(AS$1,városok!$A$2:$C$346,2,0))^2+(VLOOKUP($A310,városok!$A$2:$C$346,3,0)-VLOOKUP(AS$1,városok!$A$2:$C$346,3,0))^2)/1000,0)</f>
        <v>221</v>
      </c>
      <c r="AT310">
        <f ca="1">ROUND(SQRT((VLOOKUP($A310,városok!$A$2:$C$346,2,0)-VLOOKUP(AT$1,városok!$A$2:$C$346,2,0))^2+(VLOOKUP($A310,városok!$A$2:$C$346,3,0)-VLOOKUP(AT$1,városok!$A$2:$C$346,3,0))^2)/1000,0)</f>
        <v>128</v>
      </c>
      <c r="AU310">
        <f ca="1">ROUND(SQRT((VLOOKUP($A310,városok!$A$2:$C$346,2,0)-VLOOKUP(AU$1,városok!$A$2:$C$346,2,0))^2+(VLOOKUP($A310,városok!$A$2:$C$346,3,0)-VLOOKUP(AU$1,városok!$A$2:$C$346,3,0))^2)/1000,0)</f>
        <v>138</v>
      </c>
      <c r="AV310">
        <f ca="1">ROUND(SQRT((VLOOKUP($A310,városok!$A$2:$C$346,2,0)-VLOOKUP(AV$1,városok!$A$2:$C$346,2,0))^2+(VLOOKUP($A310,városok!$A$2:$C$346,3,0)-VLOOKUP(AV$1,városok!$A$2:$C$346,3,0))^2)/1000,0)</f>
        <v>137</v>
      </c>
      <c r="AW310">
        <f ca="1">ROUND(SQRT((VLOOKUP($A310,városok!$A$2:$C$346,2,0)-VLOOKUP(AW$1,városok!$A$2:$C$346,2,0))^2+(VLOOKUP($A310,városok!$A$2:$C$346,3,0)-VLOOKUP(AW$1,városok!$A$2:$C$346,3,0))^2)/1000,0)</f>
        <v>133</v>
      </c>
      <c r="AX310">
        <f ca="1">ROUND(SQRT((VLOOKUP($A310,városok!$A$2:$C$346,2,0)-VLOOKUP(AX$1,városok!$A$2:$C$346,2,0))^2+(VLOOKUP($A310,városok!$A$2:$C$346,3,0)-VLOOKUP(AX$1,városok!$A$2:$C$346,3,0))^2)/1000,0)</f>
        <v>201</v>
      </c>
      <c r="AY310">
        <f ca="1">ROUND(SQRT((VLOOKUP($A310,városok!$A$2:$C$346,2,0)-VLOOKUP(AY$1,városok!$A$2:$C$346,2,0))^2+(VLOOKUP($A310,városok!$A$2:$C$346,3,0)-VLOOKUP(AY$1,városok!$A$2:$C$346,3,0))^2)/1000,0)</f>
        <v>151</v>
      </c>
      <c r="AZ310">
        <f ca="1">ROUND(SQRT((VLOOKUP($A310,városok!$A$2:$C$346,2,0)-VLOOKUP(AZ$1,városok!$A$2:$C$346,2,0))^2+(VLOOKUP($A310,városok!$A$2:$C$346,3,0)-VLOOKUP(AZ$1,városok!$A$2:$C$346,3,0))^2)/1000,0)</f>
        <v>149</v>
      </c>
      <c r="BA310">
        <f ca="1">ROUND(SQRT((VLOOKUP($A310,városok!$A$2:$C$346,2,0)-VLOOKUP(BA$1,városok!$A$2:$C$346,2,0))^2+(VLOOKUP($A310,városok!$A$2:$C$346,3,0)-VLOOKUP(BA$1,városok!$A$2:$C$346,3,0))^2)/1000,0)</f>
        <v>67</v>
      </c>
      <c r="BB310">
        <f ca="1">ROUND(SQRT((VLOOKUP($A310,városok!$A$2:$C$346,2,0)-VLOOKUP(BB$1,városok!$A$2:$C$346,2,0))^2+(VLOOKUP($A310,városok!$A$2:$C$346,3,0)-VLOOKUP(BB$1,városok!$A$2:$C$346,3,0))^2)/1000,0)</f>
        <v>100</v>
      </c>
      <c r="BC310">
        <f ca="1">ROUND(SQRT((VLOOKUP($A310,városok!$A$2:$C$346,2,0)-VLOOKUP(BC$1,városok!$A$2:$C$346,2,0))^2+(VLOOKUP($A310,városok!$A$2:$C$346,3,0)-VLOOKUP(BC$1,városok!$A$2:$C$346,3,0))^2)/1000,0)</f>
        <v>112</v>
      </c>
      <c r="BD310">
        <f ca="1">ROUND(SQRT((VLOOKUP($A310,városok!$A$2:$C$346,2,0)-VLOOKUP(BD$1,városok!$A$2:$C$346,2,0))^2+(VLOOKUP($A310,városok!$A$2:$C$346,3,0)-VLOOKUP(BD$1,városok!$A$2:$C$346,3,0))^2)/1000,0)</f>
        <v>79</v>
      </c>
      <c r="BE310">
        <f ca="1">ROUND(SQRT((VLOOKUP($A310,városok!$A$2:$C$346,2,0)-VLOOKUP(BE$1,városok!$A$2:$C$346,2,0))^2+(VLOOKUP($A310,városok!$A$2:$C$346,3,0)-VLOOKUP(BE$1,városok!$A$2:$C$346,3,0))^2)/1000,0)</f>
        <v>420</v>
      </c>
      <c r="BF310">
        <f ca="1">ROUND(SQRT((VLOOKUP($A310,városok!$A$2:$C$346,2,0)-VLOOKUP(BF$1,városok!$A$2:$C$346,2,0))^2+(VLOOKUP($A310,városok!$A$2:$C$346,3,0)-VLOOKUP(BF$1,városok!$A$2:$C$346,3,0))^2)/1000,0)</f>
        <v>384</v>
      </c>
      <c r="BG310">
        <f ca="1">ROUND(SQRT((VLOOKUP($A310,városok!$A$2:$C$346,2,0)-VLOOKUP(BG$1,városok!$A$2:$C$346,2,0))^2+(VLOOKUP($A310,városok!$A$2:$C$346,3,0)-VLOOKUP(BG$1,városok!$A$2:$C$346,3,0))^2)/1000,0)</f>
        <v>338</v>
      </c>
      <c r="BH310">
        <f ca="1">ROUND(SQRT((VLOOKUP($A310,városok!$A$2:$C$346,2,0)-VLOOKUP(BH$1,városok!$A$2:$C$346,2,0))^2+(VLOOKUP($A310,városok!$A$2:$C$346,3,0)-VLOOKUP(BH$1,városok!$A$2:$C$346,3,0))^2)/1000,0)</f>
        <v>337</v>
      </c>
      <c r="BI310">
        <f ca="1">ROUND(SQRT((VLOOKUP($A310,városok!$A$2:$C$346,2,0)-VLOOKUP(BI$1,városok!$A$2:$C$346,2,0))^2+(VLOOKUP($A310,városok!$A$2:$C$346,3,0)-VLOOKUP(BI$1,városok!$A$2:$C$346,3,0))^2)/1000,0)</f>
        <v>147</v>
      </c>
      <c r="BJ310">
        <f ca="1">ROUND(SQRT((VLOOKUP($A310,városok!$A$2:$C$346,2,0)-VLOOKUP(BJ$1,városok!$A$2:$C$346,2,0))^2+(VLOOKUP($A310,városok!$A$2:$C$346,3,0)-VLOOKUP(BJ$1,városok!$A$2:$C$346,3,0))^2)/1000,0)</f>
        <v>147</v>
      </c>
      <c r="BK310">
        <f ca="1">ROUND(SQRT((VLOOKUP($A310,városok!$A$2:$C$346,2,0)-VLOOKUP(BK$1,városok!$A$2:$C$346,2,0))^2+(VLOOKUP($A310,városok!$A$2:$C$346,3,0)-VLOOKUP(BK$1,városok!$A$2:$C$346,3,0))^2)/1000,0)</f>
        <v>155</v>
      </c>
      <c r="BL310">
        <f ca="1">ROUND(SQRT((VLOOKUP($A310,városok!$A$2:$C$346,2,0)-VLOOKUP(BL$1,városok!$A$2:$C$346,2,0))^2+(VLOOKUP($A310,városok!$A$2:$C$346,3,0)-VLOOKUP(BL$1,városok!$A$2:$C$346,3,0))^2)/1000,0)</f>
        <v>50</v>
      </c>
      <c r="BM310">
        <f ca="1">ROUND(SQRT((VLOOKUP($A310,városok!$A$2:$C$346,2,0)-VLOOKUP(BM$1,városok!$A$2:$C$346,2,0))^2+(VLOOKUP($A310,városok!$A$2:$C$346,3,0)-VLOOKUP(BM$1,városok!$A$2:$C$346,3,0))^2)/1000,0)</f>
        <v>17</v>
      </c>
      <c r="BN310">
        <f ca="1">ROUND(SQRT((VLOOKUP($A310,városok!$A$2:$C$346,2,0)-VLOOKUP(BN$1,városok!$A$2:$C$346,2,0))^2+(VLOOKUP($A310,városok!$A$2:$C$346,3,0)-VLOOKUP(BN$1,városok!$A$2:$C$346,3,0))^2)/1000,0)</f>
        <v>40</v>
      </c>
      <c r="BO310">
        <f ca="1">ROUND(SQRT((VLOOKUP($A310,városok!$A$2:$C$346,2,0)-VLOOKUP(BO$1,városok!$A$2:$C$346,2,0))^2+(VLOOKUP($A310,városok!$A$2:$C$346,3,0)-VLOOKUP(BO$1,városok!$A$2:$C$346,3,0))^2)/1000,0)</f>
        <v>70</v>
      </c>
      <c r="BP310">
        <f ca="1">ROUND(SQRT((VLOOKUP($A310,városok!$A$2:$C$346,2,0)-VLOOKUP(BP$1,városok!$A$2:$C$346,2,0))^2+(VLOOKUP($A310,városok!$A$2:$C$346,3,0)-VLOOKUP(BP$1,városok!$A$2:$C$346,3,0))^2)/1000,0)</f>
        <v>77</v>
      </c>
      <c r="BQ310">
        <f ca="1">ROUND(SQRT((VLOOKUP($A310,városok!$A$2:$C$346,2,0)-VLOOKUP(BQ$1,városok!$A$2:$C$346,2,0))^2+(VLOOKUP($A310,városok!$A$2:$C$346,3,0)-VLOOKUP(BQ$1,városok!$A$2:$C$346,3,0))^2)/1000,0)</f>
        <v>60</v>
      </c>
      <c r="BR310">
        <f ca="1">ROUND(SQRT((VLOOKUP($A310,városok!$A$2:$C$346,2,0)-VLOOKUP(BR$1,városok!$A$2:$C$346,2,0))^2+(VLOOKUP($A310,városok!$A$2:$C$346,3,0)-VLOOKUP(BR$1,városok!$A$2:$C$346,3,0))^2)/1000,0)</f>
        <v>55</v>
      </c>
      <c r="BS310">
        <f ca="1">ROUND(SQRT((VLOOKUP($A310,városok!$A$2:$C$346,2,0)-VLOOKUP(BS$1,városok!$A$2:$C$346,2,0))^2+(VLOOKUP($A310,városok!$A$2:$C$346,3,0)-VLOOKUP(BS$1,városok!$A$2:$C$346,3,0))^2)/1000,0)</f>
        <v>91</v>
      </c>
      <c r="BT310">
        <f ca="1">ROUND(SQRT((VLOOKUP($A310,városok!$A$2:$C$346,2,0)-VLOOKUP(BT$1,városok!$A$2:$C$346,2,0))^2+(VLOOKUP($A310,városok!$A$2:$C$346,3,0)-VLOOKUP(BT$1,városok!$A$2:$C$346,3,0))^2)/1000,0)</f>
        <v>53</v>
      </c>
    </row>
    <row r="311" spans="1:72" x14ac:dyDescent="0.2">
      <c r="A311" t="str">
        <f>városok!A311</f>
        <v>Csepreg</v>
      </c>
      <c r="B311">
        <f ca="1">ROUND(SQRT((VLOOKUP($A311,városok!$A$2:$C$346,2,0)-VLOOKUP(B$1,városok!$A$2:$C$346,2,0))^2+(VLOOKUP($A311,városok!$A$2:$C$346,3,0)-VLOOKUP(B$1,városok!$A$2:$C$346,3,0))^2)/1000,0)</f>
        <v>218</v>
      </c>
      <c r="C311">
        <f ca="1">ROUND(SQRT((VLOOKUP($A311,városok!$A$2:$C$346,2,0)-VLOOKUP(C$1,városok!$A$2:$C$346,2,0))^2+(VLOOKUP($A311,városok!$A$2:$C$346,3,0)-VLOOKUP(C$1,városok!$A$2:$C$346,3,0))^2)/1000,0)</f>
        <v>198</v>
      </c>
      <c r="D311">
        <f ca="1">ROUND(SQRT((VLOOKUP($A311,városok!$A$2:$C$346,2,0)-VLOOKUP(D$1,városok!$A$2:$C$346,2,0))^2+(VLOOKUP($A311,városok!$A$2:$C$346,3,0)-VLOOKUP(D$1,városok!$A$2:$C$346,3,0))^2)/1000,0)</f>
        <v>232</v>
      </c>
      <c r="E311">
        <f ca="1">ROUND(SQRT((VLOOKUP($A311,városok!$A$2:$C$346,2,0)-VLOOKUP(E$1,városok!$A$2:$C$346,2,0))^2+(VLOOKUP($A311,városok!$A$2:$C$346,3,0)-VLOOKUP(E$1,városok!$A$2:$C$346,3,0))^2)/1000,0)</f>
        <v>179</v>
      </c>
      <c r="F311">
        <f ca="1">ROUND(SQRT((VLOOKUP($A311,városok!$A$2:$C$346,2,0)-VLOOKUP(F$1,városok!$A$2:$C$346,2,0))^2+(VLOOKUP($A311,városok!$A$2:$C$346,3,0)-VLOOKUP(F$1,városok!$A$2:$C$346,3,0))^2)/1000,0)</f>
        <v>218</v>
      </c>
      <c r="G311">
        <f ca="1">ROUND(SQRT((VLOOKUP($A311,városok!$A$2:$C$346,2,0)-VLOOKUP(G$1,városok!$A$2:$C$346,2,0))^2+(VLOOKUP($A311,városok!$A$2:$C$346,3,0)-VLOOKUP(G$1,városok!$A$2:$C$346,3,0))^2)/1000,0)</f>
        <v>188</v>
      </c>
      <c r="H311">
        <f ca="1">ROUND(SQRT((VLOOKUP($A311,városok!$A$2:$C$346,2,0)-VLOOKUP(H$1,városok!$A$2:$C$346,2,0))^2+(VLOOKUP($A311,városok!$A$2:$C$346,3,0)-VLOOKUP(H$1,városok!$A$2:$C$346,3,0))^2)/1000,0)</f>
        <v>172</v>
      </c>
      <c r="I311">
        <f ca="1">ROUND(SQRT((VLOOKUP($A311,városok!$A$2:$C$346,2,0)-VLOOKUP(I$1,városok!$A$2:$C$346,2,0))^2+(VLOOKUP($A311,városok!$A$2:$C$346,3,0)-VLOOKUP(I$1,városok!$A$2:$C$346,3,0))^2)/1000,0)</f>
        <v>342</v>
      </c>
      <c r="J311">
        <f ca="1">ROUND(SQRT((VLOOKUP($A311,városok!$A$2:$C$346,2,0)-VLOOKUP(J$1,városok!$A$2:$C$346,2,0))^2+(VLOOKUP($A311,városok!$A$2:$C$346,3,0)-VLOOKUP(J$1,városok!$A$2:$C$346,3,0))^2)/1000,0)</f>
        <v>357</v>
      </c>
      <c r="K311">
        <f ca="1">ROUND(SQRT((VLOOKUP($A311,városok!$A$2:$C$346,2,0)-VLOOKUP(K$1,városok!$A$2:$C$346,2,0))^2+(VLOOKUP($A311,városok!$A$2:$C$346,3,0)-VLOOKUP(K$1,városok!$A$2:$C$346,3,0))^2)/1000,0)</f>
        <v>315</v>
      </c>
      <c r="L311">
        <f ca="1">ROUND(SQRT((VLOOKUP($A311,városok!$A$2:$C$346,2,0)-VLOOKUP(L$1,városok!$A$2:$C$346,2,0))^2+(VLOOKUP($A311,városok!$A$2:$C$346,3,0)-VLOOKUP(L$1,városok!$A$2:$C$346,3,0))^2)/1000,0)</f>
        <v>308</v>
      </c>
      <c r="M311">
        <f ca="1">ROUND(SQRT((VLOOKUP($A311,városok!$A$2:$C$346,2,0)-VLOOKUP(M$1,városok!$A$2:$C$346,2,0))^2+(VLOOKUP($A311,városok!$A$2:$C$346,3,0)-VLOOKUP(M$1,városok!$A$2:$C$346,3,0))^2)/1000,0)</f>
        <v>316</v>
      </c>
      <c r="N311">
        <f ca="1">ROUND(SQRT((VLOOKUP($A311,városok!$A$2:$C$346,2,0)-VLOOKUP(N$1,városok!$A$2:$C$346,2,0))^2+(VLOOKUP($A311,városok!$A$2:$C$346,3,0)-VLOOKUP(N$1,városok!$A$2:$C$346,3,0))^2)/1000,0)</f>
        <v>283</v>
      </c>
      <c r="O311">
        <f ca="1">ROUND(SQRT((VLOOKUP($A311,városok!$A$2:$C$346,2,0)-VLOOKUP(O$1,városok!$A$2:$C$346,2,0))^2+(VLOOKUP($A311,városok!$A$2:$C$346,3,0)-VLOOKUP(O$1,városok!$A$2:$C$346,3,0))^2)/1000,0)</f>
        <v>385</v>
      </c>
      <c r="P311">
        <f ca="1">ROUND(SQRT((VLOOKUP($A311,városok!$A$2:$C$346,2,0)-VLOOKUP(P$1,városok!$A$2:$C$346,2,0))^2+(VLOOKUP($A311,városok!$A$2:$C$346,3,0)-VLOOKUP(P$1,városok!$A$2:$C$346,3,0))^2)/1000,0)</f>
        <v>385</v>
      </c>
      <c r="Q311">
        <f ca="1">ROUND(SQRT((VLOOKUP($A311,városok!$A$2:$C$346,2,0)-VLOOKUP(Q$1,városok!$A$2:$C$346,2,0))^2+(VLOOKUP($A311,városok!$A$2:$C$346,3,0)-VLOOKUP(Q$1,városok!$A$2:$C$346,3,0))^2)/1000,0)</f>
        <v>296</v>
      </c>
      <c r="R311">
        <f ca="1">ROUND(SQRT((VLOOKUP($A311,városok!$A$2:$C$346,2,0)-VLOOKUP(R$1,városok!$A$2:$C$346,2,0))^2+(VLOOKUP($A311,városok!$A$2:$C$346,3,0)-VLOOKUP(R$1,városok!$A$2:$C$346,3,0))^2)/1000,0)</f>
        <v>316</v>
      </c>
      <c r="S311">
        <f ca="1">ROUND(SQRT((VLOOKUP($A311,városok!$A$2:$C$346,2,0)-VLOOKUP(S$1,városok!$A$2:$C$346,2,0))^2+(VLOOKUP($A311,városok!$A$2:$C$346,3,0)-VLOOKUP(S$1,városok!$A$2:$C$346,3,0))^2)/1000,0)</f>
        <v>293</v>
      </c>
      <c r="T311">
        <f ca="1">ROUND(SQRT((VLOOKUP($A311,városok!$A$2:$C$346,2,0)-VLOOKUP(T$1,városok!$A$2:$C$346,2,0))^2+(VLOOKUP($A311,városok!$A$2:$C$346,3,0)-VLOOKUP(T$1,városok!$A$2:$C$346,3,0))^2)/1000,0)</f>
        <v>145</v>
      </c>
      <c r="U311">
        <f ca="1">ROUND(SQRT((VLOOKUP($A311,városok!$A$2:$C$346,2,0)-VLOOKUP(U$1,városok!$A$2:$C$346,2,0))^2+(VLOOKUP($A311,városok!$A$2:$C$346,3,0)-VLOOKUP(U$1,városok!$A$2:$C$346,3,0))^2)/1000,0)</f>
        <v>175</v>
      </c>
      <c r="V311">
        <f ca="1">ROUND(SQRT((VLOOKUP($A311,városok!$A$2:$C$346,2,0)-VLOOKUP(V$1,városok!$A$2:$C$346,2,0))^2+(VLOOKUP($A311,városok!$A$2:$C$346,3,0)-VLOOKUP(V$1,városok!$A$2:$C$346,3,0))^2)/1000,0)</f>
        <v>126</v>
      </c>
      <c r="W311">
        <f ca="1">ROUND(SQRT((VLOOKUP($A311,városok!$A$2:$C$346,2,0)-VLOOKUP(W$1,városok!$A$2:$C$346,2,0))^2+(VLOOKUP($A311,városok!$A$2:$C$346,3,0)-VLOOKUP(W$1,városok!$A$2:$C$346,3,0))^2)/1000,0)</f>
        <v>156</v>
      </c>
      <c r="X311">
        <f ca="1">ROUND(SQRT((VLOOKUP($A311,városok!$A$2:$C$346,2,0)-VLOOKUP(X$1,városok!$A$2:$C$346,2,0))^2+(VLOOKUP($A311,városok!$A$2:$C$346,3,0)-VLOOKUP(X$1,városok!$A$2:$C$346,3,0))^2)/1000,0)</f>
        <v>123</v>
      </c>
      <c r="Y311">
        <f ca="1">ROUND(SQRT((VLOOKUP($A311,városok!$A$2:$C$346,2,0)-VLOOKUP(Y$1,városok!$A$2:$C$346,2,0))^2+(VLOOKUP($A311,városok!$A$2:$C$346,3,0)-VLOOKUP(Y$1,városok!$A$2:$C$346,3,0))^2)/1000,0)</f>
        <v>76</v>
      </c>
      <c r="Z311">
        <f ca="1">ROUND(SQRT((VLOOKUP($A311,városok!$A$2:$C$346,2,0)-VLOOKUP(Z$1,városok!$A$2:$C$346,2,0))^2+(VLOOKUP($A311,városok!$A$2:$C$346,3,0)-VLOOKUP(Z$1,városok!$A$2:$C$346,3,0))^2)/1000,0)</f>
        <v>63</v>
      </c>
      <c r="AA311">
        <f ca="1">ROUND(SQRT((VLOOKUP($A311,városok!$A$2:$C$346,2,0)-VLOOKUP(AA$1,városok!$A$2:$C$346,2,0))^2+(VLOOKUP($A311,városok!$A$2:$C$346,3,0)-VLOOKUP(AA$1,városok!$A$2:$C$346,3,0))^2)/1000,0)</f>
        <v>33</v>
      </c>
      <c r="AB311">
        <f ca="1">ROUND(SQRT((VLOOKUP($A311,városok!$A$2:$C$346,2,0)-VLOOKUP(AB$1,városok!$A$2:$C$346,2,0))^2+(VLOOKUP($A311,városok!$A$2:$C$346,3,0)-VLOOKUP(AB$1,városok!$A$2:$C$346,3,0))^2)/1000,0)</f>
        <v>371</v>
      </c>
      <c r="AC311">
        <f ca="1">ROUND(SQRT((VLOOKUP($A311,városok!$A$2:$C$346,2,0)-VLOOKUP(AC$1,városok!$A$2:$C$346,2,0))^2+(VLOOKUP($A311,városok!$A$2:$C$346,3,0)-VLOOKUP(AC$1,városok!$A$2:$C$346,3,0))^2)/1000,0)</f>
        <v>353</v>
      </c>
      <c r="AD311">
        <f ca="1">ROUND(SQRT((VLOOKUP($A311,városok!$A$2:$C$346,2,0)-VLOOKUP(AD$1,városok!$A$2:$C$346,2,0))^2+(VLOOKUP($A311,városok!$A$2:$C$346,3,0)-VLOOKUP(AD$1,városok!$A$2:$C$346,3,0))^2)/1000,0)</f>
        <v>335</v>
      </c>
      <c r="AE311">
        <f ca="1">ROUND(SQRT((VLOOKUP($A311,városok!$A$2:$C$346,2,0)-VLOOKUP(AE$1,városok!$A$2:$C$346,2,0))^2+(VLOOKUP($A311,városok!$A$2:$C$346,3,0)-VLOOKUP(AE$1,városok!$A$2:$C$346,3,0))^2)/1000,0)</f>
        <v>337</v>
      </c>
      <c r="AF311">
        <f ca="1">ROUND(SQRT((VLOOKUP($A311,városok!$A$2:$C$346,2,0)-VLOOKUP(AF$1,városok!$A$2:$C$346,2,0))^2+(VLOOKUP($A311,városok!$A$2:$C$346,3,0)-VLOOKUP(AF$1,városok!$A$2:$C$346,3,0))^2)/1000,0)</f>
        <v>281</v>
      </c>
      <c r="AG311">
        <f ca="1">ROUND(SQRT((VLOOKUP($A311,városok!$A$2:$C$346,2,0)-VLOOKUP(AG$1,városok!$A$2:$C$346,2,0))^2+(VLOOKUP($A311,városok!$A$2:$C$346,3,0)-VLOOKUP(AG$1,városok!$A$2:$C$346,3,0))^2)/1000,0)</f>
        <v>245</v>
      </c>
      <c r="AH311">
        <f ca="1">ROUND(SQRT((VLOOKUP($A311,városok!$A$2:$C$346,2,0)-VLOOKUP(AH$1,városok!$A$2:$C$346,2,0))^2+(VLOOKUP($A311,városok!$A$2:$C$346,3,0)-VLOOKUP(AH$1,városok!$A$2:$C$346,3,0))^2)/1000,0)</f>
        <v>225</v>
      </c>
      <c r="AI311">
        <f ca="1">ROUND(SQRT((VLOOKUP($A311,városok!$A$2:$C$346,2,0)-VLOOKUP(AI$1,városok!$A$2:$C$346,2,0))^2+(VLOOKUP($A311,városok!$A$2:$C$346,3,0)-VLOOKUP(AI$1,városok!$A$2:$C$346,3,0))^2)/1000,0)</f>
        <v>263</v>
      </c>
      <c r="AJ311">
        <f ca="1">ROUND(SQRT((VLOOKUP($A311,városok!$A$2:$C$346,2,0)-VLOOKUP(AJ$1,városok!$A$2:$C$346,2,0))^2+(VLOOKUP($A311,városok!$A$2:$C$346,3,0)-VLOOKUP(AJ$1,városok!$A$2:$C$346,3,0))^2)/1000,0)</f>
        <v>247</v>
      </c>
      <c r="AK311">
        <f ca="1">ROUND(SQRT((VLOOKUP($A311,városok!$A$2:$C$346,2,0)-VLOOKUP(AK$1,városok!$A$2:$C$346,2,0))^2+(VLOOKUP($A311,városok!$A$2:$C$346,3,0)-VLOOKUP(AK$1,városok!$A$2:$C$346,3,0))^2)/1000,0)</f>
        <v>322</v>
      </c>
      <c r="AL311">
        <f ca="1">ROUND(SQRT((VLOOKUP($A311,városok!$A$2:$C$346,2,0)-VLOOKUP(AL$1,városok!$A$2:$C$346,2,0))^2+(VLOOKUP($A311,városok!$A$2:$C$346,3,0)-VLOOKUP(AL$1,városok!$A$2:$C$346,3,0))^2)/1000,0)</f>
        <v>296</v>
      </c>
      <c r="AM311">
        <f ca="1">ROUND(SQRT((VLOOKUP($A311,városok!$A$2:$C$346,2,0)-VLOOKUP(AM$1,városok!$A$2:$C$346,2,0))^2+(VLOOKUP($A311,városok!$A$2:$C$346,3,0)-VLOOKUP(AM$1,városok!$A$2:$C$346,3,0))^2)/1000,0)</f>
        <v>264</v>
      </c>
      <c r="AN311">
        <f ca="1">ROUND(SQRT((VLOOKUP($A311,városok!$A$2:$C$346,2,0)-VLOOKUP(AN$1,városok!$A$2:$C$346,2,0))^2+(VLOOKUP($A311,városok!$A$2:$C$346,3,0)-VLOOKUP(AN$1,városok!$A$2:$C$346,3,0))^2)/1000,0)</f>
        <v>159</v>
      </c>
      <c r="AO311">
        <f ca="1">ROUND(SQRT((VLOOKUP($A311,városok!$A$2:$C$346,2,0)-VLOOKUP(AO$1,városok!$A$2:$C$346,2,0))^2+(VLOOKUP($A311,városok!$A$2:$C$346,3,0)-VLOOKUP(AO$1,városok!$A$2:$C$346,3,0))^2)/1000,0)</f>
        <v>112</v>
      </c>
      <c r="AP311">
        <f ca="1">ROUND(SQRT((VLOOKUP($A311,városok!$A$2:$C$346,2,0)-VLOOKUP(AP$1,városok!$A$2:$C$346,2,0))^2+(VLOOKUP($A311,városok!$A$2:$C$346,3,0)-VLOOKUP(AP$1,városok!$A$2:$C$346,3,0))^2)/1000,0)</f>
        <v>125</v>
      </c>
      <c r="AQ311">
        <f ca="1">ROUND(SQRT((VLOOKUP($A311,városok!$A$2:$C$346,2,0)-VLOOKUP(AQ$1,városok!$A$2:$C$346,2,0))^2+(VLOOKUP($A311,városok!$A$2:$C$346,3,0)-VLOOKUP(AQ$1,városok!$A$2:$C$346,3,0))^2)/1000,0)</f>
        <v>129</v>
      </c>
      <c r="AR311">
        <f ca="1">ROUND(SQRT((VLOOKUP($A311,városok!$A$2:$C$346,2,0)-VLOOKUP(AR$1,városok!$A$2:$C$346,2,0))^2+(VLOOKUP($A311,városok!$A$2:$C$346,3,0)-VLOOKUP(AR$1,városok!$A$2:$C$346,3,0))^2)/1000,0)</f>
        <v>231</v>
      </c>
      <c r="AS311">
        <f ca="1">ROUND(SQRT((VLOOKUP($A311,városok!$A$2:$C$346,2,0)-VLOOKUP(AS$1,városok!$A$2:$C$346,2,0))^2+(VLOOKUP($A311,városok!$A$2:$C$346,3,0)-VLOOKUP(AS$1,városok!$A$2:$C$346,3,0))^2)/1000,0)</f>
        <v>245</v>
      </c>
      <c r="AT311">
        <f ca="1">ROUND(SQRT((VLOOKUP($A311,városok!$A$2:$C$346,2,0)-VLOOKUP(AT$1,városok!$A$2:$C$346,2,0))^2+(VLOOKUP($A311,városok!$A$2:$C$346,3,0)-VLOOKUP(AT$1,városok!$A$2:$C$346,3,0))^2)/1000,0)</f>
        <v>159</v>
      </c>
      <c r="AU311">
        <f ca="1">ROUND(SQRT((VLOOKUP($A311,városok!$A$2:$C$346,2,0)-VLOOKUP(AU$1,városok!$A$2:$C$346,2,0))^2+(VLOOKUP($A311,városok!$A$2:$C$346,3,0)-VLOOKUP(AU$1,városok!$A$2:$C$346,3,0))^2)/1000,0)</f>
        <v>170</v>
      </c>
      <c r="AV311">
        <f ca="1">ROUND(SQRT((VLOOKUP($A311,városok!$A$2:$C$346,2,0)-VLOOKUP(AV$1,városok!$A$2:$C$346,2,0))^2+(VLOOKUP($A311,városok!$A$2:$C$346,3,0)-VLOOKUP(AV$1,városok!$A$2:$C$346,3,0))^2)/1000,0)</f>
        <v>169</v>
      </c>
      <c r="AW311">
        <f ca="1">ROUND(SQRT((VLOOKUP($A311,városok!$A$2:$C$346,2,0)-VLOOKUP(AW$1,városok!$A$2:$C$346,2,0))^2+(VLOOKUP($A311,városok!$A$2:$C$346,3,0)-VLOOKUP(AW$1,városok!$A$2:$C$346,3,0))^2)/1000,0)</f>
        <v>166</v>
      </c>
      <c r="AX311">
        <f ca="1">ROUND(SQRT((VLOOKUP($A311,városok!$A$2:$C$346,2,0)-VLOOKUP(AX$1,városok!$A$2:$C$346,2,0))^2+(VLOOKUP($A311,városok!$A$2:$C$346,3,0)-VLOOKUP(AX$1,városok!$A$2:$C$346,3,0))^2)/1000,0)</f>
        <v>236</v>
      </c>
      <c r="AY311">
        <f ca="1">ROUND(SQRT((VLOOKUP($A311,városok!$A$2:$C$346,2,0)-VLOOKUP(AY$1,városok!$A$2:$C$346,2,0))^2+(VLOOKUP($A311,városok!$A$2:$C$346,3,0)-VLOOKUP(AY$1,városok!$A$2:$C$346,3,0))^2)/1000,0)</f>
        <v>180</v>
      </c>
      <c r="AZ311">
        <f ca="1">ROUND(SQRT((VLOOKUP($A311,városok!$A$2:$C$346,2,0)-VLOOKUP(AZ$1,városok!$A$2:$C$346,2,0))^2+(VLOOKUP($A311,városok!$A$2:$C$346,3,0)-VLOOKUP(AZ$1,városok!$A$2:$C$346,3,0))^2)/1000,0)</f>
        <v>175</v>
      </c>
      <c r="BA311">
        <f ca="1">ROUND(SQRT((VLOOKUP($A311,városok!$A$2:$C$346,2,0)-VLOOKUP(BA$1,városok!$A$2:$C$346,2,0))^2+(VLOOKUP($A311,városok!$A$2:$C$346,3,0)-VLOOKUP(BA$1,városok!$A$2:$C$346,3,0))^2)/1000,0)</f>
        <v>102</v>
      </c>
      <c r="BB311">
        <f ca="1">ROUND(SQRT((VLOOKUP($A311,városok!$A$2:$C$346,2,0)-VLOOKUP(BB$1,városok!$A$2:$C$346,2,0))^2+(VLOOKUP($A311,városok!$A$2:$C$346,3,0)-VLOOKUP(BB$1,városok!$A$2:$C$346,3,0))^2)/1000,0)</f>
        <v>134</v>
      </c>
      <c r="BC311">
        <f ca="1">ROUND(SQRT((VLOOKUP($A311,városok!$A$2:$C$346,2,0)-VLOOKUP(BC$1,városok!$A$2:$C$346,2,0))^2+(VLOOKUP($A311,városok!$A$2:$C$346,3,0)-VLOOKUP(BC$1,városok!$A$2:$C$346,3,0))^2)/1000,0)</f>
        <v>143</v>
      </c>
      <c r="BD311">
        <f ca="1">ROUND(SQRT((VLOOKUP($A311,városok!$A$2:$C$346,2,0)-VLOOKUP(BD$1,városok!$A$2:$C$346,2,0))^2+(VLOOKUP($A311,városok!$A$2:$C$346,3,0)-VLOOKUP(BD$1,városok!$A$2:$C$346,3,0))^2)/1000,0)</f>
        <v>116</v>
      </c>
      <c r="BE311">
        <f ca="1">ROUND(SQRT((VLOOKUP($A311,városok!$A$2:$C$346,2,0)-VLOOKUP(BE$1,városok!$A$2:$C$346,2,0))^2+(VLOOKUP($A311,városok!$A$2:$C$346,3,0)-VLOOKUP(BE$1,városok!$A$2:$C$346,3,0))^2)/1000,0)</f>
        <v>450</v>
      </c>
      <c r="BF311">
        <f ca="1">ROUND(SQRT((VLOOKUP($A311,városok!$A$2:$C$346,2,0)-VLOOKUP(BF$1,városok!$A$2:$C$346,2,0))^2+(VLOOKUP($A311,városok!$A$2:$C$346,3,0)-VLOOKUP(BF$1,városok!$A$2:$C$346,3,0))^2)/1000,0)</f>
        <v>412</v>
      </c>
      <c r="BG311">
        <f ca="1">ROUND(SQRT((VLOOKUP($A311,városok!$A$2:$C$346,2,0)-VLOOKUP(BG$1,városok!$A$2:$C$346,2,0))^2+(VLOOKUP($A311,városok!$A$2:$C$346,3,0)-VLOOKUP(BG$1,városok!$A$2:$C$346,3,0))^2)/1000,0)</f>
        <v>365</v>
      </c>
      <c r="BH311">
        <f ca="1">ROUND(SQRT((VLOOKUP($A311,városok!$A$2:$C$346,2,0)-VLOOKUP(BH$1,városok!$A$2:$C$346,2,0))^2+(VLOOKUP($A311,városok!$A$2:$C$346,3,0)-VLOOKUP(BH$1,városok!$A$2:$C$346,3,0))^2)/1000,0)</f>
        <v>365</v>
      </c>
      <c r="BI311">
        <f ca="1">ROUND(SQRT((VLOOKUP($A311,városok!$A$2:$C$346,2,0)-VLOOKUP(BI$1,városok!$A$2:$C$346,2,0))^2+(VLOOKUP($A311,városok!$A$2:$C$346,3,0)-VLOOKUP(BI$1,városok!$A$2:$C$346,3,0))^2)/1000,0)</f>
        <v>183</v>
      </c>
      <c r="BJ311">
        <f ca="1">ROUND(SQRT((VLOOKUP($A311,városok!$A$2:$C$346,2,0)-VLOOKUP(BJ$1,városok!$A$2:$C$346,2,0))^2+(VLOOKUP($A311,városok!$A$2:$C$346,3,0)-VLOOKUP(BJ$1,városok!$A$2:$C$346,3,0))^2)/1000,0)</f>
        <v>182</v>
      </c>
      <c r="BK311">
        <f ca="1">ROUND(SQRT((VLOOKUP($A311,városok!$A$2:$C$346,2,0)-VLOOKUP(BK$1,városok!$A$2:$C$346,2,0))^2+(VLOOKUP($A311,városok!$A$2:$C$346,3,0)-VLOOKUP(BK$1,városok!$A$2:$C$346,3,0))^2)/1000,0)</f>
        <v>191</v>
      </c>
      <c r="BL311">
        <f ca="1">ROUND(SQRT((VLOOKUP($A311,városok!$A$2:$C$346,2,0)-VLOOKUP(BL$1,városok!$A$2:$C$346,2,0))^2+(VLOOKUP($A311,városok!$A$2:$C$346,3,0)-VLOOKUP(BL$1,városok!$A$2:$C$346,3,0))^2)/1000,0)</f>
        <v>44</v>
      </c>
      <c r="BM311">
        <f ca="1">ROUND(SQRT((VLOOKUP($A311,városok!$A$2:$C$346,2,0)-VLOOKUP(BM$1,városok!$A$2:$C$346,2,0))^2+(VLOOKUP($A311,városok!$A$2:$C$346,3,0)-VLOOKUP(BM$1,városok!$A$2:$C$346,3,0))^2)/1000,0)</f>
        <v>23</v>
      </c>
      <c r="BN311">
        <f ca="1">ROUND(SQRT((VLOOKUP($A311,városok!$A$2:$C$346,2,0)-VLOOKUP(BN$1,városok!$A$2:$C$346,2,0))^2+(VLOOKUP($A311,városok!$A$2:$C$346,3,0)-VLOOKUP(BN$1,városok!$A$2:$C$346,3,0))^2)/1000,0)</f>
        <v>20</v>
      </c>
      <c r="BO311">
        <f ca="1">ROUND(SQRT((VLOOKUP($A311,városok!$A$2:$C$346,2,0)-VLOOKUP(BO$1,városok!$A$2:$C$346,2,0))^2+(VLOOKUP($A311,városok!$A$2:$C$346,3,0)-VLOOKUP(BO$1,városok!$A$2:$C$346,3,0))^2)/1000,0)</f>
        <v>107</v>
      </c>
      <c r="BP311">
        <f ca="1">ROUND(SQRT((VLOOKUP($A311,városok!$A$2:$C$346,2,0)-VLOOKUP(BP$1,városok!$A$2:$C$346,2,0))^2+(VLOOKUP($A311,városok!$A$2:$C$346,3,0)-VLOOKUP(BP$1,városok!$A$2:$C$346,3,0))^2)/1000,0)</f>
        <v>113</v>
      </c>
      <c r="BQ311">
        <f ca="1">ROUND(SQRT((VLOOKUP($A311,városok!$A$2:$C$346,2,0)-VLOOKUP(BQ$1,városok!$A$2:$C$346,2,0))^2+(VLOOKUP($A311,városok!$A$2:$C$346,3,0)-VLOOKUP(BQ$1,városok!$A$2:$C$346,3,0))^2)/1000,0)</f>
        <v>97</v>
      </c>
      <c r="BR311">
        <f ca="1">ROUND(SQRT((VLOOKUP($A311,városok!$A$2:$C$346,2,0)-VLOOKUP(BR$1,városok!$A$2:$C$346,2,0))^2+(VLOOKUP($A311,városok!$A$2:$C$346,3,0)-VLOOKUP(BR$1,városok!$A$2:$C$346,3,0))^2)/1000,0)</f>
        <v>82</v>
      </c>
      <c r="BS311">
        <f ca="1">ROUND(SQRT((VLOOKUP($A311,városok!$A$2:$C$346,2,0)-VLOOKUP(BS$1,városok!$A$2:$C$346,2,0))^2+(VLOOKUP($A311,városok!$A$2:$C$346,3,0)-VLOOKUP(BS$1,városok!$A$2:$C$346,3,0))^2)/1000,0)</f>
        <v>108</v>
      </c>
      <c r="BT311">
        <f ca="1">ROUND(SQRT((VLOOKUP($A311,városok!$A$2:$C$346,2,0)-VLOOKUP(BT$1,városok!$A$2:$C$346,2,0))^2+(VLOOKUP($A311,városok!$A$2:$C$346,3,0)-VLOOKUP(BT$1,városok!$A$2:$C$346,3,0))^2)/1000,0)</f>
        <v>64</v>
      </c>
    </row>
    <row r="312" spans="1:72" x14ac:dyDescent="0.2">
      <c r="A312" t="str">
        <f>városok!A312</f>
        <v>Jánosháza</v>
      </c>
      <c r="B312">
        <f ca="1">ROUND(SQRT((VLOOKUP($A312,városok!$A$2:$C$346,2,0)-VLOOKUP(B$1,városok!$A$2:$C$346,2,0))^2+(VLOOKUP($A312,városok!$A$2:$C$346,3,0)-VLOOKUP(B$1,városok!$A$2:$C$346,3,0))^2)/1000,0)</f>
        <v>172</v>
      </c>
      <c r="C312">
        <f ca="1">ROUND(SQRT((VLOOKUP($A312,városok!$A$2:$C$346,2,0)-VLOOKUP(C$1,városok!$A$2:$C$346,2,0))^2+(VLOOKUP($A312,városok!$A$2:$C$346,3,0)-VLOOKUP(C$1,városok!$A$2:$C$346,3,0))^2)/1000,0)</f>
        <v>153</v>
      </c>
      <c r="D312">
        <f ca="1">ROUND(SQRT((VLOOKUP($A312,városok!$A$2:$C$346,2,0)-VLOOKUP(D$1,városok!$A$2:$C$346,2,0))^2+(VLOOKUP($A312,városok!$A$2:$C$346,3,0)-VLOOKUP(D$1,városok!$A$2:$C$346,3,0))^2)/1000,0)</f>
        <v>193</v>
      </c>
      <c r="E312">
        <f ca="1">ROUND(SQRT((VLOOKUP($A312,városok!$A$2:$C$346,2,0)-VLOOKUP(E$1,városok!$A$2:$C$346,2,0))^2+(VLOOKUP($A312,városok!$A$2:$C$346,3,0)-VLOOKUP(E$1,városok!$A$2:$C$346,3,0))^2)/1000,0)</f>
        <v>133</v>
      </c>
      <c r="F312">
        <f ca="1">ROUND(SQRT((VLOOKUP($A312,városok!$A$2:$C$346,2,0)-VLOOKUP(F$1,városok!$A$2:$C$346,2,0))^2+(VLOOKUP($A312,városok!$A$2:$C$346,3,0)-VLOOKUP(F$1,városok!$A$2:$C$346,3,0))^2)/1000,0)</f>
        <v>171</v>
      </c>
      <c r="G312">
        <f ca="1">ROUND(SQRT((VLOOKUP($A312,városok!$A$2:$C$346,2,0)-VLOOKUP(G$1,városok!$A$2:$C$346,2,0))^2+(VLOOKUP($A312,városok!$A$2:$C$346,3,0)-VLOOKUP(G$1,városok!$A$2:$C$346,3,0))^2)/1000,0)</f>
        <v>143</v>
      </c>
      <c r="H312">
        <f ca="1">ROUND(SQRT((VLOOKUP($A312,városok!$A$2:$C$346,2,0)-VLOOKUP(H$1,városok!$A$2:$C$346,2,0))^2+(VLOOKUP($A312,városok!$A$2:$C$346,3,0)-VLOOKUP(H$1,városok!$A$2:$C$346,3,0))^2)/1000,0)</f>
        <v>129</v>
      </c>
      <c r="I312">
        <f ca="1">ROUND(SQRT((VLOOKUP($A312,városok!$A$2:$C$346,2,0)-VLOOKUP(I$1,városok!$A$2:$C$346,2,0))^2+(VLOOKUP($A312,városok!$A$2:$C$346,3,0)-VLOOKUP(I$1,városok!$A$2:$C$346,3,0))^2)/1000,0)</f>
        <v>302</v>
      </c>
      <c r="J312">
        <f ca="1">ROUND(SQRT((VLOOKUP($A312,városok!$A$2:$C$346,2,0)-VLOOKUP(J$1,városok!$A$2:$C$346,2,0))^2+(VLOOKUP($A312,városok!$A$2:$C$346,3,0)-VLOOKUP(J$1,városok!$A$2:$C$346,3,0))^2)/1000,0)</f>
        <v>318</v>
      </c>
      <c r="K312">
        <f ca="1">ROUND(SQRT((VLOOKUP($A312,városok!$A$2:$C$346,2,0)-VLOOKUP(K$1,városok!$A$2:$C$346,2,0))^2+(VLOOKUP($A312,városok!$A$2:$C$346,3,0)-VLOOKUP(K$1,városok!$A$2:$C$346,3,0))^2)/1000,0)</f>
        <v>274</v>
      </c>
      <c r="L312">
        <f ca="1">ROUND(SQRT((VLOOKUP($A312,városok!$A$2:$C$346,2,0)-VLOOKUP(L$1,városok!$A$2:$C$346,2,0))^2+(VLOOKUP($A312,városok!$A$2:$C$346,3,0)-VLOOKUP(L$1,városok!$A$2:$C$346,3,0))^2)/1000,0)</f>
        <v>289</v>
      </c>
      <c r="M312">
        <f ca="1">ROUND(SQRT((VLOOKUP($A312,városok!$A$2:$C$346,2,0)-VLOOKUP(M$1,városok!$A$2:$C$346,2,0))^2+(VLOOKUP($A312,városok!$A$2:$C$346,3,0)-VLOOKUP(M$1,városok!$A$2:$C$346,3,0))^2)/1000,0)</f>
        <v>294</v>
      </c>
      <c r="N312">
        <f ca="1">ROUND(SQRT((VLOOKUP($A312,városok!$A$2:$C$346,2,0)-VLOOKUP(N$1,városok!$A$2:$C$346,2,0))^2+(VLOOKUP($A312,városok!$A$2:$C$346,3,0)-VLOOKUP(N$1,városok!$A$2:$C$346,3,0))^2)/1000,0)</f>
        <v>265</v>
      </c>
      <c r="O312">
        <f ca="1">ROUND(SQRT((VLOOKUP($A312,városok!$A$2:$C$346,2,0)-VLOOKUP(O$1,városok!$A$2:$C$346,2,0))^2+(VLOOKUP($A312,városok!$A$2:$C$346,3,0)-VLOOKUP(O$1,városok!$A$2:$C$346,3,0))^2)/1000,0)</f>
        <v>365</v>
      </c>
      <c r="P312">
        <f ca="1">ROUND(SQRT((VLOOKUP($A312,városok!$A$2:$C$346,2,0)-VLOOKUP(P$1,városok!$A$2:$C$346,2,0))^2+(VLOOKUP($A312,városok!$A$2:$C$346,3,0)-VLOOKUP(P$1,városok!$A$2:$C$346,3,0))^2)/1000,0)</f>
        <v>365</v>
      </c>
      <c r="Q312">
        <f ca="1">ROUND(SQRT((VLOOKUP($A312,városok!$A$2:$C$346,2,0)-VLOOKUP(Q$1,városok!$A$2:$C$346,2,0))^2+(VLOOKUP($A312,városok!$A$2:$C$346,3,0)-VLOOKUP(Q$1,városok!$A$2:$C$346,3,0))^2)/1000,0)</f>
        <v>253</v>
      </c>
      <c r="R312">
        <f ca="1">ROUND(SQRT((VLOOKUP($A312,városok!$A$2:$C$346,2,0)-VLOOKUP(R$1,városok!$A$2:$C$346,2,0))^2+(VLOOKUP($A312,városok!$A$2:$C$346,3,0)-VLOOKUP(R$1,városok!$A$2:$C$346,3,0))^2)/1000,0)</f>
        <v>272</v>
      </c>
      <c r="S312">
        <f ca="1">ROUND(SQRT((VLOOKUP($A312,városok!$A$2:$C$346,2,0)-VLOOKUP(S$1,városok!$A$2:$C$346,2,0))^2+(VLOOKUP($A312,városok!$A$2:$C$346,3,0)-VLOOKUP(S$1,városok!$A$2:$C$346,3,0))^2)/1000,0)</f>
        <v>249</v>
      </c>
      <c r="T312">
        <f ca="1">ROUND(SQRT((VLOOKUP($A312,városok!$A$2:$C$346,2,0)-VLOOKUP(T$1,városok!$A$2:$C$346,2,0))^2+(VLOOKUP($A312,városok!$A$2:$C$346,3,0)-VLOOKUP(T$1,városok!$A$2:$C$346,3,0))^2)/1000,0)</f>
        <v>118</v>
      </c>
      <c r="U312">
        <f ca="1">ROUND(SQRT((VLOOKUP($A312,városok!$A$2:$C$346,2,0)-VLOOKUP(U$1,városok!$A$2:$C$346,2,0))^2+(VLOOKUP($A312,városok!$A$2:$C$346,3,0)-VLOOKUP(U$1,városok!$A$2:$C$346,3,0))^2)/1000,0)</f>
        <v>135</v>
      </c>
      <c r="V312">
        <f ca="1">ROUND(SQRT((VLOOKUP($A312,városok!$A$2:$C$346,2,0)-VLOOKUP(V$1,városok!$A$2:$C$346,2,0))^2+(VLOOKUP($A312,városok!$A$2:$C$346,3,0)-VLOOKUP(V$1,városok!$A$2:$C$346,3,0))^2)/1000,0)</f>
        <v>87</v>
      </c>
      <c r="W312">
        <f ca="1">ROUND(SQRT((VLOOKUP($A312,városok!$A$2:$C$346,2,0)-VLOOKUP(W$1,városok!$A$2:$C$346,2,0))^2+(VLOOKUP($A312,városok!$A$2:$C$346,3,0)-VLOOKUP(W$1,városok!$A$2:$C$346,3,0))^2)/1000,0)</f>
        <v>114</v>
      </c>
      <c r="X312">
        <f ca="1">ROUND(SQRT((VLOOKUP($A312,városok!$A$2:$C$346,2,0)-VLOOKUP(X$1,városok!$A$2:$C$346,2,0))^2+(VLOOKUP($A312,városok!$A$2:$C$346,3,0)-VLOOKUP(X$1,városok!$A$2:$C$346,3,0))^2)/1000,0)</f>
        <v>90</v>
      </c>
      <c r="Y312">
        <f ca="1">ROUND(SQRT((VLOOKUP($A312,városok!$A$2:$C$346,2,0)-VLOOKUP(Y$1,városok!$A$2:$C$346,2,0))^2+(VLOOKUP($A312,városok!$A$2:$C$346,3,0)-VLOOKUP(Y$1,városok!$A$2:$C$346,3,0))^2)/1000,0)</f>
        <v>72</v>
      </c>
      <c r="Z312">
        <f ca="1">ROUND(SQRT((VLOOKUP($A312,városok!$A$2:$C$346,2,0)-VLOOKUP(Z$1,városok!$A$2:$C$346,2,0))^2+(VLOOKUP($A312,városok!$A$2:$C$346,3,0)-VLOOKUP(Z$1,városok!$A$2:$C$346,3,0))^2)/1000,0)</f>
        <v>70</v>
      </c>
      <c r="AA312">
        <f ca="1">ROUND(SQRT((VLOOKUP($A312,városok!$A$2:$C$346,2,0)-VLOOKUP(AA$1,városok!$A$2:$C$346,2,0))^2+(VLOOKUP($A312,városok!$A$2:$C$346,3,0)-VLOOKUP(AA$1,városok!$A$2:$C$346,3,0))^2)/1000,0)</f>
        <v>77</v>
      </c>
      <c r="AB312">
        <f ca="1">ROUND(SQRT((VLOOKUP($A312,városok!$A$2:$C$346,2,0)-VLOOKUP(AB$1,városok!$A$2:$C$346,2,0))^2+(VLOOKUP($A312,városok!$A$2:$C$346,3,0)-VLOOKUP(AB$1,városok!$A$2:$C$346,3,0))^2)/1000,0)</f>
        <v>341</v>
      </c>
      <c r="AC312">
        <f ca="1">ROUND(SQRT((VLOOKUP($A312,városok!$A$2:$C$346,2,0)-VLOOKUP(AC$1,városok!$A$2:$C$346,2,0))^2+(VLOOKUP($A312,városok!$A$2:$C$346,3,0)-VLOOKUP(AC$1,városok!$A$2:$C$346,3,0))^2)/1000,0)</f>
        <v>322</v>
      </c>
      <c r="AD312">
        <f ca="1">ROUND(SQRT((VLOOKUP($A312,városok!$A$2:$C$346,2,0)-VLOOKUP(AD$1,városok!$A$2:$C$346,2,0))^2+(VLOOKUP($A312,városok!$A$2:$C$346,3,0)-VLOOKUP(AD$1,városok!$A$2:$C$346,3,0))^2)/1000,0)</f>
        <v>304</v>
      </c>
      <c r="AE312">
        <f ca="1">ROUND(SQRT((VLOOKUP($A312,városok!$A$2:$C$346,2,0)-VLOOKUP(AE$1,városok!$A$2:$C$346,2,0))^2+(VLOOKUP($A312,városok!$A$2:$C$346,3,0)-VLOOKUP(AE$1,városok!$A$2:$C$346,3,0))^2)/1000,0)</f>
        <v>304</v>
      </c>
      <c r="AF312">
        <f ca="1">ROUND(SQRT((VLOOKUP($A312,városok!$A$2:$C$346,2,0)-VLOOKUP(AF$1,városok!$A$2:$C$346,2,0))^2+(VLOOKUP($A312,városok!$A$2:$C$346,3,0)-VLOOKUP(AF$1,városok!$A$2:$C$346,3,0))^2)/1000,0)</f>
        <v>257</v>
      </c>
      <c r="AG312">
        <f ca="1">ROUND(SQRT((VLOOKUP($A312,városok!$A$2:$C$346,2,0)-VLOOKUP(AG$1,városok!$A$2:$C$346,2,0))^2+(VLOOKUP($A312,városok!$A$2:$C$346,3,0)-VLOOKUP(AG$1,városok!$A$2:$C$346,3,0))^2)/1000,0)</f>
        <v>221</v>
      </c>
      <c r="AH312">
        <f ca="1">ROUND(SQRT((VLOOKUP($A312,városok!$A$2:$C$346,2,0)-VLOOKUP(AH$1,városok!$A$2:$C$346,2,0))^2+(VLOOKUP($A312,városok!$A$2:$C$346,3,0)-VLOOKUP(AH$1,városok!$A$2:$C$346,3,0))^2)/1000,0)</f>
        <v>199</v>
      </c>
      <c r="AI312">
        <f ca="1">ROUND(SQRT((VLOOKUP($A312,városok!$A$2:$C$346,2,0)-VLOOKUP(AI$1,városok!$A$2:$C$346,2,0))^2+(VLOOKUP($A312,városok!$A$2:$C$346,3,0)-VLOOKUP(AI$1,városok!$A$2:$C$346,3,0))^2)/1000,0)</f>
        <v>242</v>
      </c>
      <c r="AJ312">
        <f ca="1">ROUND(SQRT((VLOOKUP($A312,városok!$A$2:$C$346,2,0)-VLOOKUP(AJ$1,városok!$A$2:$C$346,2,0))^2+(VLOOKUP($A312,városok!$A$2:$C$346,3,0)-VLOOKUP(AJ$1,városok!$A$2:$C$346,3,0))^2)/1000,0)</f>
        <v>220</v>
      </c>
      <c r="AK312">
        <f ca="1">ROUND(SQRT((VLOOKUP($A312,városok!$A$2:$C$346,2,0)-VLOOKUP(AK$1,városok!$A$2:$C$346,2,0))^2+(VLOOKUP($A312,városok!$A$2:$C$346,3,0)-VLOOKUP(AK$1,városok!$A$2:$C$346,3,0))^2)/1000,0)</f>
        <v>289</v>
      </c>
      <c r="AL312">
        <f ca="1">ROUND(SQRT((VLOOKUP($A312,városok!$A$2:$C$346,2,0)-VLOOKUP(AL$1,városok!$A$2:$C$346,2,0))^2+(VLOOKUP($A312,városok!$A$2:$C$346,3,0)-VLOOKUP(AL$1,városok!$A$2:$C$346,3,0))^2)/1000,0)</f>
        <v>263</v>
      </c>
      <c r="AM312">
        <f ca="1">ROUND(SQRT((VLOOKUP($A312,városok!$A$2:$C$346,2,0)-VLOOKUP(AM$1,városok!$A$2:$C$346,2,0))^2+(VLOOKUP($A312,városok!$A$2:$C$346,3,0)-VLOOKUP(AM$1,városok!$A$2:$C$346,3,0))^2)/1000,0)</f>
        <v>229</v>
      </c>
      <c r="AN312">
        <f ca="1">ROUND(SQRT((VLOOKUP($A312,városok!$A$2:$C$346,2,0)-VLOOKUP(AN$1,városok!$A$2:$C$346,2,0))^2+(VLOOKUP($A312,városok!$A$2:$C$346,3,0)-VLOOKUP(AN$1,városok!$A$2:$C$346,3,0))^2)/1000,0)</f>
        <v>140</v>
      </c>
      <c r="AO312">
        <f ca="1">ROUND(SQRT((VLOOKUP($A312,városok!$A$2:$C$346,2,0)-VLOOKUP(AO$1,városok!$A$2:$C$346,2,0))^2+(VLOOKUP($A312,városok!$A$2:$C$346,3,0)-VLOOKUP(AO$1,városok!$A$2:$C$346,3,0))^2)/1000,0)</f>
        <v>100</v>
      </c>
      <c r="AP312">
        <f ca="1">ROUND(SQRT((VLOOKUP($A312,városok!$A$2:$C$346,2,0)-VLOOKUP(AP$1,városok!$A$2:$C$346,2,0))^2+(VLOOKUP($A312,városok!$A$2:$C$346,3,0)-VLOOKUP(AP$1,városok!$A$2:$C$346,3,0))^2)/1000,0)</f>
        <v>106</v>
      </c>
      <c r="AQ312">
        <f ca="1">ROUND(SQRT((VLOOKUP($A312,városok!$A$2:$C$346,2,0)-VLOOKUP(AQ$1,városok!$A$2:$C$346,2,0))^2+(VLOOKUP($A312,városok!$A$2:$C$346,3,0)-VLOOKUP(AQ$1,városok!$A$2:$C$346,3,0))^2)/1000,0)</f>
        <v>106</v>
      </c>
      <c r="AR312">
        <f ca="1">ROUND(SQRT((VLOOKUP($A312,városok!$A$2:$C$346,2,0)-VLOOKUP(AR$1,városok!$A$2:$C$346,2,0))^2+(VLOOKUP($A312,városok!$A$2:$C$346,3,0)-VLOOKUP(AR$1,városok!$A$2:$C$346,3,0))^2)/1000,0)</f>
        <v>210</v>
      </c>
      <c r="AS312">
        <f ca="1">ROUND(SQRT((VLOOKUP($A312,városok!$A$2:$C$346,2,0)-VLOOKUP(AS$1,városok!$A$2:$C$346,2,0))^2+(VLOOKUP($A312,városok!$A$2:$C$346,3,0)-VLOOKUP(AS$1,városok!$A$2:$C$346,3,0))^2)/1000,0)</f>
        <v>227</v>
      </c>
      <c r="AT312">
        <f ca="1">ROUND(SQRT((VLOOKUP($A312,városok!$A$2:$C$346,2,0)-VLOOKUP(AT$1,városok!$A$2:$C$346,2,0))^2+(VLOOKUP($A312,városok!$A$2:$C$346,3,0)-VLOOKUP(AT$1,városok!$A$2:$C$346,3,0))^2)/1000,0)</f>
        <v>131</v>
      </c>
      <c r="AU312">
        <f ca="1">ROUND(SQRT((VLOOKUP($A312,városok!$A$2:$C$346,2,0)-VLOOKUP(AU$1,városok!$A$2:$C$346,2,0))^2+(VLOOKUP($A312,városok!$A$2:$C$346,3,0)-VLOOKUP(AU$1,városok!$A$2:$C$346,3,0))^2)/1000,0)</f>
        <v>141</v>
      </c>
      <c r="AV312">
        <f ca="1">ROUND(SQRT((VLOOKUP($A312,városok!$A$2:$C$346,2,0)-VLOOKUP(AV$1,városok!$A$2:$C$346,2,0))^2+(VLOOKUP($A312,városok!$A$2:$C$346,3,0)-VLOOKUP(AV$1,városok!$A$2:$C$346,3,0))^2)/1000,0)</f>
        <v>139</v>
      </c>
      <c r="AW312">
        <f ca="1">ROUND(SQRT((VLOOKUP($A312,városok!$A$2:$C$346,2,0)-VLOOKUP(AW$1,városok!$A$2:$C$346,2,0))^2+(VLOOKUP($A312,városok!$A$2:$C$346,3,0)-VLOOKUP(AW$1,városok!$A$2:$C$346,3,0))^2)/1000,0)</f>
        <v>135</v>
      </c>
      <c r="AX312">
        <f ca="1">ROUND(SQRT((VLOOKUP($A312,városok!$A$2:$C$346,2,0)-VLOOKUP(AX$1,városok!$A$2:$C$346,2,0))^2+(VLOOKUP($A312,városok!$A$2:$C$346,3,0)-VLOOKUP(AX$1,városok!$A$2:$C$346,3,0))^2)/1000,0)</f>
        <v>199</v>
      </c>
      <c r="AY312">
        <f ca="1">ROUND(SQRT((VLOOKUP($A312,városok!$A$2:$C$346,2,0)-VLOOKUP(AY$1,városok!$A$2:$C$346,2,0))^2+(VLOOKUP($A312,városok!$A$2:$C$346,3,0)-VLOOKUP(AY$1,városok!$A$2:$C$346,3,0))^2)/1000,0)</f>
        <v>156</v>
      </c>
      <c r="AZ312">
        <f ca="1">ROUND(SQRT((VLOOKUP($A312,városok!$A$2:$C$346,2,0)-VLOOKUP(AZ$1,városok!$A$2:$C$346,2,0))^2+(VLOOKUP($A312,városok!$A$2:$C$346,3,0)-VLOOKUP(AZ$1,városok!$A$2:$C$346,3,0))^2)/1000,0)</f>
        <v>155</v>
      </c>
      <c r="BA312">
        <f ca="1">ROUND(SQRT((VLOOKUP($A312,városok!$A$2:$C$346,2,0)-VLOOKUP(BA$1,városok!$A$2:$C$346,2,0))^2+(VLOOKUP($A312,városok!$A$2:$C$346,3,0)-VLOOKUP(BA$1,városok!$A$2:$C$346,3,0))^2)/1000,0)</f>
        <v>56</v>
      </c>
      <c r="BB312">
        <f ca="1">ROUND(SQRT((VLOOKUP($A312,városok!$A$2:$C$346,2,0)-VLOOKUP(BB$1,városok!$A$2:$C$346,2,0))^2+(VLOOKUP($A312,városok!$A$2:$C$346,3,0)-VLOOKUP(BB$1,városok!$A$2:$C$346,3,0))^2)/1000,0)</f>
        <v>88</v>
      </c>
      <c r="BC312">
        <f ca="1">ROUND(SQRT((VLOOKUP($A312,városok!$A$2:$C$346,2,0)-VLOOKUP(BC$1,városok!$A$2:$C$346,2,0))^2+(VLOOKUP($A312,városok!$A$2:$C$346,3,0)-VLOOKUP(BC$1,városok!$A$2:$C$346,3,0))^2)/1000,0)</f>
        <v>98</v>
      </c>
      <c r="BD312">
        <f ca="1">ROUND(SQRT((VLOOKUP($A312,városok!$A$2:$C$346,2,0)-VLOOKUP(BD$1,városok!$A$2:$C$346,2,0))^2+(VLOOKUP($A312,városok!$A$2:$C$346,3,0)-VLOOKUP(BD$1,városok!$A$2:$C$346,3,0))^2)/1000,0)</f>
        <v>72</v>
      </c>
      <c r="BE312">
        <f ca="1">ROUND(SQRT((VLOOKUP($A312,városok!$A$2:$C$346,2,0)-VLOOKUP(BE$1,városok!$A$2:$C$346,2,0))^2+(VLOOKUP($A312,városok!$A$2:$C$346,3,0)-VLOOKUP(BE$1,városok!$A$2:$C$346,3,0))^2)/1000,0)</f>
        <v>422</v>
      </c>
      <c r="BF312">
        <f ca="1">ROUND(SQRT((VLOOKUP($A312,városok!$A$2:$C$346,2,0)-VLOOKUP(BF$1,városok!$A$2:$C$346,2,0))^2+(VLOOKUP($A312,városok!$A$2:$C$346,3,0)-VLOOKUP(BF$1,városok!$A$2:$C$346,3,0))^2)/1000,0)</f>
        <v>388</v>
      </c>
      <c r="BG312">
        <f ca="1">ROUND(SQRT((VLOOKUP($A312,városok!$A$2:$C$346,2,0)-VLOOKUP(BG$1,városok!$A$2:$C$346,2,0))^2+(VLOOKUP($A312,városok!$A$2:$C$346,3,0)-VLOOKUP(BG$1,városok!$A$2:$C$346,3,0))^2)/1000,0)</f>
        <v>342</v>
      </c>
      <c r="BH312">
        <f ca="1">ROUND(SQRT((VLOOKUP($A312,városok!$A$2:$C$346,2,0)-VLOOKUP(BH$1,városok!$A$2:$C$346,2,0))^2+(VLOOKUP($A312,városok!$A$2:$C$346,3,0)-VLOOKUP(BH$1,városok!$A$2:$C$346,3,0))^2)/1000,0)</f>
        <v>342</v>
      </c>
      <c r="BI312">
        <f ca="1">ROUND(SQRT((VLOOKUP($A312,városok!$A$2:$C$346,2,0)-VLOOKUP(BI$1,városok!$A$2:$C$346,2,0))^2+(VLOOKUP($A312,városok!$A$2:$C$346,3,0)-VLOOKUP(BI$1,városok!$A$2:$C$346,3,0))^2)/1000,0)</f>
        <v>137</v>
      </c>
      <c r="BJ312">
        <f ca="1">ROUND(SQRT((VLOOKUP($A312,városok!$A$2:$C$346,2,0)-VLOOKUP(BJ$1,városok!$A$2:$C$346,2,0))^2+(VLOOKUP($A312,városok!$A$2:$C$346,3,0)-VLOOKUP(BJ$1,városok!$A$2:$C$346,3,0))^2)/1000,0)</f>
        <v>136</v>
      </c>
      <c r="BK312">
        <f ca="1">ROUND(SQRT((VLOOKUP($A312,városok!$A$2:$C$346,2,0)-VLOOKUP(BK$1,városok!$A$2:$C$346,2,0))^2+(VLOOKUP($A312,városok!$A$2:$C$346,3,0)-VLOOKUP(BK$1,városok!$A$2:$C$346,3,0))^2)/1000,0)</f>
        <v>145</v>
      </c>
      <c r="BL312">
        <f ca="1">ROUND(SQRT((VLOOKUP($A312,városok!$A$2:$C$346,2,0)-VLOOKUP(BL$1,városok!$A$2:$C$346,2,0))^2+(VLOOKUP($A312,városok!$A$2:$C$346,3,0)-VLOOKUP(BL$1,városok!$A$2:$C$346,3,0))^2)/1000,0)</f>
        <v>44</v>
      </c>
      <c r="BM312">
        <f ca="1">ROUND(SQRT((VLOOKUP($A312,városok!$A$2:$C$346,2,0)-VLOOKUP(BM$1,városok!$A$2:$C$346,2,0))^2+(VLOOKUP($A312,városok!$A$2:$C$346,3,0)-VLOOKUP(BM$1,városok!$A$2:$C$346,3,0))^2)/1000,0)</f>
        <v>23</v>
      </c>
      <c r="BN312">
        <f ca="1">ROUND(SQRT((VLOOKUP($A312,városok!$A$2:$C$346,2,0)-VLOOKUP(BN$1,városok!$A$2:$C$346,2,0))^2+(VLOOKUP($A312,városok!$A$2:$C$346,3,0)-VLOOKUP(BN$1,városok!$A$2:$C$346,3,0))^2)/1000,0)</f>
        <v>43</v>
      </c>
      <c r="BO312">
        <f ca="1">ROUND(SQRT((VLOOKUP($A312,városok!$A$2:$C$346,2,0)-VLOOKUP(BO$1,városok!$A$2:$C$346,2,0))^2+(VLOOKUP($A312,városok!$A$2:$C$346,3,0)-VLOOKUP(BO$1,városok!$A$2:$C$346,3,0))^2)/1000,0)</f>
        <v>65</v>
      </c>
      <c r="BP312">
        <f ca="1">ROUND(SQRT((VLOOKUP($A312,városok!$A$2:$C$346,2,0)-VLOOKUP(BP$1,városok!$A$2:$C$346,2,0))^2+(VLOOKUP($A312,városok!$A$2:$C$346,3,0)-VLOOKUP(BP$1,városok!$A$2:$C$346,3,0))^2)/1000,0)</f>
        <v>72</v>
      </c>
      <c r="BQ312">
        <f ca="1">ROUND(SQRT((VLOOKUP($A312,városok!$A$2:$C$346,2,0)-VLOOKUP(BQ$1,városok!$A$2:$C$346,2,0))^2+(VLOOKUP($A312,városok!$A$2:$C$346,3,0)-VLOOKUP(BQ$1,városok!$A$2:$C$346,3,0))^2)/1000,0)</f>
        <v>57</v>
      </c>
      <c r="BR312">
        <f ca="1">ROUND(SQRT((VLOOKUP($A312,városok!$A$2:$C$346,2,0)-VLOOKUP(BR$1,városok!$A$2:$C$346,2,0))^2+(VLOOKUP($A312,városok!$A$2:$C$346,3,0)-VLOOKUP(BR$1,városok!$A$2:$C$346,3,0))^2)/1000,0)</f>
        <v>40</v>
      </c>
      <c r="BS312">
        <f ca="1">ROUND(SQRT((VLOOKUP($A312,városok!$A$2:$C$346,2,0)-VLOOKUP(BS$1,városok!$A$2:$C$346,2,0))^2+(VLOOKUP($A312,városok!$A$2:$C$346,3,0)-VLOOKUP(BS$1,városok!$A$2:$C$346,3,0))^2)/1000,0)</f>
        <v>76</v>
      </c>
      <c r="BT312">
        <f ca="1">ROUND(SQRT((VLOOKUP($A312,városok!$A$2:$C$346,2,0)-VLOOKUP(BT$1,városok!$A$2:$C$346,2,0))^2+(VLOOKUP($A312,városok!$A$2:$C$346,3,0)-VLOOKUP(BT$1,városok!$A$2:$C$346,3,0))^2)/1000,0)</f>
        <v>40</v>
      </c>
    </row>
    <row r="313" spans="1:72" x14ac:dyDescent="0.2">
      <c r="A313" t="str">
        <f>városok!A313</f>
        <v>Körmend</v>
      </c>
      <c r="B313">
        <f ca="1">ROUND(SQRT((VLOOKUP($A313,városok!$A$2:$C$346,2,0)-VLOOKUP(B$1,városok!$A$2:$C$346,2,0))^2+(VLOOKUP($A313,városok!$A$2:$C$346,3,0)-VLOOKUP(B$1,városok!$A$2:$C$346,3,0))^2)/1000,0)</f>
        <v>203</v>
      </c>
      <c r="C313">
        <f ca="1">ROUND(SQRT((VLOOKUP($A313,városok!$A$2:$C$346,2,0)-VLOOKUP(C$1,városok!$A$2:$C$346,2,0))^2+(VLOOKUP($A313,városok!$A$2:$C$346,3,0)-VLOOKUP(C$1,városok!$A$2:$C$346,3,0))^2)/1000,0)</f>
        <v>189</v>
      </c>
      <c r="D313">
        <f ca="1">ROUND(SQRT((VLOOKUP($A313,városok!$A$2:$C$346,2,0)-VLOOKUP(D$1,városok!$A$2:$C$346,2,0))^2+(VLOOKUP($A313,városok!$A$2:$C$346,3,0)-VLOOKUP(D$1,városok!$A$2:$C$346,3,0))^2)/1000,0)</f>
        <v>235</v>
      </c>
      <c r="E313">
        <f ca="1">ROUND(SQRT((VLOOKUP($A313,városok!$A$2:$C$346,2,0)-VLOOKUP(E$1,városok!$A$2:$C$346,2,0))^2+(VLOOKUP($A313,városok!$A$2:$C$346,3,0)-VLOOKUP(E$1,városok!$A$2:$C$346,3,0))^2)/1000,0)</f>
        <v>157</v>
      </c>
      <c r="F313">
        <f ca="1">ROUND(SQRT((VLOOKUP($A313,városok!$A$2:$C$346,2,0)-VLOOKUP(F$1,városok!$A$2:$C$346,2,0))^2+(VLOOKUP($A313,városok!$A$2:$C$346,3,0)-VLOOKUP(F$1,városok!$A$2:$C$346,3,0))^2)/1000,0)</f>
        <v>196</v>
      </c>
      <c r="G313">
        <f ca="1">ROUND(SQRT((VLOOKUP($A313,városok!$A$2:$C$346,2,0)-VLOOKUP(G$1,városok!$A$2:$C$346,2,0))^2+(VLOOKUP($A313,városok!$A$2:$C$346,3,0)-VLOOKUP(G$1,városok!$A$2:$C$346,3,0))^2)/1000,0)</f>
        <v>163</v>
      </c>
      <c r="H313">
        <f ca="1">ROUND(SQRT((VLOOKUP($A313,városok!$A$2:$C$346,2,0)-VLOOKUP(H$1,városok!$A$2:$C$346,2,0))^2+(VLOOKUP($A313,városok!$A$2:$C$346,3,0)-VLOOKUP(H$1,városok!$A$2:$C$346,3,0))^2)/1000,0)</f>
        <v>141</v>
      </c>
      <c r="I313">
        <f ca="1">ROUND(SQRT((VLOOKUP($A313,városok!$A$2:$C$346,2,0)-VLOOKUP(I$1,városok!$A$2:$C$346,2,0))^2+(VLOOKUP($A313,városok!$A$2:$C$346,3,0)-VLOOKUP(I$1,városok!$A$2:$C$346,3,0))^2)/1000,0)</f>
        <v>343</v>
      </c>
      <c r="J313">
        <f ca="1">ROUND(SQRT((VLOOKUP($A313,városok!$A$2:$C$346,2,0)-VLOOKUP(J$1,városok!$A$2:$C$346,2,0))^2+(VLOOKUP($A313,városok!$A$2:$C$346,3,0)-VLOOKUP(J$1,városok!$A$2:$C$346,3,0))^2)/1000,0)</f>
        <v>359</v>
      </c>
      <c r="K313">
        <f ca="1">ROUND(SQRT((VLOOKUP($A313,városok!$A$2:$C$346,2,0)-VLOOKUP(K$1,városok!$A$2:$C$346,2,0))^2+(VLOOKUP($A313,városok!$A$2:$C$346,3,0)-VLOOKUP(K$1,városok!$A$2:$C$346,3,0))^2)/1000,0)</f>
        <v>314</v>
      </c>
      <c r="L313">
        <f ca="1">ROUND(SQRT((VLOOKUP($A313,városok!$A$2:$C$346,2,0)-VLOOKUP(L$1,városok!$A$2:$C$346,2,0))^2+(VLOOKUP($A313,városok!$A$2:$C$346,3,0)-VLOOKUP(L$1,városok!$A$2:$C$346,3,0))^2)/1000,0)</f>
        <v>333</v>
      </c>
      <c r="M313">
        <f ca="1">ROUND(SQRT((VLOOKUP($A313,városok!$A$2:$C$346,2,0)-VLOOKUP(M$1,városok!$A$2:$C$346,2,0))^2+(VLOOKUP($A313,városok!$A$2:$C$346,3,0)-VLOOKUP(M$1,városok!$A$2:$C$346,3,0))^2)/1000,0)</f>
        <v>338</v>
      </c>
      <c r="N313">
        <f ca="1">ROUND(SQRT((VLOOKUP($A313,városok!$A$2:$C$346,2,0)-VLOOKUP(N$1,városok!$A$2:$C$346,2,0))^2+(VLOOKUP($A313,városok!$A$2:$C$346,3,0)-VLOOKUP(N$1,városok!$A$2:$C$346,3,0))^2)/1000,0)</f>
        <v>308</v>
      </c>
      <c r="O313">
        <f ca="1">ROUND(SQRT((VLOOKUP($A313,városok!$A$2:$C$346,2,0)-VLOOKUP(O$1,városok!$A$2:$C$346,2,0))^2+(VLOOKUP($A313,városok!$A$2:$C$346,3,0)-VLOOKUP(O$1,városok!$A$2:$C$346,3,0))^2)/1000,0)</f>
        <v>409</v>
      </c>
      <c r="P313">
        <f ca="1">ROUND(SQRT((VLOOKUP($A313,városok!$A$2:$C$346,2,0)-VLOOKUP(P$1,városok!$A$2:$C$346,2,0))^2+(VLOOKUP($A313,városok!$A$2:$C$346,3,0)-VLOOKUP(P$1,városok!$A$2:$C$346,3,0))^2)/1000,0)</f>
        <v>409</v>
      </c>
      <c r="Q313">
        <f ca="1">ROUND(SQRT((VLOOKUP($A313,városok!$A$2:$C$346,2,0)-VLOOKUP(Q$1,városok!$A$2:$C$346,2,0))^2+(VLOOKUP($A313,városok!$A$2:$C$346,3,0)-VLOOKUP(Q$1,városok!$A$2:$C$346,3,0))^2)/1000,0)</f>
        <v>292</v>
      </c>
      <c r="R313">
        <f ca="1">ROUND(SQRT((VLOOKUP($A313,városok!$A$2:$C$346,2,0)-VLOOKUP(R$1,városok!$A$2:$C$346,2,0))^2+(VLOOKUP($A313,városok!$A$2:$C$346,3,0)-VLOOKUP(R$1,városok!$A$2:$C$346,3,0))^2)/1000,0)</f>
        <v>309</v>
      </c>
      <c r="S313">
        <f ca="1">ROUND(SQRT((VLOOKUP($A313,városok!$A$2:$C$346,2,0)-VLOOKUP(S$1,városok!$A$2:$C$346,2,0))^2+(VLOOKUP($A313,városok!$A$2:$C$346,3,0)-VLOOKUP(S$1,városok!$A$2:$C$346,3,0))^2)/1000,0)</f>
        <v>285</v>
      </c>
      <c r="T313">
        <f ca="1">ROUND(SQRT((VLOOKUP($A313,városok!$A$2:$C$346,2,0)-VLOOKUP(T$1,városok!$A$2:$C$346,2,0))^2+(VLOOKUP($A313,városok!$A$2:$C$346,3,0)-VLOOKUP(T$1,városok!$A$2:$C$346,3,0))^2)/1000,0)</f>
        <v>162</v>
      </c>
      <c r="U313">
        <f ca="1">ROUND(SQRT((VLOOKUP($A313,városok!$A$2:$C$346,2,0)-VLOOKUP(U$1,városok!$A$2:$C$346,2,0))^2+(VLOOKUP($A313,városok!$A$2:$C$346,3,0)-VLOOKUP(U$1,városok!$A$2:$C$346,3,0))^2)/1000,0)</f>
        <v>177</v>
      </c>
      <c r="V313">
        <f ca="1">ROUND(SQRT((VLOOKUP($A313,városok!$A$2:$C$346,2,0)-VLOOKUP(V$1,városok!$A$2:$C$346,2,0))^2+(VLOOKUP($A313,városok!$A$2:$C$346,3,0)-VLOOKUP(V$1,városok!$A$2:$C$346,3,0))^2)/1000,0)</f>
        <v>129</v>
      </c>
      <c r="W313">
        <f ca="1">ROUND(SQRT((VLOOKUP($A313,városok!$A$2:$C$346,2,0)-VLOOKUP(W$1,városok!$A$2:$C$346,2,0))^2+(VLOOKUP($A313,városok!$A$2:$C$346,3,0)-VLOOKUP(W$1,városok!$A$2:$C$346,3,0))^2)/1000,0)</f>
        <v>154</v>
      </c>
      <c r="X313">
        <f ca="1">ROUND(SQRT((VLOOKUP($A313,városok!$A$2:$C$346,2,0)-VLOOKUP(X$1,városok!$A$2:$C$346,2,0))^2+(VLOOKUP($A313,városok!$A$2:$C$346,3,0)-VLOOKUP(X$1,városok!$A$2:$C$346,3,0))^2)/1000,0)</f>
        <v>134</v>
      </c>
      <c r="Y313">
        <f ca="1">ROUND(SQRT((VLOOKUP($A313,városok!$A$2:$C$346,2,0)-VLOOKUP(Y$1,városok!$A$2:$C$346,2,0))^2+(VLOOKUP($A313,városok!$A$2:$C$346,3,0)-VLOOKUP(Y$1,városok!$A$2:$C$346,3,0))^2)/1000,0)</f>
        <v>108</v>
      </c>
      <c r="Z313">
        <f ca="1">ROUND(SQRT((VLOOKUP($A313,városok!$A$2:$C$346,2,0)-VLOOKUP(Z$1,városok!$A$2:$C$346,2,0))^2+(VLOOKUP($A313,városok!$A$2:$C$346,3,0)-VLOOKUP(Z$1,városok!$A$2:$C$346,3,0))^2)/1000,0)</f>
        <v>100</v>
      </c>
      <c r="AA313">
        <f ca="1">ROUND(SQRT((VLOOKUP($A313,városok!$A$2:$C$346,2,0)-VLOOKUP(AA$1,városok!$A$2:$C$346,2,0))^2+(VLOOKUP($A313,városok!$A$2:$C$346,3,0)-VLOOKUP(AA$1,városok!$A$2:$C$346,3,0))^2)/1000,0)</f>
        <v>75</v>
      </c>
      <c r="AB313">
        <f ca="1">ROUND(SQRT((VLOOKUP($A313,városok!$A$2:$C$346,2,0)-VLOOKUP(AB$1,városok!$A$2:$C$346,2,0))^2+(VLOOKUP($A313,városok!$A$2:$C$346,3,0)-VLOOKUP(AB$1,városok!$A$2:$C$346,3,0))^2)/1000,0)</f>
        <v>385</v>
      </c>
      <c r="AC313">
        <f ca="1">ROUND(SQRT((VLOOKUP($A313,városok!$A$2:$C$346,2,0)-VLOOKUP(AC$1,városok!$A$2:$C$346,2,0))^2+(VLOOKUP($A313,városok!$A$2:$C$346,3,0)-VLOOKUP(AC$1,városok!$A$2:$C$346,3,0))^2)/1000,0)</f>
        <v>366</v>
      </c>
      <c r="AD313">
        <f ca="1">ROUND(SQRT((VLOOKUP($A313,városok!$A$2:$C$346,2,0)-VLOOKUP(AD$1,városok!$A$2:$C$346,2,0))^2+(VLOOKUP($A313,városok!$A$2:$C$346,3,0)-VLOOKUP(AD$1,városok!$A$2:$C$346,3,0))^2)/1000,0)</f>
        <v>348</v>
      </c>
      <c r="AE313">
        <f ca="1">ROUND(SQRT((VLOOKUP($A313,városok!$A$2:$C$346,2,0)-VLOOKUP(AE$1,városok!$A$2:$C$346,2,0))^2+(VLOOKUP($A313,városok!$A$2:$C$346,3,0)-VLOOKUP(AE$1,városok!$A$2:$C$346,3,0))^2)/1000,0)</f>
        <v>347</v>
      </c>
      <c r="AF313">
        <f ca="1">ROUND(SQRT((VLOOKUP($A313,városok!$A$2:$C$346,2,0)-VLOOKUP(AF$1,városok!$A$2:$C$346,2,0))^2+(VLOOKUP($A313,városok!$A$2:$C$346,3,0)-VLOOKUP(AF$1,városok!$A$2:$C$346,3,0))^2)/1000,0)</f>
        <v>301</v>
      </c>
      <c r="AG313">
        <f ca="1">ROUND(SQRT((VLOOKUP($A313,városok!$A$2:$C$346,2,0)-VLOOKUP(AG$1,városok!$A$2:$C$346,2,0))^2+(VLOOKUP($A313,városok!$A$2:$C$346,3,0)-VLOOKUP(AG$1,városok!$A$2:$C$346,3,0))^2)/1000,0)</f>
        <v>265</v>
      </c>
      <c r="AH313">
        <f ca="1">ROUND(SQRT((VLOOKUP($A313,városok!$A$2:$C$346,2,0)-VLOOKUP(AH$1,városok!$A$2:$C$346,2,0))^2+(VLOOKUP($A313,városok!$A$2:$C$346,3,0)-VLOOKUP(AH$1,városok!$A$2:$C$346,3,0))^2)/1000,0)</f>
        <v>243</v>
      </c>
      <c r="AI313">
        <f ca="1">ROUND(SQRT((VLOOKUP($A313,városok!$A$2:$C$346,2,0)-VLOOKUP(AI$1,városok!$A$2:$C$346,2,0))^2+(VLOOKUP($A313,városok!$A$2:$C$346,3,0)-VLOOKUP(AI$1,városok!$A$2:$C$346,3,0))^2)/1000,0)</f>
        <v>286</v>
      </c>
      <c r="AJ313">
        <f ca="1">ROUND(SQRT((VLOOKUP($A313,városok!$A$2:$C$346,2,0)-VLOOKUP(AJ$1,városok!$A$2:$C$346,2,0))^2+(VLOOKUP($A313,városok!$A$2:$C$346,3,0)-VLOOKUP(AJ$1,városok!$A$2:$C$346,3,0))^2)/1000,0)</f>
        <v>264</v>
      </c>
      <c r="AK313">
        <f ca="1">ROUND(SQRT((VLOOKUP($A313,városok!$A$2:$C$346,2,0)-VLOOKUP(AK$1,városok!$A$2:$C$346,2,0))^2+(VLOOKUP($A313,városok!$A$2:$C$346,3,0)-VLOOKUP(AK$1,városok!$A$2:$C$346,3,0))^2)/1000,0)</f>
        <v>333</v>
      </c>
      <c r="AL313">
        <f ca="1">ROUND(SQRT((VLOOKUP($A313,városok!$A$2:$C$346,2,0)-VLOOKUP(AL$1,városok!$A$2:$C$346,2,0))^2+(VLOOKUP($A313,városok!$A$2:$C$346,3,0)-VLOOKUP(AL$1,városok!$A$2:$C$346,3,0))^2)/1000,0)</f>
        <v>307</v>
      </c>
      <c r="AM313">
        <f ca="1">ROUND(SQRT((VLOOKUP($A313,városok!$A$2:$C$346,2,0)-VLOOKUP(AM$1,városok!$A$2:$C$346,2,0))^2+(VLOOKUP($A313,városok!$A$2:$C$346,3,0)-VLOOKUP(AM$1,városok!$A$2:$C$346,3,0))^2)/1000,0)</f>
        <v>272</v>
      </c>
      <c r="AN313">
        <f ca="1">ROUND(SQRT((VLOOKUP($A313,városok!$A$2:$C$346,2,0)-VLOOKUP(AN$1,városok!$A$2:$C$346,2,0))^2+(VLOOKUP($A313,városok!$A$2:$C$346,3,0)-VLOOKUP(AN$1,városok!$A$2:$C$346,3,0))^2)/1000,0)</f>
        <v>183</v>
      </c>
      <c r="AO313">
        <f ca="1">ROUND(SQRT((VLOOKUP($A313,városok!$A$2:$C$346,2,0)-VLOOKUP(AO$1,városok!$A$2:$C$346,2,0))^2+(VLOOKUP($A313,városok!$A$2:$C$346,3,0)-VLOOKUP(AO$1,városok!$A$2:$C$346,3,0))^2)/1000,0)</f>
        <v>140</v>
      </c>
      <c r="AP313">
        <f ca="1">ROUND(SQRT((VLOOKUP($A313,városok!$A$2:$C$346,2,0)-VLOOKUP(AP$1,városok!$A$2:$C$346,2,0))^2+(VLOOKUP($A313,városok!$A$2:$C$346,3,0)-VLOOKUP(AP$1,városok!$A$2:$C$346,3,0))^2)/1000,0)</f>
        <v>148</v>
      </c>
      <c r="AQ313">
        <f ca="1">ROUND(SQRT((VLOOKUP($A313,városok!$A$2:$C$346,2,0)-VLOOKUP(AQ$1,városok!$A$2:$C$346,2,0))^2+(VLOOKUP($A313,városok!$A$2:$C$346,3,0)-VLOOKUP(AQ$1,városok!$A$2:$C$346,3,0))^2)/1000,0)</f>
        <v>150</v>
      </c>
      <c r="AR313">
        <f ca="1">ROUND(SQRT((VLOOKUP($A313,városok!$A$2:$C$346,2,0)-VLOOKUP(AR$1,városok!$A$2:$C$346,2,0))^2+(VLOOKUP($A313,városok!$A$2:$C$346,3,0)-VLOOKUP(AR$1,városok!$A$2:$C$346,3,0))^2)/1000,0)</f>
        <v>254</v>
      </c>
      <c r="AS313">
        <f ca="1">ROUND(SQRT((VLOOKUP($A313,városok!$A$2:$C$346,2,0)-VLOOKUP(AS$1,városok!$A$2:$C$346,2,0))^2+(VLOOKUP($A313,városok!$A$2:$C$346,3,0)-VLOOKUP(AS$1,városok!$A$2:$C$346,3,0))^2)/1000,0)</f>
        <v>270</v>
      </c>
      <c r="AT313">
        <f ca="1">ROUND(SQRT((VLOOKUP($A313,városok!$A$2:$C$346,2,0)-VLOOKUP(AT$1,városok!$A$2:$C$346,2,0))^2+(VLOOKUP($A313,városok!$A$2:$C$346,3,0)-VLOOKUP(AT$1,városok!$A$2:$C$346,3,0))^2)/1000,0)</f>
        <v>175</v>
      </c>
      <c r="AU313">
        <f ca="1">ROUND(SQRT((VLOOKUP($A313,városok!$A$2:$C$346,2,0)-VLOOKUP(AU$1,városok!$A$2:$C$346,2,0))^2+(VLOOKUP($A313,városok!$A$2:$C$346,3,0)-VLOOKUP(AU$1,városok!$A$2:$C$346,3,0))^2)/1000,0)</f>
        <v>185</v>
      </c>
      <c r="AV313">
        <f ca="1">ROUND(SQRT((VLOOKUP($A313,városok!$A$2:$C$346,2,0)-VLOOKUP(AV$1,városok!$A$2:$C$346,2,0))^2+(VLOOKUP($A313,városok!$A$2:$C$346,3,0)-VLOOKUP(AV$1,városok!$A$2:$C$346,3,0))^2)/1000,0)</f>
        <v>183</v>
      </c>
      <c r="AW313">
        <f ca="1">ROUND(SQRT((VLOOKUP($A313,városok!$A$2:$C$346,2,0)-VLOOKUP(AW$1,városok!$A$2:$C$346,2,0))^2+(VLOOKUP($A313,városok!$A$2:$C$346,3,0)-VLOOKUP(AW$1,városok!$A$2:$C$346,3,0))^2)/1000,0)</f>
        <v>180</v>
      </c>
      <c r="AX313">
        <f ca="1">ROUND(SQRT((VLOOKUP($A313,városok!$A$2:$C$346,2,0)-VLOOKUP(AX$1,városok!$A$2:$C$346,2,0))^2+(VLOOKUP($A313,városok!$A$2:$C$346,3,0)-VLOOKUP(AX$1,városok!$A$2:$C$346,3,0))^2)/1000,0)</f>
        <v>241</v>
      </c>
      <c r="AY313">
        <f ca="1">ROUND(SQRT((VLOOKUP($A313,városok!$A$2:$C$346,2,0)-VLOOKUP(AY$1,városok!$A$2:$C$346,2,0))^2+(VLOOKUP($A313,városok!$A$2:$C$346,3,0)-VLOOKUP(AY$1,városok!$A$2:$C$346,3,0))^2)/1000,0)</f>
        <v>200</v>
      </c>
      <c r="AZ313">
        <f ca="1">ROUND(SQRT((VLOOKUP($A313,városok!$A$2:$C$346,2,0)-VLOOKUP(AZ$1,városok!$A$2:$C$346,2,0))^2+(VLOOKUP($A313,városok!$A$2:$C$346,3,0)-VLOOKUP(AZ$1,városok!$A$2:$C$346,3,0))^2)/1000,0)</f>
        <v>198</v>
      </c>
      <c r="BA313">
        <f ca="1">ROUND(SQRT((VLOOKUP($A313,városok!$A$2:$C$346,2,0)-VLOOKUP(BA$1,városok!$A$2:$C$346,2,0))^2+(VLOOKUP($A313,városok!$A$2:$C$346,3,0)-VLOOKUP(BA$1,városok!$A$2:$C$346,3,0))^2)/1000,0)</f>
        <v>88</v>
      </c>
      <c r="BB313">
        <f ca="1">ROUND(SQRT((VLOOKUP($A313,városok!$A$2:$C$346,2,0)-VLOOKUP(BB$1,városok!$A$2:$C$346,2,0))^2+(VLOOKUP($A313,városok!$A$2:$C$346,3,0)-VLOOKUP(BB$1,városok!$A$2:$C$346,3,0))^2)/1000,0)</f>
        <v>115</v>
      </c>
      <c r="BC313">
        <f ca="1">ROUND(SQRT((VLOOKUP($A313,városok!$A$2:$C$346,2,0)-VLOOKUP(BC$1,városok!$A$2:$C$346,2,0))^2+(VLOOKUP($A313,városok!$A$2:$C$346,3,0)-VLOOKUP(BC$1,városok!$A$2:$C$346,3,0))^2)/1000,0)</f>
        <v>117</v>
      </c>
      <c r="BD313">
        <f ca="1">ROUND(SQRT((VLOOKUP($A313,városok!$A$2:$C$346,2,0)-VLOOKUP(BD$1,városok!$A$2:$C$346,2,0))^2+(VLOOKUP($A313,városok!$A$2:$C$346,3,0)-VLOOKUP(BD$1,városok!$A$2:$C$346,3,0))^2)/1000,0)</f>
        <v>112</v>
      </c>
      <c r="BE313">
        <f ca="1">ROUND(SQRT((VLOOKUP($A313,városok!$A$2:$C$346,2,0)-VLOOKUP(BE$1,városok!$A$2:$C$346,2,0))^2+(VLOOKUP($A313,városok!$A$2:$C$346,3,0)-VLOOKUP(BE$1,városok!$A$2:$C$346,3,0))^2)/1000,0)</f>
        <v>467</v>
      </c>
      <c r="BF313">
        <f ca="1">ROUND(SQRT((VLOOKUP($A313,városok!$A$2:$C$346,2,0)-VLOOKUP(BF$1,városok!$A$2:$C$346,2,0))^2+(VLOOKUP($A313,városok!$A$2:$C$346,3,0)-VLOOKUP(BF$1,városok!$A$2:$C$346,3,0))^2)/1000,0)</f>
        <v>433</v>
      </c>
      <c r="BG313">
        <f ca="1">ROUND(SQRT((VLOOKUP($A313,városok!$A$2:$C$346,2,0)-VLOOKUP(BG$1,városok!$A$2:$C$346,2,0))^2+(VLOOKUP($A313,városok!$A$2:$C$346,3,0)-VLOOKUP(BG$1,városok!$A$2:$C$346,3,0))^2)/1000,0)</f>
        <v>386</v>
      </c>
      <c r="BH313">
        <f ca="1">ROUND(SQRT((VLOOKUP($A313,városok!$A$2:$C$346,2,0)-VLOOKUP(BH$1,városok!$A$2:$C$346,2,0))^2+(VLOOKUP($A313,városok!$A$2:$C$346,3,0)-VLOOKUP(BH$1,városok!$A$2:$C$346,3,0))^2)/1000,0)</f>
        <v>386</v>
      </c>
      <c r="BI313">
        <f ca="1">ROUND(SQRT((VLOOKUP($A313,városok!$A$2:$C$346,2,0)-VLOOKUP(BI$1,városok!$A$2:$C$346,2,0))^2+(VLOOKUP($A313,városok!$A$2:$C$346,3,0)-VLOOKUP(BI$1,városok!$A$2:$C$346,3,0))^2)/1000,0)</f>
        <v>169</v>
      </c>
      <c r="BJ313">
        <f ca="1">ROUND(SQRT((VLOOKUP($A313,városok!$A$2:$C$346,2,0)-VLOOKUP(BJ$1,városok!$A$2:$C$346,2,0))^2+(VLOOKUP($A313,városok!$A$2:$C$346,3,0)-VLOOKUP(BJ$1,városok!$A$2:$C$346,3,0))^2)/1000,0)</f>
        <v>164</v>
      </c>
      <c r="BK313">
        <f ca="1">ROUND(SQRT((VLOOKUP($A313,városok!$A$2:$C$346,2,0)-VLOOKUP(BK$1,városok!$A$2:$C$346,2,0))^2+(VLOOKUP($A313,városok!$A$2:$C$346,3,0)-VLOOKUP(BK$1,városok!$A$2:$C$346,3,0))^2)/1000,0)</f>
        <v>177</v>
      </c>
      <c r="BL313">
        <f ca="1">ROUND(SQRT((VLOOKUP($A313,városok!$A$2:$C$346,2,0)-VLOOKUP(BL$1,városok!$A$2:$C$346,2,0))^2+(VLOOKUP($A313,városok!$A$2:$C$346,3,0)-VLOOKUP(BL$1,városok!$A$2:$C$346,3,0))^2)/1000,0)</f>
        <v>0</v>
      </c>
      <c r="BM313">
        <f ca="1">ROUND(SQRT((VLOOKUP($A313,városok!$A$2:$C$346,2,0)-VLOOKUP(BM$1,városok!$A$2:$C$346,2,0))^2+(VLOOKUP($A313,városok!$A$2:$C$346,3,0)-VLOOKUP(BM$1,városok!$A$2:$C$346,3,0))^2)/1000,0)</f>
        <v>37</v>
      </c>
      <c r="BN313">
        <f ca="1">ROUND(SQRT((VLOOKUP($A313,városok!$A$2:$C$346,2,0)-VLOOKUP(BN$1,városok!$A$2:$C$346,2,0))^2+(VLOOKUP($A313,városok!$A$2:$C$346,3,0)-VLOOKUP(BN$1,városok!$A$2:$C$346,3,0))^2)/1000,0)</f>
        <v>24</v>
      </c>
      <c r="BO313">
        <f ca="1">ROUND(SQRT((VLOOKUP($A313,városok!$A$2:$C$346,2,0)-VLOOKUP(BO$1,városok!$A$2:$C$346,2,0))^2+(VLOOKUP($A313,városok!$A$2:$C$346,3,0)-VLOOKUP(BO$1,városok!$A$2:$C$346,3,0))^2)/1000,0)</f>
        <v>107</v>
      </c>
      <c r="BP313">
        <f ca="1">ROUND(SQRT((VLOOKUP($A313,városok!$A$2:$C$346,2,0)-VLOOKUP(BP$1,városok!$A$2:$C$346,2,0))^2+(VLOOKUP($A313,városok!$A$2:$C$346,3,0)-VLOOKUP(BP$1,városok!$A$2:$C$346,3,0))^2)/1000,0)</f>
        <v>114</v>
      </c>
      <c r="BQ313">
        <f ca="1">ROUND(SQRT((VLOOKUP($A313,városok!$A$2:$C$346,2,0)-VLOOKUP(BQ$1,városok!$A$2:$C$346,2,0))^2+(VLOOKUP($A313,városok!$A$2:$C$346,3,0)-VLOOKUP(BQ$1,városok!$A$2:$C$346,3,0))^2)/1000,0)</f>
        <v>100</v>
      </c>
      <c r="BR313">
        <f ca="1">ROUND(SQRT((VLOOKUP($A313,városok!$A$2:$C$346,2,0)-VLOOKUP(BR$1,városok!$A$2:$C$346,2,0))^2+(VLOOKUP($A313,városok!$A$2:$C$346,3,0)-VLOOKUP(BR$1,városok!$A$2:$C$346,3,0))^2)/1000,0)</f>
        <v>57</v>
      </c>
      <c r="BS313">
        <f ca="1">ROUND(SQRT((VLOOKUP($A313,városok!$A$2:$C$346,2,0)-VLOOKUP(BS$1,városok!$A$2:$C$346,2,0))^2+(VLOOKUP($A313,városok!$A$2:$C$346,3,0)-VLOOKUP(BS$1,városok!$A$2:$C$346,3,0))^2)/1000,0)</f>
        <v>70</v>
      </c>
      <c r="BT313">
        <f ca="1">ROUND(SQRT((VLOOKUP($A313,városok!$A$2:$C$346,2,0)-VLOOKUP(BT$1,városok!$A$2:$C$346,2,0))^2+(VLOOKUP($A313,városok!$A$2:$C$346,3,0)-VLOOKUP(BT$1,városok!$A$2:$C$346,3,0))^2)/1000,0)</f>
        <v>27</v>
      </c>
    </row>
    <row r="314" spans="1:72" x14ac:dyDescent="0.2">
      <c r="A314" t="str">
        <f>városok!A314</f>
        <v>Kőszeg</v>
      </c>
      <c r="B314">
        <f ca="1">ROUND(SQRT((VLOOKUP($A314,városok!$A$2:$C$346,2,0)-VLOOKUP(B$1,városok!$A$2:$C$346,2,0))^2+(VLOOKUP($A314,városok!$A$2:$C$346,3,0)-VLOOKUP(B$1,városok!$A$2:$C$346,3,0))^2)/1000,0)</f>
        <v>228</v>
      </c>
      <c r="C314">
        <f ca="1">ROUND(SQRT((VLOOKUP($A314,városok!$A$2:$C$346,2,0)-VLOOKUP(C$1,városok!$A$2:$C$346,2,0))^2+(VLOOKUP($A314,városok!$A$2:$C$346,3,0)-VLOOKUP(C$1,városok!$A$2:$C$346,3,0))^2)/1000,0)</f>
        <v>208</v>
      </c>
      <c r="D314">
        <f ca="1">ROUND(SQRT((VLOOKUP($A314,városok!$A$2:$C$346,2,0)-VLOOKUP(D$1,városok!$A$2:$C$346,2,0))^2+(VLOOKUP($A314,városok!$A$2:$C$346,3,0)-VLOOKUP(D$1,városok!$A$2:$C$346,3,0))^2)/1000,0)</f>
        <v>244</v>
      </c>
      <c r="E314">
        <f ca="1">ROUND(SQRT((VLOOKUP($A314,városok!$A$2:$C$346,2,0)-VLOOKUP(E$1,városok!$A$2:$C$346,2,0))^2+(VLOOKUP($A314,városok!$A$2:$C$346,3,0)-VLOOKUP(E$1,városok!$A$2:$C$346,3,0))^2)/1000,0)</f>
        <v>187</v>
      </c>
      <c r="F314">
        <f ca="1">ROUND(SQRT((VLOOKUP($A314,városok!$A$2:$C$346,2,0)-VLOOKUP(F$1,városok!$A$2:$C$346,2,0))^2+(VLOOKUP($A314,városok!$A$2:$C$346,3,0)-VLOOKUP(F$1,városok!$A$2:$C$346,3,0))^2)/1000,0)</f>
        <v>226</v>
      </c>
      <c r="G314">
        <f ca="1">ROUND(SQRT((VLOOKUP($A314,városok!$A$2:$C$346,2,0)-VLOOKUP(G$1,városok!$A$2:$C$346,2,0))^2+(VLOOKUP($A314,városok!$A$2:$C$346,3,0)-VLOOKUP(G$1,városok!$A$2:$C$346,3,0))^2)/1000,0)</f>
        <v>195</v>
      </c>
      <c r="H314">
        <f ca="1">ROUND(SQRT((VLOOKUP($A314,városok!$A$2:$C$346,2,0)-VLOOKUP(H$1,városok!$A$2:$C$346,2,0))^2+(VLOOKUP($A314,városok!$A$2:$C$346,3,0)-VLOOKUP(H$1,városok!$A$2:$C$346,3,0))^2)/1000,0)</f>
        <v>177</v>
      </c>
      <c r="I314">
        <f ca="1">ROUND(SQRT((VLOOKUP($A314,városok!$A$2:$C$346,2,0)-VLOOKUP(I$1,városok!$A$2:$C$346,2,0))^2+(VLOOKUP($A314,városok!$A$2:$C$346,3,0)-VLOOKUP(I$1,városok!$A$2:$C$346,3,0))^2)/1000,0)</f>
        <v>353</v>
      </c>
      <c r="J314">
        <f ca="1">ROUND(SQRT((VLOOKUP($A314,városok!$A$2:$C$346,2,0)-VLOOKUP(J$1,városok!$A$2:$C$346,2,0))^2+(VLOOKUP($A314,városok!$A$2:$C$346,3,0)-VLOOKUP(J$1,városok!$A$2:$C$346,3,0))^2)/1000,0)</f>
        <v>369</v>
      </c>
      <c r="K314">
        <f ca="1">ROUND(SQRT((VLOOKUP($A314,városok!$A$2:$C$346,2,0)-VLOOKUP(K$1,városok!$A$2:$C$346,2,0))^2+(VLOOKUP($A314,városok!$A$2:$C$346,3,0)-VLOOKUP(K$1,városok!$A$2:$C$346,3,0))^2)/1000,0)</f>
        <v>326</v>
      </c>
      <c r="L314">
        <f ca="1">ROUND(SQRT((VLOOKUP($A314,városok!$A$2:$C$346,2,0)-VLOOKUP(L$1,városok!$A$2:$C$346,2,0))^2+(VLOOKUP($A314,városok!$A$2:$C$346,3,0)-VLOOKUP(L$1,városok!$A$2:$C$346,3,0))^2)/1000,0)</f>
        <v>320</v>
      </c>
      <c r="M314">
        <f ca="1">ROUND(SQRT((VLOOKUP($A314,városok!$A$2:$C$346,2,0)-VLOOKUP(M$1,városok!$A$2:$C$346,2,0))^2+(VLOOKUP($A314,városok!$A$2:$C$346,3,0)-VLOOKUP(M$1,városok!$A$2:$C$346,3,0))^2)/1000,0)</f>
        <v>328</v>
      </c>
      <c r="N314">
        <f ca="1">ROUND(SQRT((VLOOKUP($A314,városok!$A$2:$C$346,2,0)-VLOOKUP(N$1,városok!$A$2:$C$346,2,0))^2+(VLOOKUP($A314,városok!$A$2:$C$346,3,0)-VLOOKUP(N$1,városok!$A$2:$C$346,3,0))^2)/1000,0)</f>
        <v>295</v>
      </c>
      <c r="O314">
        <f ca="1">ROUND(SQRT((VLOOKUP($A314,városok!$A$2:$C$346,2,0)-VLOOKUP(O$1,városok!$A$2:$C$346,2,0))^2+(VLOOKUP($A314,városok!$A$2:$C$346,3,0)-VLOOKUP(O$1,városok!$A$2:$C$346,3,0))^2)/1000,0)</f>
        <v>397</v>
      </c>
      <c r="P314">
        <f ca="1">ROUND(SQRT((VLOOKUP($A314,városok!$A$2:$C$346,2,0)-VLOOKUP(P$1,városok!$A$2:$C$346,2,0))^2+(VLOOKUP($A314,városok!$A$2:$C$346,3,0)-VLOOKUP(P$1,városok!$A$2:$C$346,3,0))^2)/1000,0)</f>
        <v>397</v>
      </c>
      <c r="Q314">
        <f ca="1">ROUND(SQRT((VLOOKUP($A314,városok!$A$2:$C$346,2,0)-VLOOKUP(Q$1,városok!$A$2:$C$346,2,0))^2+(VLOOKUP($A314,városok!$A$2:$C$346,3,0)-VLOOKUP(Q$1,városok!$A$2:$C$346,3,0))^2)/1000,0)</f>
        <v>307</v>
      </c>
      <c r="R314">
        <f ca="1">ROUND(SQRT((VLOOKUP($A314,városok!$A$2:$C$346,2,0)-VLOOKUP(R$1,városok!$A$2:$C$346,2,0))^2+(VLOOKUP($A314,városok!$A$2:$C$346,3,0)-VLOOKUP(R$1,városok!$A$2:$C$346,3,0))^2)/1000,0)</f>
        <v>327</v>
      </c>
      <c r="S314">
        <f ca="1">ROUND(SQRT((VLOOKUP($A314,városok!$A$2:$C$346,2,0)-VLOOKUP(S$1,városok!$A$2:$C$346,2,0))^2+(VLOOKUP($A314,városok!$A$2:$C$346,3,0)-VLOOKUP(S$1,városok!$A$2:$C$346,3,0))^2)/1000,0)</f>
        <v>303</v>
      </c>
      <c r="T314">
        <f ca="1">ROUND(SQRT((VLOOKUP($A314,városok!$A$2:$C$346,2,0)-VLOOKUP(T$1,városok!$A$2:$C$346,2,0))^2+(VLOOKUP($A314,városok!$A$2:$C$346,3,0)-VLOOKUP(T$1,városok!$A$2:$C$346,3,0))^2)/1000,0)</f>
        <v>157</v>
      </c>
      <c r="U314">
        <f ca="1">ROUND(SQRT((VLOOKUP($A314,városok!$A$2:$C$346,2,0)-VLOOKUP(U$1,városok!$A$2:$C$346,2,0))^2+(VLOOKUP($A314,városok!$A$2:$C$346,3,0)-VLOOKUP(U$1,városok!$A$2:$C$346,3,0))^2)/1000,0)</f>
        <v>187</v>
      </c>
      <c r="V314">
        <f ca="1">ROUND(SQRT((VLOOKUP($A314,városok!$A$2:$C$346,2,0)-VLOOKUP(V$1,városok!$A$2:$C$346,2,0))^2+(VLOOKUP($A314,városok!$A$2:$C$346,3,0)-VLOOKUP(V$1,városok!$A$2:$C$346,3,0))^2)/1000,0)</f>
        <v>138</v>
      </c>
      <c r="W314">
        <f ca="1">ROUND(SQRT((VLOOKUP($A314,városok!$A$2:$C$346,2,0)-VLOOKUP(W$1,városok!$A$2:$C$346,2,0))^2+(VLOOKUP($A314,városok!$A$2:$C$346,3,0)-VLOOKUP(W$1,városok!$A$2:$C$346,3,0))^2)/1000,0)</f>
        <v>167</v>
      </c>
      <c r="X314">
        <f ca="1">ROUND(SQRT((VLOOKUP($A314,városok!$A$2:$C$346,2,0)-VLOOKUP(X$1,városok!$A$2:$C$346,2,0))^2+(VLOOKUP($A314,városok!$A$2:$C$346,3,0)-VLOOKUP(X$1,városok!$A$2:$C$346,3,0))^2)/1000,0)</f>
        <v>135</v>
      </c>
      <c r="Y314">
        <f ca="1">ROUND(SQRT((VLOOKUP($A314,városok!$A$2:$C$346,2,0)-VLOOKUP(Y$1,városok!$A$2:$C$346,2,0))^2+(VLOOKUP($A314,városok!$A$2:$C$346,3,0)-VLOOKUP(Y$1,városok!$A$2:$C$346,3,0))^2)/1000,0)</f>
        <v>88</v>
      </c>
      <c r="Z314">
        <f ca="1">ROUND(SQRT((VLOOKUP($A314,városok!$A$2:$C$346,2,0)-VLOOKUP(Z$1,városok!$A$2:$C$346,2,0))^2+(VLOOKUP($A314,városok!$A$2:$C$346,3,0)-VLOOKUP(Z$1,városok!$A$2:$C$346,3,0))^2)/1000,0)</f>
        <v>74</v>
      </c>
      <c r="AA314">
        <f ca="1">ROUND(SQRT((VLOOKUP($A314,városok!$A$2:$C$346,2,0)-VLOOKUP(AA$1,városok!$A$2:$C$346,2,0))^2+(VLOOKUP($A314,városok!$A$2:$C$346,3,0)-VLOOKUP(AA$1,városok!$A$2:$C$346,3,0))^2)/1000,0)</f>
        <v>33</v>
      </c>
      <c r="AB314">
        <f ca="1">ROUND(SQRT((VLOOKUP($A314,városok!$A$2:$C$346,2,0)-VLOOKUP(AB$1,városok!$A$2:$C$346,2,0))^2+(VLOOKUP($A314,városok!$A$2:$C$346,3,0)-VLOOKUP(AB$1,városok!$A$2:$C$346,3,0))^2)/1000,0)</f>
        <v>383</v>
      </c>
      <c r="AC314">
        <f ca="1">ROUND(SQRT((VLOOKUP($A314,városok!$A$2:$C$346,2,0)-VLOOKUP(AC$1,városok!$A$2:$C$346,2,0))^2+(VLOOKUP($A314,városok!$A$2:$C$346,3,0)-VLOOKUP(AC$1,városok!$A$2:$C$346,3,0))^2)/1000,0)</f>
        <v>366</v>
      </c>
      <c r="AD314">
        <f ca="1">ROUND(SQRT((VLOOKUP($A314,városok!$A$2:$C$346,2,0)-VLOOKUP(AD$1,városok!$A$2:$C$346,2,0))^2+(VLOOKUP($A314,városok!$A$2:$C$346,3,0)-VLOOKUP(AD$1,városok!$A$2:$C$346,3,0))^2)/1000,0)</f>
        <v>348</v>
      </c>
      <c r="AE314">
        <f ca="1">ROUND(SQRT((VLOOKUP($A314,városok!$A$2:$C$346,2,0)-VLOOKUP(AE$1,városok!$A$2:$C$346,2,0))^2+(VLOOKUP($A314,városok!$A$2:$C$346,3,0)-VLOOKUP(AE$1,városok!$A$2:$C$346,3,0))^2)/1000,0)</f>
        <v>349</v>
      </c>
      <c r="AF314">
        <f ca="1">ROUND(SQRT((VLOOKUP($A314,városok!$A$2:$C$346,2,0)-VLOOKUP(AF$1,városok!$A$2:$C$346,2,0))^2+(VLOOKUP($A314,városok!$A$2:$C$346,3,0)-VLOOKUP(AF$1,városok!$A$2:$C$346,3,0))^2)/1000,0)</f>
        <v>293</v>
      </c>
      <c r="AG314">
        <f ca="1">ROUND(SQRT((VLOOKUP($A314,városok!$A$2:$C$346,2,0)-VLOOKUP(AG$1,városok!$A$2:$C$346,2,0))^2+(VLOOKUP($A314,városok!$A$2:$C$346,3,0)-VLOOKUP(AG$1,városok!$A$2:$C$346,3,0))^2)/1000,0)</f>
        <v>257</v>
      </c>
      <c r="AH314">
        <f ca="1">ROUND(SQRT((VLOOKUP($A314,városok!$A$2:$C$346,2,0)-VLOOKUP(AH$1,városok!$A$2:$C$346,2,0))^2+(VLOOKUP($A314,városok!$A$2:$C$346,3,0)-VLOOKUP(AH$1,városok!$A$2:$C$346,3,0))^2)/1000,0)</f>
        <v>237</v>
      </c>
      <c r="AI314">
        <f ca="1">ROUND(SQRT((VLOOKUP($A314,városok!$A$2:$C$346,2,0)-VLOOKUP(AI$1,városok!$A$2:$C$346,2,0))^2+(VLOOKUP($A314,városok!$A$2:$C$346,3,0)-VLOOKUP(AI$1,városok!$A$2:$C$346,3,0))^2)/1000,0)</f>
        <v>275</v>
      </c>
      <c r="AJ314">
        <f ca="1">ROUND(SQRT((VLOOKUP($A314,városok!$A$2:$C$346,2,0)-VLOOKUP(AJ$1,városok!$A$2:$C$346,2,0))^2+(VLOOKUP($A314,városok!$A$2:$C$346,3,0)-VLOOKUP(AJ$1,városok!$A$2:$C$346,3,0))^2)/1000,0)</f>
        <v>259</v>
      </c>
      <c r="AK314">
        <f ca="1">ROUND(SQRT((VLOOKUP($A314,városok!$A$2:$C$346,2,0)-VLOOKUP(AK$1,városok!$A$2:$C$346,2,0))^2+(VLOOKUP($A314,városok!$A$2:$C$346,3,0)-VLOOKUP(AK$1,városok!$A$2:$C$346,3,0))^2)/1000,0)</f>
        <v>334</v>
      </c>
      <c r="AL314">
        <f ca="1">ROUND(SQRT((VLOOKUP($A314,városok!$A$2:$C$346,2,0)-VLOOKUP(AL$1,városok!$A$2:$C$346,2,0))^2+(VLOOKUP($A314,városok!$A$2:$C$346,3,0)-VLOOKUP(AL$1,városok!$A$2:$C$346,3,0))^2)/1000,0)</f>
        <v>308</v>
      </c>
      <c r="AM314">
        <f ca="1">ROUND(SQRT((VLOOKUP($A314,városok!$A$2:$C$346,2,0)-VLOOKUP(AM$1,városok!$A$2:$C$346,2,0))^2+(VLOOKUP($A314,városok!$A$2:$C$346,3,0)-VLOOKUP(AM$1,városok!$A$2:$C$346,3,0))^2)/1000,0)</f>
        <v>276</v>
      </c>
      <c r="AN314">
        <f ca="1">ROUND(SQRT((VLOOKUP($A314,városok!$A$2:$C$346,2,0)-VLOOKUP(AN$1,városok!$A$2:$C$346,2,0))^2+(VLOOKUP($A314,városok!$A$2:$C$346,3,0)-VLOOKUP(AN$1,városok!$A$2:$C$346,3,0))^2)/1000,0)</f>
        <v>171</v>
      </c>
      <c r="AO314">
        <f ca="1">ROUND(SQRT((VLOOKUP($A314,városok!$A$2:$C$346,2,0)-VLOOKUP(AO$1,városok!$A$2:$C$346,2,0))^2+(VLOOKUP($A314,városok!$A$2:$C$346,3,0)-VLOOKUP(AO$1,városok!$A$2:$C$346,3,0))^2)/1000,0)</f>
        <v>124</v>
      </c>
      <c r="AP314">
        <f ca="1">ROUND(SQRT((VLOOKUP($A314,városok!$A$2:$C$346,2,0)-VLOOKUP(AP$1,városok!$A$2:$C$346,2,0))^2+(VLOOKUP($A314,városok!$A$2:$C$346,3,0)-VLOOKUP(AP$1,városok!$A$2:$C$346,3,0))^2)/1000,0)</f>
        <v>137</v>
      </c>
      <c r="AQ314">
        <f ca="1">ROUND(SQRT((VLOOKUP($A314,városok!$A$2:$C$346,2,0)-VLOOKUP(AQ$1,városok!$A$2:$C$346,2,0))^2+(VLOOKUP($A314,városok!$A$2:$C$346,3,0)-VLOOKUP(AQ$1,városok!$A$2:$C$346,3,0))^2)/1000,0)</f>
        <v>141</v>
      </c>
      <c r="AR314">
        <f ca="1">ROUND(SQRT((VLOOKUP($A314,városok!$A$2:$C$346,2,0)-VLOOKUP(AR$1,városok!$A$2:$C$346,2,0))^2+(VLOOKUP($A314,városok!$A$2:$C$346,3,0)-VLOOKUP(AR$1,városok!$A$2:$C$346,3,0))^2)/1000,0)</f>
        <v>243</v>
      </c>
      <c r="AS314">
        <f ca="1">ROUND(SQRT((VLOOKUP($A314,városok!$A$2:$C$346,2,0)-VLOOKUP(AS$1,városok!$A$2:$C$346,2,0))^2+(VLOOKUP($A314,városok!$A$2:$C$346,3,0)-VLOOKUP(AS$1,városok!$A$2:$C$346,3,0))^2)/1000,0)</f>
        <v>257</v>
      </c>
      <c r="AT314">
        <f ca="1">ROUND(SQRT((VLOOKUP($A314,városok!$A$2:$C$346,2,0)-VLOOKUP(AT$1,városok!$A$2:$C$346,2,0))^2+(VLOOKUP($A314,városok!$A$2:$C$346,3,0)-VLOOKUP(AT$1,városok!$A$2:$C$346,3,0))^2)/1000,0)</f>
        <v>171</v>
      </c>
      <c r="AU314">
        <f ca="1">ROUND(SQRT((VLOOKUP($A314,városok!$A$2:$C$346,2,0)-VLOOKUP(AU$1,városok!$A$2:$C$346,2,0))^2+(VLOOKUP($A314,városok!$A$2:$C$346,3,0)-VLOOKUP(AU$1,városok!$A$2:$C$346,3,0))^2)/1000,0)</f>
        <v>182</v>
      </c>
      <c r="AV314">
        <f ca="1">ROUND(SQRT((VLOOKUP($A314,városok!$A$2:$C$346,2,0)-VLOOKUP(AV$1,városok!$A$2:$C$346,2,0))^2+(VLOOKUP($A314,városok!$A$2:$C$346,3,0)-VLOOKUP(AV$1,városok!$A$2:$C$346,3,0))^2)/1000,0)</f>
        <v>181</v>
      </c>
      <c r="AW314">
        <f ca="1">ROUND(SQRT((VLOOKUP($A314,városok!$A$2:$C$346,2,0)-VLOOKUP(AW$1,városok!$A$2:$C$346,2,0))^2+(VLOOKUP($A314,városok!$A$2:$C$346,3,0)-VLOOKUP(AW$1,városok!$A$2:$C$346,3,0))^2)/1000,0)</f>
        <v>178</v>
      </c>
      <c r="AX314">
        <f ca="1">ROUND(SQRT((VLOOKUP($A314,városok!$A$2:$C$346,2,0)-VLOOKUP(AX$1,városok!$A$2:$C$346,2,0))^2+(VLOOKUP($A314,városok!$A$2:$C$346,3,0)-VLOOKUP(AX$1,városok!$A$2:$C$346,3,0))^2)/1000,0)</f>
        <v>248</v>
      </c>
      <c r="AY314">
        <f ca="1">ROUND(SQRT((VLOOKUP($A314,városok!$A$2:$C$346,2,0)-VLOOKUP(AY$1,városok!$A$2:$C$346,2,0))^2+(VLOOKUP($A314,városok!$A$2:$C$346,3,0)-VLOOKUP(AY$1,városok!$A$2:$C$346,3,0))^2)/1000,0)</f>
        <v>192</v>
      </c>
      <c r="AZ314">
        <f ca="1">ROUND(SQRT((VLOOKUP($A314,városok!$A$2:$C$346,2,0)-VLOOKUP(AZ$1,városok!$A$2:$C$346,2,0))^2+(VLOOKUP($A314,városok!$A$2:$C$346,3,0)-VLOOKUP(AZ$1,városok!$A$2:$C$346,3,0))^2)/1000,0)</f>
        <v>187</v>
      </c>
      <c r="BA314">
        <f ca="1">ROUND(SQRT((VLOOKUP($A314,városok!$A$2:$C$346,2,0)-VLOOKUP(BA$1,városok!$A$2:$C$346,2,0))^2+(VLOOKUP($A314,városok!$A$2:$C$346,3,0)-VLOOKUP(BA$1,városok!$A$2:$C$346,3,0))^2)/1000,0)</f>
        <v>111</v>
      </c>
      <c r="BB314">
        <f ca="1">ROUND(SQRT((VLOOKUP($A314,városok!$A$2:$C$346,2,0)-VLOOKUP(BB$1,városok!$A$2:$C$346,2,0))^2+(VLOOKUP($A314,városok!$A$2:$C$346,3,0)-VLOOKUP(BB$1,városok!$A$2:$C$346,3,0))^2)/1000,0)</f>
        <v>142</v>
      </c>
      <c r="BC314">
        <f ca="1">ROUND(SQRT((VLOOKUP($A314,városok!$A$2:$C$346,2,0)-VLOOKUP(BC$1,városok!$A$2:$C$346,2,0))^2+(VLOOKUP($A314,városok!$A$2:$C$346,3,0)-VLOOKUP(BC$1,városok!$A$2:$C$346,3,0))^2)/1000,0)</f>
        <v>149</v>
      </c>
      <c r="BD314">
        <f ca="1">ROUND(SQRT((VLOOKUP($A314,városok!$A$2:$C$346,2,0)-VLOOKUP(BD$1,városok!$A$2:$C$346,2,0))^2+(VLOOKUP($A314,városok!$A$2:$C$346,3,0)-VLOOKUP(BD$1,városok!$A$2:$C$346,3,0))^2)/1000,0)</f>
        <v>127</v>
      </c>
      <c r="BE314">
        <f ca="1">ROUND(SQRT((VLOOKUP($A314,városok!$A$2:$C$346,2,0)-VLOOKUP(BE$1,városok!$A$2:$C$346,2,0))^2+(VLOOKUP($A314,városok!$A$2:$C$346,3,0)-VLOOKUP(BE$1,városok!$A$2:$C$346,3,0))^2)/1000,0)</f>
        <v>462</v>
      </c>
      <c r="BF314">
        <f ca="1">ROUND(SQRT((VLOOKUP($A314,városok!$A$2:$C$346,2,0)-VLOOKUP(BF$1,városok!$A$2:$C$346,2,0))^2+(VLOOKUP($A314,városok!$A$2:$C$346,3,0)-VLOOKUP(BF$1,városok!$A$2:$C$346,3,0))^2)/1000,0)</f>
        <v>424</v>
      </c>
      <c r="BG314">
        <f ca="1">ROUND(SQRT((VLOOKUP($A314,városok!$A$2:$C$346,2,0)-VLOOKUP(BG$1,városok!$A$2:$C$346,2,0))^2+(VLOOKUP($A314,városok!$A$2:$C$346,3,0)-VLOOKUP(BG$1,városok!$A$2:$C$346,3,0))^2)/1000,0)</f>
        <v>377</v>
      </c>
      <c r="BH314">
        <f ca="1">ROUND(SQRT((VLOOKUP($A314,városok!$A$2:$C$346,2,0)-VLOOKUP(BH$1,városok!$A$2:$C$346,2,0))^2+(VLOOKUP($A314,városok!$A$2:$C$346,3,0)-VLOOKUP(BH$1,városok!$A$2:$C$346,3,0))^2)/1000,0)</f>
        <v>377</v>
      </c>
      <c r="BI314">
        <f ca="1">ROUND(SQRT((VLOOKUP($A314,városok!$A$2:$C$346,2,0)-VLOOKUP(BI$1,városok!$A$2:$C$346,2,0))^2+(VLOOKUP($A314,városok!$A$2:$C$346,3,0)-VLOOKUP(BI$1,városok!$A$2:$C$346,3,0))^2)/1000,0)</f>
        <v>193</v>
      </c>
      <c r="BJ314">
        <f ca="1">ROUND(SQRT((VLOOKUP($A314,városok!$A$2:$C$346,2,0)-VLOOKUP(BJ$1,városok!$A$2:$C$346,2,0))^2+(VLOOKUP($A314,városok!$A$2:$C$346,3,0)-VLOOKUP(BJ$1,városok!$A$2:$C$346,3,0))^2)/1000,0)</f>
        <v>191</v>
      </c>
      <c r="BK314">
        <f ca="1">ROUND(SQRT((VLOOKUP($A314,városok!$A$2:$C$346,2,0)-VLOOKUP(BK$1,városok!$A$2:$C$346,2,0))^2+(VLOOKUP($A314,városok!$A$2:$C$346,3,0)-VLOOKUP(BK$1,városok!$A$2:$C$346,3,0))^2)/1000,0)</f>
        <v>201</v>
      </c>
      <c r="BL314">
        <f ca="1">ROUND(SQRT((VLOOKUP($A314,városok!$A$2:$C$346,2,0)-VLOOKUP(BL$1,városok!$A$2:$C$346,2,0))^2+(VLOOKUP($A314,városok!$A$2:$C$346,3,0)-VLOOKUP(BL$1,városok!$A$2:$C$346,3,0))^2)/1000,0)</f>
        <v>42</v>
      </c>
      <c r="BM314">
        <f ca="1">ROUND(SQRT((VLOOKUP($A314,városok!$A$2:$C$346,2,0)-VLOOKUP(BM$1,városok!$A$2:$C$346,2,0))^2+(VLOOKUP($A314,városok!$A$2:$C$346,3,0)-VLOOKUP(BM$1,városok!$A$2:$C$346,3,0))^2)/1000,0)</f>
        <v>33</v>
      </c>
      <c r="BN314">
        <f ca="1">ROUND(SQRT((VLOOKUP($A314,városok!$A$2:$C$346,2,0)-VLOOKUP(BN$1,városok!$A$2:$C$346,2,0))^2+(VLOOKUP($A314,városok!$A$2:$C$346,3,0)-VLOOKUP(BN$1,városok!$A$2:$C$346,3,0))^2)/1000,0)</f>
        <v>18</v>
      </c>
      <c r="BO314">
        <f ca="1">ROUND(SQRT((VLOOKUP($A314,városok!$A$2:$C$346,2,0)-VLOOKUP(BO$1,városok!$A$2:$C$346,2,0))^2+(VLOOKUP($A314,városok!$A$2:$C$346,3,0)-VLOOKUP(BO$1,városok!$A$2:$C$346,3,0))^2)/1000,0)</f>
        <v>118</v>
      </c>
      <c r="BP314">
        <f ca="1">ROUND(SQRT((VLOOKUP($A314,városok!$A$2:$C$346,2,0)-VLOOKUP(BP$1,városok!$A$2:$C$346,2,0))^2+(VLOOKUP($A314,városok!$A$2:$C$346,3,0)-VLOOKUP(BP$1,városok!$A$2:$C$346,3,0))^2)/1000,0)</f>
        <v>124</v>
      </c>
      <c r="BQ314">
        <f ca="1">ROUND(SQRT((VLOOKUP($A314,városok!$A$2:$C$346,2,0)-VLOOKUP(BQ$1,városok!$A$2:$C$346,2,0))^2+(VLOOKUP($A314,városok!$A$2:$C$346,3,0)-VLOOKUP(BQ$1,városok!$A$2:$C$346,3,0))^2)/1000,0)</f>
        <v>108</v>
      </c>
      <c r="BR314">
        <f ca="1">ROUND(SQRT((VLOOKUP($A314,városok!$A$2:$C$346,2,0)-VLOOKUP(BR$1,városok!$A$2:$C$346,2,0))^2+(VLOOKUP($A314,városok!$A$2:$C$346,3,0)-VLOOKUP(BR$1,városok!$A$2:$C$346,3,0))^2)/1000,0)</f>
        <v>87</v>
      </c>
      <c r="BS314">
        <f ca="1">ROUND(SQRT((VLOOKUP($A314,városok!$A$2:$C$346,2,0)-VLOOKUP(BS$1,városok!$A$2:$C$346,2,0))^2+(VLOOKUP($A314,városok!$A$2:$C$346,3,0)-VLOOKUP(BS$1,városok!$A$2:$C$346,3,0))^2)/1000,0)</f>
        <v>110</v>
      </c>
      <c r="BT314">
        <f ca="1">ROUND(SQRT((VLOOKUP($A314,városok!$A$2:$C$346,2,0)-VLOOKUP(BT$1,városok!$A$2:$C$346,2,0))^2+(VLOOKUP($A314,városok!$A$2:$C$346,3,0)-VLOOKUP(BT$1,városok!$A$2:$C$346,3,0))^2)/1000,0)</f>
        <v>66</v>
      </c>
    </row>
    <row r="315" spans="1:72" x14ac:dyDescent="0.2">
      <c r="A315" t="str">
        <f>városok!A315</f>
        <v>Őriszentpéter</v>
      </c>
      <c r="B315">
        <f ca="1">ROUND(SQRT((VLOOKUP($A315,városok!$A$2:$C$346,2,0)-VLOOKUP(B$1,városok!$A$2:$C$346,2,0))^2+(VLOOKUP($A315,városok!$A$2:$C$346,3,0)-VLOOKUP(B$1,városok!$A$2:$C$346,3,0))^2)/1000,0)</f>
        <v>208</v>
      </c>
      <c r="C315">
        <f ca="1">ROUND(SQRT((VLOOKUP($A315,városok!$A$2:$C$346,2,0)-VLOOKUP(C$1,városok!$A$2:$C$346,2,0))^2+(VLOOKUP($A315,városok!$A$2:$C$346,3,0)-VLOOKUP(C$1,városok!$A$2:$C$346,3,0))^2)/1000,0)</f>
        <v>198</v>
      </c>
      <c r="D315">
        <f ca="1">ROUND(SQRT((VLOOKUP($A315,városok!$A$2:$C$346,2,0)-VLOOKUP(D$1,városok!$A$2:$C$346,2,0))^2+(VLOOKUP($A315,városok!$A$2:$C$346,3,0)-VLOOKUP(D$1,városok!$A$2:$C$346,3,0))^2)/1000,0)</f>
        <v>249</v>
      </c>
      <c r="E315">
        <f ca="1">ROUND(SQRT((VLOOKUP($A315,városok!$A$2:$C$346,2,0)-VLOOKUP(E$1,városok!$A$2:$C$346,2,0))^2+(VLOOKUP($A315,városok!$A$2:$C$346,3,0)-VLOOKUP(E$1,városok!$A$2:$C$346,3,0))^2)/1000,0)</f>
        <v>159</v>
      </c>
      <c r="F315">
        <f ca="1">ROUND(SQRT((VLOOKUP($A315,városok!$A$2:$C$346,2,0)-VLOOKUP(F$1,városok!$A$2:$C$346,2,0))^2+(VLOOKUP($A315,városok!$A$2:$C$346,3,0)-VLOOKUP(F$1,városok!$A$2:$C$346,3,0))^2)/1000,0)</f>
        <v>198</v>
      </c>
      <c r="G315">
        <f ca="1">ROUND(SQRT((VLOOKUP($A315,városok!$A$2:$C$346,2,0)-VLOOKUP(G$1,városok!$A$2:$C$346,2,0))^2+(VLOOKUP($A315,városok!$A$2:$C$346,3,0)-VLOOKUP(G$1,városok!$A$2:$C$346,3,0))^2)/1000,0)</f>
        <v>164</v>
      </c>
      <c r="H315">
        <f ca="1">ROUND(SQRT((VLOOKUP($A315,városok!$A$2:$C$346,2,0)-VLOOKUP(H$1,városok!$A$2:$C$346,2,0))^2+(VLOOKUP($A315,városok!$A$2:$C$346,3,0)-VLOOKUP(H$1,városok!$A$2:$C$346,3,0))^2)/1000,0)</f>
        <v>138</v>
      </c>
      <c r="I315">
        <f ca="1">ROUND(SQRT((VLOOKUP($A315,városok!$A$2:$C$346,2,0)-VLOOKUP(I$1,városok!$A$2:$C$346,2,0))^2+(VLOOKUP($A315,városok!$A$2:$C$346,3,0)-VLOOKUP(I$1,városok!$A$2:$C$346,3,0))^2)/1000,0)</f>
        <v>356</v>
      </c>
      <c r="J315">
        <f ca="1">ROUND(SQRT((VLOOKUP($A315,városok!$A$2:$C$346,2,0)-VLOOKUP(J$1,városok!$A$2:$C$346,2,0))^2+(VLOOKUP($A315,városok!$A$2:$C$346,3,0)-VLOOKUP(J$1,városok!$A$2:$C$346,3,0))^2)/1000,0)</f>
        <v>371</v>
      </c>
      <c r="K315">
        <f ca="1">ROUND(SQRT((VLOOKUP($A315,városok!$A$2:$C$346,2,0)-VLOOKUP(K$1,városok!$A$2:$C$346,2,0))^2+(VLOOKUP($A315,városok!$A$2:$C$346,3,0)-VLOOKUP(K$1,városok!$A$2:$C$346,3,0))^2)/1000,0)</f>
        <v>326</v>
      </c>
      <c r="L315">
        <f ca="1">ROUND(SQRT((VLOOKUP($A315,városok!$A$2:$C$346,2,0)-VLOOKUP(L$1,városok!$A$2:$C$346,2,0))^2+(VLOOKUP($A315,városok!$A$2:$C$346,3,0)-VLOOKUP(L$1,városok!$A$2:$C$346,3,0))^2)/1000,0)</f>
        <v>353</v>
      </c>
      <c r="M315">
        <f ca="1">ROUND(SQRT((VLOOKUP($A315,városok!$A$2:$C$346,2,0)-VLOOKUP(M$1,városok!$A$2:$C$346,2,0))^2+(VLOOKUP($A315,városok!$A$2:$C$346,3,0)-VLOOKUP(M$1,városok!$A$2:$C$346,3,0))^2)/1000,0)</f>
        <v>358</v>
      </c>
      <c r="N315">
        <f ca="1">ROUND(SQRT((VLOOKUP($A315,városok!$A$2:$C$346,2,0)-VLOOKUP(N$1,városok!$A$2:$C$346,2,0))^2+(VLOOKUP($A315,városok!$A$2:$C$346,3,0)-VLOOKUP(N$1,városok!$A$2:$C$346,3,0))^2)/1000,0)</f>
        <v>329</v>
      </c>
      <c r="O315">
        <f ca="1">ROUND(SQRT((VLOOKUP($A315,városok!$A$2:$C$346,2,0)-VLOOKUP(O$1,városok!$A$2:$C$346,2,0))^2+(VLOOKUP($A315,városok!$A$2:$C$346,3,0)-VLOOKUP(O$1,városok!$A$2:$C$346,3,0))^2)/1000,0)</f>
        <v>429</v>
      </c>
      <c r="P315">
        <f ca="1">ROUND(SQRT((VLOOKUP($A315,városok!$A$2:$C$346,2,0)-VLOOKUP(P$1,városok!$A$2:$C$346,2,0))^2+(VLOOKUP($A315,városok!$A$2:$C$346,3,0)-VLOOKUP(P$1,városok!$A$2:$C$346,3,0))^2)/1000,0)</f>
        <v>429</v>
      </c>
      <c r="Q315">
        <f ca="1">ROUND(SQRT((VLOOKUP($A315,városok!$A$2:$C$346,2,0)-VLOOKUP(Q$1,városok!$A$2:$C$346,2,0))^2+(VLOOKUP($A315,városok!$A$2:$C$346,3,0)-VLOOKUP(Q$1,városok!$A$2:$C$346,3,0))^2)/1000,0)</f>
        <v>302</v>
      </c>
      <c r="R315">
        <f ca="1">ROUND(SQRT((VLOOKUP($A315,városok!$A$2:$C$346,2,0)-VLOOKUP(R$1,városok!$A$2:$C$346,2,0))^2+(VLOOKUP($A315,városok!$A$2:$C$346,3,0)-VLOOKUP(R$1,városok!$A$2:$C$346,3,0))^2)/1000,0)</f>
        <v>318</v>
      </c>
      <c r="S315">
        <f ca="1">ROUND(SQRT((VLOOKUP($A315,városok!$A$2:$C$346,2,0)-VLOOKUP(S$1,városok!$A$2:$C$346,2,0))^2+(VLOOKUP($A315,városok!$A$2:$C$346,3,0)-VLOOKUP(S$1,városok!$A$2:$C$346,3,0))^2)/1000,0)</f>
        <v>294</v>
      </c>
      <c r="T315">
        <f ca="1">ROUND(SQRT((VLOOKUP($A315,városok!$A$2:$C$346,2,0)-VLOOKUP(T$1,városok!$A$2:$C$346,2,0))^2+(VLOOKUP($A315,városok!$A$2:$C$346,3,0)-VLOOKUP(T$1,városok!$A$2:$C$346,3,0))^2)/1000,0)</f>
        <v>182</v>
      </c>
      <c r="U315">
        <f ca="1">ROUND(SQRT((VLOOKUP($A315,városok!$A$2:$C$346,2,0)-VLOOKUP(U$1,városok!$A$2:$C$346,2,0))^2+(VLOOKUP($A315,városok!$A$2:$C$346,3,0)-VLOOKUP(U$1,városok!$A$2:$C$346,3,0))^2)/1000,0)</f>
        <v>192</v>
      </c>
      <c r="V315">
        <f ca="1">ROUND(SQRT((VLOOKUP($A315,városok!$A$2:$C$346,2,0)-VLOOKUP(V$1,városok!$A$2:$C$346,2,0))^2+(VLOOKUP($A315,városok!$A$2:$C$346,3,0)-VLOOKUP(V$1,városok!$A$2:$C$346,3,0))^2)/1000,0)</f>
        <v>145</v>
      </c>
      <c r="W315">
        <f ca="1">ROUND(SQRT((VLOOKUP($A315,városok!$A$2:$C$346,2,0)-VLOOKUP(W$1,városok!$A$2:$C$346,2,0))^2+(VLOOKUP($A315,városok!$A$2:$C$346,3,0)-VLOOKUP(W$1,városok!$A$2:$C$346,3,0))^2)/1000,0)</f>
        <v>168</v>
      </c>
      <c r="X315">
        <f ca="1">ROUND(SQRT((VLOOKUP($A315,városok!$A$2:$C$346,2,0)-VLOOKUP(X$1,városok!$A$2:$C$346,2,0))^2+(VLOOKUP($A315,városok!$A$2:$C$346,3,0)-VLOOKUP(X$1,városok!$A$2:$C$346,3,0))^2)/1000,0)</f>
        <v>153</v>
      </c>
      <c r="Y315">
        <f ca="1">ROUND(SQRT((VLOOKUP($A315,városok!$A$2:$C$346,2,0)-VLOOKUP(Y$1,városok!$A$2:$C$346,2,0))^2+(VLOOKUP($A315,városok!$A$2:$C$346,3,0)-VLOOKUP(Y$1,városok!$A$2:$C$346,3,0))^2)/1000,0)</f>
        <v>131</v>
      </c>
      <c r="Z315">
        <f ca="1">ROUND(SQRT((VLOOKUP($A315,városok!$A$2:$C$346,2,0)-VLOOKUP(Z$1,városok!$A$2:$C$346,2,0))^2+(VLOOKUP($A315,városok!$A$2:$C$346,3,0)-VLOOKUP(Z$1,városok!$A$2:$C$346,3,0))^2)/1000,0)</f>
        <v>123</v>
      </c>
      <c r="AA315">
        <f ca="1">ROUND(SQRT((VLOOKUP($A315,városok!$A$2:$C$346,2,0)-VLOOKUP(AA$1,városok!$A$2:$C$346,2,0))^2+(VLOOKUP($A315,városok!$A$2:$C$346,3,0)-VLOOKUP(AA$1,városok!$A$2:$C$346,3,0))^2)/1000,0)</f>
        <v>94</v>
      </c>
      <c r="AB315">
        <f ca="1">ROUND(SQRT((VLOOKUP($A315,városok!$A$2:$C$346,2,0)-VLOOKUP(AB$1,városok!$A$2:$C$346,2,0))^2+(VLOOKUP($A315,városok!$A$2:$C$346,3,0)-VLOOKUP(AB$1,városok!$A$2:$C$346,3,0))^2)/1000,0)</f>
        <v>402</v>
      </c>
      <c r="AC315">
        <f ca="1">ROUND(SQRT((VLOOKUP($A315,városok!$A$2:$C$346,2,0)-VLOOKUP(AC$1,városok!$A$2:$C$346,2,0))^2+(VLOOKUP($A315,városok!$A$2:$C$346,3,0)-VLOOKUP(AC$1,városok!$A$2:$C$346,3,0))^2)/1000,0)</f>
        <v>383</v>
      </c>
      <c r="AD315">
        <f ca="1">ROUND(SQRT((VLOOKUP($A315,városok!$A$2:$C$346,2,0)-VLOOKUP(AD$1,városok!$A$2:$C$346,2,0))^2+(VLOOKUP($A315,városok!$A$2:$C$346,3,0)-VLOOKUP(AD$1,városok!$A$2:$C$346,3,0))^2)/1000,0)</f>
        <v>365</v>
      </c>
      <c r="AE315">
        <f ca="1">ROUND(SQRT((VLOOKUP($A315,városok!$A$2:$C$346,2,0)-VLOOKUP(AE$1,városok!$A$2:$C$346,2,0))^2+(VLOOKUP($A315,városok!$A$2:$C$346,3,0)-VLOOKUP(AE$1,városok!$A$2:$C$346,3,0))^2)/1000,0)</f>
        <v>364</v>
      </c>
      <c r="AF315">
        <f ca="1">ROUND(SQRT((VLOOKUP($A315,városok!$A$2:$C$346,2,0)-VLOOKUP(AF$1,városok!$A$2:$C$346,2,0))^2+(VLOOKUP($A315,városok!$A$2:$C$346,3,0)-VLOOKUP(AF$1,városok!$A$2:$C$346,3,0))^2)/1000,0)</f>
        <v>321</v>
      </c>
      <c r="AG315">
        <f ca="1">ROUND(SQRT((VLOOKUP($A315,városok!$A$2:$C$346,2,0)-VLOOKUP(AG$1,városok!$A$2:$C$346,2,0))^2+(VLOOKUP($A315,városok!$A$2:$C$346,3,0)-VLOOKUP(AG$1,városok!$A$2:$C$346,3,0))^2)/1000,0)</f>
        <v>284</v>
      </c>
      <c r="AH315">
        <f ca="1">ROUND(SQRT((VLOOKUP($A315,városok!$A$2:$C$346,2,0)-VLOOKUP(AH$1,városok!$A$2:$C$346,2,0))^2+(VLOOKUP($A315,városok!$A$2:$C$346,3,0)-VLOOKUP(AH$1,városok!$A$2:$C$346,3,0))^2)/1000,0)</f>
        <v>262</v>
      </c>
      <c r="AI315">
        <f ca="1">ROUND(SQRT((VLOOKUP($A315,városok!$A$2:$C$346,2,0)-VLOOKUP(AI$1,városok!$A$2:$C$346,2,0))^2+(VLOOKUP($A315,városok!$A$2:$C$346,3,0)-VLOOKUP(AI$1,városok!$A$2:$C$346,3,0))^2)/1000,0)</f>
        <v>306</v>
      </c>
      <c r="AJ315">
        <f ca="1">ROUND(SQRT((VLOOKUP($A315,városok!$A$2:$C$346,2,0)-VLOOKUP(AJ$1,városok!$A$2:$C$346,2,0))^2+(VLOOKUP($A315,városok!$A$2:$C$346,3,0)-VLOOKUP(AJ$1,városok!$A$2:$C$346,3,0))^2)/1000,0)</f>
        <v>283</v>
      </c>
      <c r="AK315">
        <f ca="1">ROUND(SQRT((VLOOKUP($A315,városok!$A$2:$C$346,2,0)-VLOOKUP(AK$1,városok!$A$2:$C$346,2,0))^2+(VLOOKUP($A315,városok!$A$2:$C$346,3,0)-VLOOKUP(AK$1,városok!$A$2:$C$346,3,0))^2)/1000,0)</f>
        <v>349</v>
      </c>
      <c r="AL315">
        <f ca="1">ROUND(SQRT((VLOOKUP($A315,városok!$A$2:$C$346,2,0)-VLOOKUP(AL$1,városok!$A$2:$C$346,2,0))^2+(VLOOKUP($A315,városok!$A$2:$C$346,3,0)-VLOOKUP(AL$1,városok!$A$2:$C$346,3,0))^2)/1000,0)</f>
        <v>324</v>
      </c>
      <c r="AM315">
        <f ca="1">ROUND(SQRT((VLOOKUP($A315,városok!$A$2:$C$346,2,0)-VLOOKUP(AM$1,városok!$A$2:$C$346,2,0))^2+(VLOOKUP($A315,városok!$A$2:$C$346,3,0)-VLOOKUP(AM$1,városok!$A$2:$C$346,3,0))^2)/1000,0)</f>
        <v>288</v>
      </c>
      <c r="AN315">
        <f ca="1">ROUND(SQRT((VLOOKUP($A315,városok!$A$2:$C$346,2,0)-VLOOKUP(AN$1,városok!$A$2:$C$346,2,0))^2+(VLOOKUP($A315,városok!$A$2:$C$346,3,0)-VLOOKUP(AN$1,városok!$A$2:$C$346,3,0))^2)/1000,0)</f>
        <v>204</v>
      </c>
      <c r="AO315">
        <f ca="1">ROUND(SQRT((VLOOKUP($A315,városok!$A$2:$C$346,2,0)-VLOOKUP(AO$1,városok!$A$2:$C$346,2,0))^2+(VLOOKUP($A315,városok!$A$2:$C$346,3,0)-VLOOKUP(AO$1,városok!$A$2:$C$346,3,0))^2)/1000,0)</f>
        <v>162</v>
      </c>
      <c r="AP315">
        <f ca="1">ROUND(SQRT((VLOOKUP($A315,városok!$A$2:$C$346,2,0)-VLOOKUP(AP$1,városok!$A$2:$C$346,2,0))^2+(VLOOKUP($A315,városok!$A$2:$C$346,3,0)-VLOOKUP(AP$1,városok!$A$2:$C$346,3,0))^2)/1000,0)</f>
        <v>170</v>
      </c>
      <c r="AQ315">
        <f ca="1">ROUND(SQRT((VLOOKUP($A315,városok!$A$2:$C$346,2,0)-VLOOKUP(AQ$1,városok!$A$2:$C$346,2,0))^2+(VLOOKUP($A315,városok!$A$2:$C$346,3,0)-VLOOKUP(AQ$1,városok!$A$2:$C$346,3,0))^2)/1000,0)</f>
        <v>170</v>
      </c>
      <c r="AR315">
        <f ca="1">ROUND(SQRT((VLOOKUP($A315,városok!$A$2:$C$346,2,0)-VLOOKUP(AR$1,városok!$A$2:$C$346,2,0))^2+(VLOOKUP($A315,városok!$A$2:$C$346,3,0)-VLOOKUP(AR$1,városok!$A$2:$C$346,3,0))^2)/1000,0)</f>
        <v>274</v>
      </c>
      <c r="AS315">
        <f ca="1">ROUND(SQRT((VLOOKUP($A315,városok!$A$2:$C$346,2,0)-VLOOKUP(AS$1,városok!$A$2:$C$346,2,0))^2+(VLOOKUP($A315,városok!$A$2:$C$346,3,0)-VLOOKUP(AS$1,városok!$A$2:$C$346,3,0))^2)/1000,0)</f>
        <v>292</v>
      </c>
      <c r="AT315">
        <f ca="1">ROUND(SQRT((VLOOKUP($A315,városok!$A$2:$C$346,2,0)-VLOOKUP(AT$1,városok!$A$2:$C$346,2,0))^2+(VLOOKUP($A315,városok!$A$2:$C$346,3,0)-VLOOKUP(AT$1,városok!$A$2:$C$346,3,0))^2)/1000,0)</f>
        <v>194</v>
      </c>
      <c r="AU315">
        <f ca="1">ROUND(SQRT((VLOOKUP($A315,városok!$A$2:$C$346,2,0)-VLOOKUP(AU$1,városok!$A$2:$C$346,2,0))^2+(VLOOKUP($A315,városok!$A$2:$C$346,3,0)-VLOOKUP(AU$1,városok!$A$2:$C$346,3,0))^2)/1000,0)</f>
        <v>204</v>
      </c>
      <c r="AV315">
        <f ca="1">ROUND(SQRT((VLOOKUP($A315,városok!$A$2:$C$346,2,0)-VLOOKUP(AV$1,városok!$A$2:$C$346,2,0))^2+(VLOOKUP($A315,városok!$A$2:$C$346,3,0)-VLOOKUP(AV$1,városok!$A$2:$C$346,3,0))^2)/1000,0)</f>
        <v>202</v>
      </c>
      <c r="AW315">
        <f ca="1">ROUND(SQRT((VLOOKUP($A315,városok!$A$2:$C$346,2,0)-VLOOKUP(AW$1,városok!$A$2:$C$346,2,0))^2+(VLOOKUP($A315,városok!$A$2:$C$346,3,0)-VLOOKUP(AW$1,városok!$A$2:$C$346,3,0))^2)/1000,0)</f>
        <v>198</v>
      </c>
      <c r="AX315">
        <f ca="1">ROUND(SQRT((VLOOKUP($A315,városok!$A$2:$C$346,2,0)-VLOOKUP(AX$1,városok!$A$2:$C$346,2,0))^2+(VLOOKUP($A315,városok!$A$2:$C$346,3,0)-VLOOKUP(AX$1,városok!$A$2:$C$346,3,0))^2)/1000,0)</f>
        <v>256</v>
      </c>
      <c r="AY315">
        <f ca="1">ROUND(SQRT((VLOOKUP($A315,városok!$A$2:$C$346,2,0)-VLOOKUP(AY$1,városok!$A$2:$C$346,2,0))^2+(VLOOKUP($A315,városok!$A$2:$C$346,3,0)-VLOOKUP(AY$1,városok!$A$2:$C$346,3,0))^2)/1000,0)</f>
        <v>220</v>
      </c>
      <c r="AZ315">
        <f ca="1">ROUND(SQRT((VLOOKUP($A315,városok!$A$2:$C$346,2,0)-VLOOKUP(AZ$1,városok!$A$2:$C$346,2,0))^2+(VLOOKUP($A315,városok!$A$2:$C$346,3,0)-VLOOKUP(AZ$1,városok!$A$2:$C$346,3,0))^2)/1000,0)</f>
        <v>219</v>
      </c>
      <c r="BA315">
        <f ca="1">ROUND(SQRT((VLOOKUP($A315,városok!$A$2:$C$346,2,0)-VLOOKUP(BA$1,városok!$A$2:$C$346,2,0))^2+(VLOOKUP($A315,városok!$A$2:$C$346,3,0)-VLOOKUP(BA$1,városok!$A$2:$C$346,3,0))^2)/1000,0)</f>
        <v>98</v>
      </c>
      <c r="BB315">
        <f ca="1">ROUND(SQRT((VLOOKUP($A315,városok!$A$2:$C$346,2,0)-VLOOKUP(BB$1,városok!$A$2:$C$346,2,0))^2+(VLOOKUP($A315,városok!$A$2:$C$346,3,0)-VLOOKUP(BB$1,városok!$A$2:$C$346,3,0))^2)/1000,0)</f>
        <v>121</v>
      </c>
      <c r="BC315">
        <f ca="1">ROUND(SQRT((VLOOKUP($A315,városok!$A$2:$C$346,2,0)-VLOOKUP(BC$1,városok!$A$2:$C$346,2,0))^2+(VLOOKUP($A315,városok!$A$2:$C$346,3,0)-VLOOKUP(BC$1,városok!$A$2:$C$346,3,0))^2)/1000,0)</f>
        <v>118</v>
      </c>
      <c r="BD315">
        <f ca="1">ROUND(SQRT((VLOOKUP($A315,városok!$A$2:$C$346,2,0)-VLOOKUP(BD$1,városok!$A$2:$C$346,2,0))^2+(VLOOKUP($A315,városok!$A$2:$C$346,3,0)-VLOOKUP(BD$1,városok!$A$2:$C$346,3,0))^2)/1000,0)</f>
        <v>125</v>
      </c>
      <c r="BE315">
        <f ca="1">ROUND(SQRT((VLOOKUP($A315,városok!$A$2:$C$346,2,0)-VLOOKUP(BE$1,városok!$A$2:$C$346,2,0))^2+(VLOOKUP($A315,városok!$A$2:$C$346,3,0)-VLOOKUP(BE$1,városok!$A$2:$C$346,3,0))^2)/1000,0)</f>
        <v>484</v>
      </c>
      <c r="BF315">
        <f ca="1">ROUND(SQRT((VLOOKUP($A315,városok!$A$2:$C$346,2,0)-VLOOKUP(BF$1,városok!$A$2:$C$346,2,0))^2+(VLOOKUP($A315,városok!$A$2:$C$346,3,0)-VLOOKUP(BF$1,városok!$A$2:$C$346,3,0))^2)/1000,0)</f>
        <v>452</v>
      </c>
      <c r="BG315">
        <f ca="1">ROUND(SQRT((VLOOKUP($A315,városok!$A$2:$C$346,2,0)-VLOOKUP(BG$1,városok!$A$2:$C$346,2,0))^2+(VLOOKUP($A315,városok!$A$2:$C$346,3,0)-VLOOKUP(BG$1,városok!$A$2:$C$346,3,0))^2)/1000,0)</f>
        <v>406</v>
      </c>
      <c r="BH315">
        <f ca="1">ROUND(SQRT((VLOOKUP($A315,városok!$A$2:$C$346,2,0)-VLOOKUP(BH$1,városok!$A$2:$C$346,2,0))^2+(VLOOKUP($A315,városok!$A$2:$C$346,3,0)-VLOOKUP(BH$1,városok!$A$2:$C$346,3,0))^2)/1000,0)</f>
        <v>405</v>
      </c>
      <c r="BI315">
        <f ca="1">ROUND(SQRT((VLOOKUP($A315,városok!$A$2:$C$346,2,0)-VLOOKUP(BI$1,városok!$A$2:$C$346,2,0))^2+(VLOOKUP($A315,városok!$A$2:$C$346,3,0)-VLOOKUP(BI$1,városok!$A$2:$C$346,3,0))^2)/1000,0)</f>
        <v>175</v>
      </c>
      <c r="BJ315">
        <f ca="1">ROUND(SQRT((VLOOKUP($A315,városok!$A$2:$C$346,2,0)-VLOOKUP(BJ$1,városok!$A$2:$C$346,2,0))^2+(VLOOKUP($A315,városok!$A$2:$C$346,3,0)-VLOOKUP(BJ$1,városok!$A$2:$C$346,3,0))^2)/1000,0)</f>
        <v>168</v>
      </c>
      <c r="BK315">
        <f ca="1">ROUND(SQRT((VLOOKUP($A315,városok!$A$2:$C$346,2,0)-VLOOKUP(BK$1,városok!$A$2:$C$346,2,0))^2+(VLOOKUP($A315,városok!$A$2:$C$346,3,0)-VLOOKUP(BK$1,városok!$A$2:$C$346,3,0))^2)/1000,0)</f>
        <v>183</v>
      </c>
      <c r="BL315">
        <f ca="1">ROUND(SQRT((VLOOKUP($A315,városok!$A$2:$C$346,2,0)-VLOOKUP(BL$1,városok!$A$2:$C$346,2,0))^2+(VLOOKUP($A315,városok!$A$2:$C$346,3,0)-VLOOKUP(BL$1,városok!$A$2:$C$346,3,0))^2)/1000,0)</f>
        <v>23</v>
      </c>
      <c r="BM315">
        <f ca="1">ROUND(SQRT((VLOOKUP($A315,városok!$A$2:$C$346,2,0)-VLOOKUP(BM$1,városok!$A$2:$C$346,2,0))^2+(VLOOKUP($A315,városok!$A$2:$C$346,3,0)-VLOOKUP(BM$1,városok!$A$2:$C$346,3,0))^2)/1000,0)</f>
        <v>60</v>
      </c>
      <c r="BN315">
        <f ca="1">ROUND(SQRT((VLOOKUP($A315,városok!$A$2:$C$346,2,0)-VLOOKUP(BN$1,városok!$A$2:$C$346,2,0))^2+(VLOOKUP($A315,városok!$A$2:$C$346,3,0)-VLOOKUP(BN$1,városok!$A$2:$C$346,3,0))^2)/1000,0)</f>
        <v>46</v>
      </c>
      <c r="BO315">
        <f ca="1">ROUND(SQRT((VLOOKUP($A315,városok!$A$2:$C$346,2,0)-VLOOKUP(BO$1,városok!$A$2:$C$346,2,0))^2+(VLOOKUP($A315,városok!$A$2:$C$346,3,0)-VLOOKUP(BO$1,városok!$A$2:$C$346,3,0))^2)/1000,0)</f>
        <v>123</v>
      </c>
      <c r="BP315">
        <f ca="1">ROUND(SQRT((VLOOKUP($A315,városok!$A$2:$C$346,2,0)-VLOOKUP(BP$1,városok!$A$2:$C$346,2,0))^2+(VLOOKUP($A315,városok!$A$2:$C$346,3,0)-VLOOKUP(BP$1,városok!$A$2:$C$346,3,0))^2)/1000,0)</f>
        <v>130</v>
      </c>
      <c r="BQ315">
        <f ca="1">ROUND(SQRT((VLOOKUP($A315,városok!$A$2:$C$346,2,0)-VLOOKUP(BQ$1,városok!$A$2:$C$346,2,0))^2+(VLOOKUP($A315,városok!$A$2:$C$346,3,0)-VLOOKUP(BQ$1,városok!$A$2:$C$346,3,0))^2)/1000,0)</f>
        <v>116</v>
      </c>
      <c r="BR315">
        <f ca="1">ROUND(SQRT((VLOOKUP($A315,városok!$A$2:$C$346,2,0)-VLOOKUP(BR$1,városok!$A$2:$C$346,2,0))^2+(VLOOKUP($A315,városok!$A$2:$C$346,3,0)-VLOOKUP(BR$1,városok!$A$2:$C$346,3,0))^2)/1000,0)</f>
        <v>64</v>
      </c>
      <c r="BS315">
        <f ca="1">ROUND(SQRT((VLOOKUP($A315,városok!$A$2:$C$346,2,0)-VLOOKUP(BS$1,városok!$A$2:$C$346,2,0))^2+(VLOOKUP($A315,városok!$A$2:$C$346,3,0)-VLOOKUP(BS$1,városok!$A$2:$C$346,3,0))^2)/1000,0)</f>
        <v>62</v>
      </c>
      <c r="BT315">
        <f ca="1">ROUND(SQRT((VLOOKUP($A315,városok!$A$2:$C$346,2,0)-VLOOKUP(BT$1,városok!$A$2:$C$346,2,0))^2+(VLOOKUP($A315,városok!$A$2:$C$346,3,0)-VLOOKUP(BT$1,városok!$A$2:$C$346,3,0))^2)/1000,0)</f>
        <v>32</v>
      </c>
    </row>
    <row r="316" spans="1:72" x14ac:dyDescent="0.2">
      <c r="A316" t="str">
        <f>városok!A316</f>
        <v>Répcelak</v>
      </c>
      <c r="B316">
        <f ca="1">ROUND(SQRT((VLOOKUP($A316,városok!$A$2:$C$346,2,0)-VLOOKUP(B$1,városok!$A$2:$C$346,2,0))^2+(VLOOKUP($A316,városok!$A$2:$C$346,3,0)-VLOOKUP(B$1,városok!$A$2:$C$346,3,0))^2)/1000,0)</f>
        <v>202</v>
      </c>
      <c r="C316">
        <f ca="1">ROUND(SQRT((VLOOKUP($A316,városok!$A$2:$C$346,2,0)-VLOOKUP(C$1,városok!$A$2:$C$346,2,0))^2+(VLOOKUP($A316,városok!$A$2:$C$346,3,0)-VLOOKUP(C$1,városok!$A$2:$C$346,3,0))^2)/1000,0)</f>
        <v>179</v>
      </c>
      <c r="D316">
        <f ca="1">ROUND(SQRT((VLOOKUP($A316,városok!$A$2:$C$346,2,0)-VLOOKUP(D$1,városok!$A$2:$C$346,2,0))^2+(VLOOKUP($A316,városok!$A$2:$C$346,3,0)-VLOOKUP(D$1,városok!$A$2:$C$346,3,0))^2)/1000,0)</f>
        <v>210</v>
      </c>
      <c r="E316">
        <f ca="1">ROUND(SQRT((VLOOKUP($A316,városok!$A$2:$C$346,2,0)-VLOOKUP(E$1,városok!$A$2:$C$346,2,0))^2+(VLOOKUP($A316,városok!$A$2:$C$346,3,0)-VLOOKUP(E$1,városok!$A$2:$C$346,3,0))^2)/1000,0)</f>
        <v>167</v>
      </c>
      <c r="F316">
        <f ca="1">ROUND(SQRT((VLOOKUP($A316,városok!$A$2:$C$346,2,0)-VLOOKUP(F$1,városok!$A$2:$C$346,2,0))^2+(VLOOKUP($A316,városok!$A$2:$C$346,3,0)-VLOOKUP(F$1,városok!$A$2:$C$346,3,0))^2)/1000,0)</f>
        <v>204</v>
      </c>
      <c r="G316">
        <f ca="1">ROUND(SQRT((VLOOKUP($A316,városok!$A$2:$C$346,2,0)-VLOOKUP(G$1,városok!$A$2:$C$346,2,0))^2+(VLOOKUP($A316,városok!$A$2:$C$346,3,0)-VLOOKUP(G$1,városok!$A$2:$C$346,3,0))^2)/1000,0)</f>
        <v>176</v>
      </c>
      <c r="H316">
        <f ca="1">ROUND(SQRT((VLOOKUP($A316,városok!$A$2:$C$346,2,0)-VLOOKUP(H$1,városok!$A$2:$C$346,2,0))^2+(VLOOKUP($A316,városok!$A$2:$C$346,3,0)-VLOOKUP(H$1,városok!$A$2:$C$346,3,0))^2)/1000,0)</f>
        <v>164</v>
      </c>
      <c r="I316">
        <f ca="1">ROUND(SQRT((VLOOKUP($A316,városok!$A$2:$C$346,2,0)-VLOOKUP(I$1,városok!$A$2:$C$346,2,0))^2+(VLOOKUP($A316,városok!$A$2:$C$346,3,0)-VLOOKUP(I$1,városok!$A$2:$C$346,3,0))^2)/1000,0)</f>
        <v>319</v>
      </c>
      <c r="J316">
        <f ca="1">ROUND(SQRT((VLOOKUP($A316,városok!$A$2:$C$346,2,0)-VLOOKUP(J$1,városok!$A$2:$C$346,2,0))^2+(VLOOKUP($A316,városok!$A$2:$C$346,3,0)-VLOOKUP(J$1,városok!$A$2:$C$346,3,0))^2)/1000,0)</f>
        <v>335</v>
      </c>
      <c r="K316">
        <f ca="1">ROUND(SQRT((VLOOKUP($A316,városok!$A$2:$C$346,2,0)-VLOOKUP(K$1,városok!$A$2:$C$346,2,0))^2+(VLOOKUP($A316,városok!$A$2:$C$346,3,0)-VLOOKUP(K$1,városok!$A$2:$C$346,3,0))^2)/1000,0)</f>
        <v>293</v>
      </c>
      <c r="L316">
        <f ca="1">ROUND(SQRT((VLOOKUP($A316,városok!$A$2:$C$346,2,0)-VLOOKUP(L$1,városok!$A$2:$C$346,2,0))^2+(VLOOKUP($A316,városok!$A$2:$C$346,3,0)-VLOOKUP(L$1,városok!$A$2:$C$346,3,0))^2)/1000,0)</f>
        <v>286</v>
      </c>
      <c r="M316">
        <f ca="1">ROUND(SQRT((VLOOKUP($A316,városok!$A$2:$C$346,2,0)-VLOOKUP(M$1,városok!$A$2:$C$346,2,0))^2+(VLOOKUP($A316,városok!$A$2:$C$346,3,0)-VLOOKUP(M$1,városok!$A$2:$C$346,3,0))^2)/1000,0)</f>
        <v>293</v>
      </c>
      <c r="N316">
        <f ca="1">ROUND(SQRT((VLOOKUP($A316,városok!$A$2:$C$346,2,0)-VLOOKUP(N$1,városok!$A$2:$C$346,2,0))^2+(VLOOKUP($A316,városok!$A$2:$C$346,3,0)-VLOOKUP(N$1,városok!$A$2:$C$346,3,0))^2)/1000,0)</f>
        <v>261</v>
      </c>
      <c r="O316">
        <f ca="1">ROUND(SQRT((VLOOKUP($A316,városok!$A$2:$C$346,2,0)-VLOOKUP(O$1,városok!$A$2:$C$346,2,0))^2+(VLOOKUP($A316,városok!$A$2:$C$346,3,0)-VLOOKUP(O$1,városok!$A$2:$C$346,3,0))^2)/1000,0)</f>
        <v>363</v>
      </c>
      <c r="P316">
        <f ca="1">ROUND(SQRT((VLOOKUP($A316,városok!$A$2:$C$346,2,0)-VLOOKUP(P$1,városok!$A$2:$C$346,2,0))^2+(VLOOKUP($A316,városok!$A$2:$C$346,3,0)-VLOOKUP(P$1,városok!$A$2:$C$346,3,0))^2)/1000,0)</f>
        <v>363</v>
      </c>
      <c r="Q316">
        <f ca="1">ROUND(SQRT((VLOOKUP($A316,városok!$A$2:$C$346,2,0)-VLOOKUP(Q$1,városok!$A$2:$C$346,2,0))^2+(VLOOKUP($A316,városok!$A$2:$C$346,3,0)-VLOOKUP(Q$1,városok!$A$2:$C$346,3,0))^2)/1000,0)</f>
        <v>275</v>
      </c>
      <c r="R316">
        <f ca="1">ROUND(SQRT((VLOOKUP($A316,városok!$A$2:$C$346,2,0)-VLOOKUP(R$1,városok!$A$2:$C$346,2,0))^2+(VLOOKUP($A316,városok!$A$2:$C$346,3,0)-VLOOKUP(R$1,városok!$A$2:$C$346,3,0))^2)/1000,0)</f>
        <v>296</v>
      </c>
      <c r="S316">
        <f ca="1">ROUND(SQRT((VLOOKUP($A316,városok!$A$2:$C$346,2,0)-VLOOKUP(S$1,városok!$A$2:$C$346,2,0))^2+(VLOOKUP($A316,városok!$A$2:$C$346,3,0)-VLOOKUP(S$1,városok!$A$2:$C$346,3,0))^2)/1000,0)</f>
        <v>273</v>
      </c>
      <c r="T316">
        <f ca="1">ROUND(SQRT((VLOOKUP($A316,városok!$A$2:$C$346,2,0)-VLOOKUP(T$1,városok!$A$2:$C$346,2,0))^2+(VLOOKUP($A316,városok!$A$2:$C$346,3,0)-VLOOKUP(T$1,városok!$A$2:$C$346,3,0))^2)/1000,0)</f>
        <v>122</v>
      </c>
      <c r="U316">
        <f ca="1">ROUND(SQRT((VLOOKUP($A316,városok!$A$2:$C$346,2,0)-VLOOKUP(U$1,városok!$A$2:$C$346,2,0))^2+(VLOOKUP($A316,városok!$A$2:$C$346,3,0)-VLOOKUP(U$1,városok!$A$2:$C$346,3,0))^2)/1000,0)</f>
        <v>154</v>
      </c>
      <c r="V316">
        <f ca="1">ROUND(SQRT((VLOOKUP($A316,városok!$A$2:$C$346,2,0)-VLOOKUP(V$1,városok!$A$2:$C$346,2,0))^2+(VLOOKUP($A316,városok!$A$2:$C$346,3,0)-VLOOKUP(V$1,városok!$A$2:$C$346,3,0))^2)/1000,0)</f>
        <v>105</v>
      </c>
      <c r="W316">
        <f ca="1">ROUND(SQRT((VLOOKUP($A316,városok!$A$2:$C$346,2,0)-VLOOKUP(W$1,városok!$A$2:$C$346,2,0))^2+(VLOOKUP($A316,városok!$A$2:$C$346,3,0)-VLOOKUP(W$1,városok!$A$2:$C$346,3,0))^2)/1000,0)</f>
        <v>135</v>
      </c>
      <c r="X316">
        <f ca="1">ROUND(SQRT((VLOOKUP($A316,városok!$A$2:$C$346,2,0)-VLOOKUP(X$1,városok!$A$2:$C$346,2,0))^2+(VLOOKUP($A316,városok!$A$2:$C$346,3,0)-VLOOKUP(X$1,városok!$A$2:$C$346,3,0))^2)/1000,0)</f>
        <v>100</v>
      </c>
      <c r="Y316">
        <f ca="1">ROUND(SQRT((VLOOKUP($A316,városok!$A$2:$C$346,2,0)-VLOOKUP(Y$1,városok!$A$2:$C$346,2,0))^2+(VLOOKUP($A316,városok!$A$2:$C$346,3,0)-VLOOKUP(Y$1,városok!$A$2:$C$346,3,0))^2)/1000,0)</f>
        <v>55</v>
      </c>
      <c r="Z316">
        <f ca="1">ROUND(SQRT((VLOOKUP($A316,városok!$A$2:$C$346,2,0)-VLOOKUP(Z$1,városok!$A$2:$C$346,2,0))^2+(VLOOKUP($A316,városok!$A$2:$C$346,3,0)-VLOOKUP(Z$1,városok!$A$2:$C$346,3,0))^2)/1000,0)</f>
        <v>45</v>
      </c>
      <c r="AA316">
        <f ca="1">ROUND(SQRT((VLOOKUP($A316,városok!$A$2:$C$346,2,0)-VLOOKUP(AA$1,városok!$A$2:$C$346,2,0))^2+(VLOOKUP($A316,városok!$A$2:$C$346,3,0)-VLOOKUP(AA$1,városok!$A$2:$C$346,3,0))^2)/1000,0)</f>
        <v>44</v>
      </c>
      <c r="AB316">
        <f ca="1">ROUND(SQRT((VLOOKUP($A316,városok!$A$2:$C$346,2,0)-VLOOKUP(AB$1,városok!$A$2:$C$346,2,0))^2+(VLOOKUP($A316,városok!$A$2:$C$346,3,0)-VLOOKUP(AB$1,városok!$A$2:$C$346,3,0))^2)/1000,0)</f>
        <v>348</v>
      </c>
      <c r="AC316">
        <f ca="1">ROUND(SQRT((VLOOKUP($A316,városok!$A$2:$C$346,2,0)-VLOOKUP(AC$1,városok!$A$2:$C$346,2,0))^2+(VLOOKUP($A316,városok!$A$2:$C$346,3,0)-VLOOKUP(AC$1,városok!$A$2:$C$346,3,0))^2)/1000,0)</f>
        <v>330</v>
      </c>
      <c r="AD316">
        <f ca="1">ROUND(SQRT((VLOOKUP($A316,városok!$A$2:$C$346,2,0)-VLOOKUP(AD$1,városok!$A$2:$C$346,2,0))^2+(VLOOKUP($A316,városok!$A$2:$C$346,3,0)-VLOOKUP(AD$1,városok!$A$2:$C$346,3,0))^2)/1000,0)</f>
        <v>312</v>
      </c>
      <c r="AE316">
        <f ca="1">ROUND(SQRT((VLOOKUP($A316,városok!$A$2:$C$346,2,0)-VLOOKUP(AE$1,városok!$A$2:$C$346,2,0))^2+(VLOOKUP($A316,városok!$A$2:$C$346,3,0)-VLOOKUP(AE$1,városok!$A$2:$C$346,3,0))^2)/1000,0)</f>
        <v>314</v>
      </c>
      <c r="AF316">
        <f ca="1">ROUND(SQRT((VLOOKUP($A316,városok!$A$2:$C$346,2,0)-VLOOKUP(AF$1,városok!$A$2:$C$346,2,0))^2+(VLOOKUP($A316,városok!$A$2:$C$346,3,0)-VLOOKUP(AF$1,városok!$A$2:$C$346,3,0))^2)/1000,0)</f>
        <v>258</v>
      </c>
      <c r="AG316">
        <f ca="1">ROUND(SQRT((VLOOKUP($A316,városok!$A$2:$C$346,2,0)-VLOOKUP(AG$1,városok!$A$2:$C$346,2,0))^2+(VLOOKUP($A316,városok!$A$2:$C$346,3,0)-VLOOKUP(AG$1,városok!$A$2:$C$346,3,0))^2)/1000,0)</f>
        <v>222</v>
      </c>
      <c r="AH316">
        <f ca="1">ROUND(SQRT((VLOOKUP($A316,városok!$A$2:$C$346,2,0)-VLOOKUP(AH$1,városok!$A$2:$C$346,2,0))^2+(VLOOKUP($A316,városok!$A$2:$C$346,3,0)-VLOOKUP(AH$1,városok!$A$2:$C$346,3,0))^2)/1000,0)</f>
        <v>202</v>
      </c>
      <c r="AI316">
        <f ca="1">ROUND(SQRT((VLOOKUP($A316,városok!$A$2:$C$346,2,0)-VLOOKUP(AI$1,városok!$A$2:$C$346,2,0))^2+(VLOOKUP($A316,városok!$A$2:$C$346,3,0)-VLOOKUP(AI$1,városok!$A$2:$C$346,3,0))^2)/1000,0)</f>
        <v>240</v>
      </c>
      <c r="AJ316">
        <f ca="1">ROUND(SQRT((VLOOKUP($A316,városok!$A$2:$C$346,2,0)-VLOOKUP(AJ$1,városok!$A$2:$C$346,2,0))^2+(VLOOKUP($A316,városok!$A$2:$C$346,3,0)-VLOOKUP(AJ$1,városok!$A$2:$C$346,3,0))^2)/1000,0)</f>
        <v>224</v>
      </c>
      <c r="AK316">
        <f ca="1">ROUND(SQRT((VLOOKUP($A316,városok!$A$2:$C$346,2,0)-VLOOKUP(AK$1,városok!$A$2:$C$346,2,0))^2+(VLOOKUP($A316,városok!$A$2:$C$346,3,0)-VLOOKUP(AK$1,városok!$A$2:$C$346,3,0))^2)/1000,0)</f>
        <v>299</v>
      </c>
      <c r="AL316">
        <f ca="1">ROUND(SQRT((VLOOKUP($A316,városok!$A$2:$C$346,2,0)-VLOOKUP(AL$1,városok!$A$2:$C$346,2,0))^2+(VLOOKUP($A316,városok!$A$2:$C$346,3,0)-VLOOKUP(AL$1,városok!$A$2:$C$346,3,0))^2)/1000,0)</f>
        <v>272</v>
      </c>
      <c r="AM316">
        <f ca="1">ROUND(SQRT((VLOOKUP($A316,városok!$A$2:$C$346,2,0)-VLOOKUP(AM$1,városok!$A$2:$C$346,2,0))^2+(VLOOKUP($A316,városok!$A$2:$C$346,3,0)-VLOOKUP(AM$1,városok!$A$2:$C$346,3,0))^2)/1000,0)</f>
        <v>241</v>
      </c>
      <c r="AN316">
        <f ca="1">ROUND(SQRT((VLOOKUP($A316,városok!$A$2:$C$346,2,0)-VLOOKUP(AN$1,városok!$A$2:$C$346,2,0))^2+(VLOOKUP($A316,városok!$A$2:$C$346,3,0)-VLOOKUP(AN$1,városok!$A$2:$C$346,3,0))^2)/1000,0)</f>
        <v>136</v>
      </c>
      <c r="AO316">
        <f ca="1">ROUND(SQRT((VLOOKUP($A316,városok!$A$2:$C$346,2,0)-VLOOKUP(AO$1,városok!$A$2:$C$346,2,0))^2+(VLOOKUP($A316,városok!$A$2:$C$346,3,0)-VLOOKUP(AO$1,városok!$A$2:$C$346,3,0))^2)/1000,0)</f>
        <v>90</v>
      </c>
      <c r="AP316">
        <f ca="1">ROUND(SQRT((VLOOKUP($A316,városok!$A$2:$C$346,2,0)-VLOOKUP(AP$1,városok!$A$2:$C$346,2,0))^2+(VLOOKUP($A316,városok!$A$2:$C$346,3,0)-VLOOKUP(AP$1,városok!$A$2:$C$346,3,0))^2)/1000,0)</f>
        <v>102</v>
      </c>
      <c r="AQ316">
        <f ca="1">ROUND(SQRT((VLOOKUP($A316,városok!$A$2:$C$346,2,0)-VLOOKUP(AQ$1,városok!$A$2:$C$346,2,0))^2+(VLOOKUP($A316,városok!$A$2:$C$346,3,0)-VLOOKUP(AQ$1,városok!$A$2:$C$346,3,0))^2)/1000,0)</f>
        <v>106</v>
      </c>
      <c r="AR316">
        <f ca="1">ROUND(SQRT((VLOOKUP($A316,városok!$A$2:$C$346,2,0)-VLOOKUP(AR$1,városok!$A$2:$C$346,2,0))^2+(VLOOKUP($A316,városok!$A$2:$C$346,3,0)-VLOOKUP(AR$1,városok!$A$2:$C$346,3,0))^2)/1000,0)</f>
        <v>208</v>
      </c>
      <c r="AS316">
        <f ca="1">ROUND(SQRT((VLOOKUP($A316,városok!$A$2:$C$346,2,0)-VLOOKUP(AS$1,városok!$A$2:$C$346,2,0))^2+(VLOOKUP($A316,városok!$A$2:$C$346,3,0)-VLOOKUP(AS$1,városok!$A$2:$C$346,3,0))^2)/1000,0)</f>
        <v>223</v>
      </c>
      <c r="AT316">
        <f ca="1">ROUND(SQRT((VLOOKUP($A316,városok!$A$2:$C$346,2,0)-VLOOKUP(AT$1,városok!$A$2:$C$346,2,0))^2+(VLOOKUP($A316,városok!$A$2:$C$346,3,0)-VLOOKUP(AT$1,városok!$A$2:$C$346,3,0))^2)/1000,0)</f>
        <v>136</v>
      </c>
      <c r="AU316">
        <f ca="1">ROUND(SQRT((VLOOKUP($A316,városok!$A$2:$C$346,2,0)-VLOOKUP(AU$1,városok!$A$2:$C$346,2,0))^2+(VLOOKUP($A316,városok!$A$2:$C$346,3,0)-VLOOKUP(AU$1,városok!$A$2:$C$346,3,0))^2)/1000,0)</f>
        <v>147</v>
      </c>
      <c r="AV316">
        <f ca="1">ROUND(SQRT((VLOOKUP($A316,városok!$A$2:$C$346,2,0)-VLOOKUP(AV$1,városok!$A$2:$C$346,2,0))^2+(VLOOKUP($A316,városok!$A$2:$C$346,3,0)-VLOOKUP(AV$1,városok!$A$2:$C$346,3,0))^2)/1000,0)</f>
        <v>146</v>
      </c>
      <c r="AW316">
        <f ca="1">ROUND(SQRT((VLOOKUP($A316,városok!$A$2:$C$346,2,0)-VLOOKUP(AW$1,városok!$A$2:$C$346,2,0))^2+(VLOOKUP($A316,városok!$A$2:$C$346,3,0)-VLOOKUP(AW$1,városok!$A$2:$C$346,3,0))^2)/1000,0)</f>
        <v>143</v>
      </c>
      <c r="AX316">
        <f ca="1">ROUND(SQRT((VLOOKUP($A316,városok!$A$2:$C$346,2,0)-VLOOKUP(AX$1,városok!$A$2:$C$346,2,0))^2+(VLOOKUP($A316,városok!$A$2:$C$346,3,0)-VLOOKUP(AX$1,városok!$A$2:$C$346,3,0))^2)/1000,0)</f>
        <v>214</v>
      </c>
      <c r="AY316">
        <f ca="1">ROUND(SQRT((VLOOKUP($A316,városok!$A$2:$C$346,2,0)-VLOOKUP(AY$1,városok!$A$2:$C$346,2,0))^2+(VLOOKUP($A316,városok!$A$2:$C$346,3,0)-VLOOKUP(AY$1,városok!$A$2:$C$346,3,0))^2)/1000,0)</f>
        <v>156</v>
      </c>
      <c r="AZ316">
        <f ca="1">ROUND(SQRT((VLOOKUP($A316,városok!$A$2:$C$346,2,0)-VLOOKUP(AZ$1,városok!$A$2:$C$346,2,0))^2+(VLOOKUP($A316,városok!$A$2:$C$346,3,0)-VLOOKUP(AZ$1,városok!$A$2:$C$346,3,0))^2)/1000,0)</f>
        <v>152</v>
      </c>
      <c r="BA316">
        <f ca="1">ROUND(SQRT((VLOOKUP($A316,városok!$A$2:$C$346,2,0)-VLOOKUP(BA$1,városok!$A$2:$C$346,2,0))^2+(VLOOKUP($A316,városok!$A$2:$C$346,3,0)-VLOOKUP(BA$1,városok!$A$2:$C$346,3,0))^2)/1000,0)</f>
        <v>88</v>
      </c>
      <c r="BB316">
        <f ca="1">ROUND(SQRT((VLOOKUP($A316,városok!$A$2:$C$346,2,0)-VLOOKUP(BB$1,városok!$A$2:$C$346,2,0))^2+(VLOOKUP($A316,városok!$A$2:$C$346,3,0)-VLOOKUP(BB$1,városok!$A$2:$C$346,3,0))^2)/1000,0)</f>
        <v>121</v>
      </c>
      <c r="BC316">
        <f ca="1">ROUND(SQRT((VLOOKUP($A316,városok!$A$2:$C$346,2,0)-VLOOKUP(BC$1,városok!$A$2:$C$346,2,0))^2+(VLOOKUP($A316,városok!$A$2:$C$346,3,0)-VLOOKUP(BC$1,városok!$A$2:$C$346,3,0))^2)/1000,0)</f>
        <v>132</v>
      </c>
      <c r="BD316">
        <f ca="1">ROUND(SQRT((VLOOKUP($A316,városok!$A$2:$C$346,2,0)-VLOOKUP(BD$1,városok!$A$2:$C$346,2,0))^2+(VLOOKUP($A316,városok!$A$2:$C$346,3,0)-VLOOKUP(BD$1,városok!$A$2:$C$346,3,0))^2)/1000,0)</f>
        <v>98</v>
      </c>
      <c r="BE316">
        <f ca="1">ROUND(SQRT((VLOOKUP($A316,városok!$A$2:$C$346,2,0)-VLOOKUP(BE$1,városok!$A$2:$C$346,2,0))^2+(VLOOKUP($A316,városok!$A$2:$C$346,3,0)-VLOOKUP(BE$1,városok!$A$2:$C$346,3,0))^2)/1000,0)</f>
        <v>427</v>
      </c>
      <c r="BF316">
        <f ca="1">ROUND(SQRT((VLOOKUP($A316,városok!$A$2:$C$346,2,0)-VLOOKUP(BF$1,városok!$A$2:$C$346,2,0))^2+(VLOOKUP($A316,városok!$A$2:$C$346,3,0)-VLOOKUP(BF$1,városok!$A$2:$C$346,3,0))^2)/1000,0)</f>
        <v>389</v>
      </c>
      <c r="BG316">
        <f ca="1">ROUND(SQRT((VLOOKUP($A316,városok!$A$2:$C$346,2,0)-VLOOKUP(BG$1,városok!$A$2:$C$346,2,0))^2+(VLOOKUP($A316,városok!$A$2:$C$346,3,0)-VLOOKUP(BG$1,városok!$A$2:$C$346,3,0))^2)/1000,0)</f>
        <v>342</v>
      </c>
      <c r="BH316">
        <f ca="1">ROUND(SQRT((VLOOKUP($A316,városok!$A$2:$C$346,2,0)-VLOOKUP(BH$1,városok!$A$2:$C$346,2,0))^2+(VLOOKUP($A316,városok!$A$2:$C$346,3,0)-VLOOKUP(BH$1,városok!$A$2:$C$346,3,0))^2)/1000,0)</f>
        <v>342</v>
      </c>
      <c r="BI316">
        <f ca="1">ROUND(SQRT((VLOOKUP($A316,városok!$A$2:$C$346,2,0)-VLOOKUP(BI$1,városok!$A$2:$C$346,2,0))^2+(VLOOKUP($A316,városok!$A$2:$C$346,3,0)-VLOOKUP(BI$1,városok!$A$2:$C$346,3,0))^2)/1000,0)</f>
        <v>167</v>
      </c>
      <c r="BJ316">
        <f ca="1">ROUND(SQRT((VLOOKUP($A316,városok!$A$2:$C$346,2,0)-VLOOKUP(BJ$1,városok!$A$2:$C$346,2,0))^2+(VLOOKUP($A316,városok!$A$2:$C$346,3,0)-VLOOKUP(BJ$1,városok!$A$2:$C$346,3,0))^2)/1000,0)</f>
        <v>168</v>
      </c>
      <c r="BK316">
        <f ca="1">ROUND(SQRT((VLOOKUP($A316,városok!$A$2:$C$346,2,0)-VLOOKUP(BK$1,városok!$A$2:$C$346,2,0))^2+(VLOOKUP($A316,városok!$A$2:$C$346,3,0)-VLOOKUP(BK$1,városok!$A$2:$C$346,3,0))^2)/1000,0)</f>
        <v>175</v>
      </c>
      <c r="BL316">
        <f ca="1">ROUND(SQRT((VLOOKUP($A316,városok!$A$2:$C$346,2,0)-VLOOKUP(BL$1,városok!$A$2:$C$346,2,0))^2+(VLOOKUP($A316,városok!$A$2:$C$346,3,0)-VLOOKUP(BL$1,városok!$A$2:$C$346,3,0))^2)/1000,0)</f>
        <v>55</v>
      </c>
      <c r="BM316">
        <f ca="1">ROUND(SQRT((VLOOKUP($A316,városok!$A$2:$C$346,2,0)-VLOOKUP(BM$1,városok!$A$2:$C$346,2,0))^2+(VLOOKUP($A316,városok!$A$2:$C$346,3,0)-VLOOKUP(BM$1,városok!$A$2:$C$346,3,0))^2)/1000,0)</f>
        <v>20</v>
      </c>
      <c r="BN316">
        <f ca="1">ROUND(SQRT((VLOOKUP($A316,városok!$A$2:$C$346,2,0)-VLOOKUP(BN$1,városok!$A$2:$C$346,2,0))^2+(VLOOKUP($A316,városok!$A$2:$C$346,3,0)-VLOOKUP(BN$1,városok!$A$2:$C$346,3,0))^2)/1000,0)</f>
        <v>37</v>
      </c>
      <c r="BO316">
        <f ca="1">ROUND(SQRT((VLOOKUP($A316,városok!$A$2:$C$346,2,0)-VLOOKUP(BO$1,városok!$A$2:$C$346,2,0))^2+(VLOOKUP($A316,városok!$A$2:$C$346,3,0)-VLOOKUP(BO$1,városok!$A$2:$C$346,3,0))^2)/1000,0)</f>
        <v>87</v>
      </c>
      <c r="BP316">
        <f ca="1">ROUND(SQRT((VLOOKUP($A316,városok!$A$2:$C$346,2,0)-VLOOKUP(BP$1,városok!$A$2:$C$346,2,0))^2+(VLOOKUP($A316,városok!$A$2:$C$346,3,0)-VLOOKUP(BP$1,városok!$A$2:$C$346,3,0))^2)/1000,0)</f>
        <v>93</v>
      </c>
      <c r="BQ316">
        <f ca="1">ROUND(SQRT((VLOOKUP($A316,városok!$A$2:$C$346,2,0)-VLOOKUP(BQ$1,városok!$A$2:$C$346,2,0))^2+(VLOOKUP($A316,városok!$A$2:$C$346,3,0)-VLOOKUP(BQ$1,városok!$A$2:$C$346,3,0))^2)/1000,0)</f>
        <v>77</v>
      </c>
      <c r="BR316">
        <f ca="1">ROUND(SQRT((VLOOKUP($A316,városok!$A$2:$C$346,2,0)-VLOOKUP(BR$1,városok!$A$2:$C$346,2,0))^2+(VLOOKUP($A316,városok!$A$2:$C$346,3,0)-VLOOKUP(BR$1,városok!$A$2:$C$346,3,0))^2)/1000,0)</f>
        <v>75</v>
      </c>
      <c r="BS316">
        <f ca="1">ROUND(SQRT((VLOOKUP($A316,városok!$A$2:$C$346,2,0)-VLOOKUP(BS$1,városok!$A$2:$C$346,2,0))^2+(VLOOKUP($A316,városok!$A$2:$C$346,3,0)-VLOOKUP(BS$1,városok!$A$2:$C$346,3,0))^2)/1000,0)</f>
        <v>108</v>
      </c>
      <c r="BT316">
        <f ca="1">ROUND(SQRT((VLOOKUP($A316,városok!$A$2:$C$346,2,0)-VLOOKUP(BT$1,városok!$A$2:$C$346,2,0))^2+(VLOOKUP($A316,városok!$A$2:$C$346,3,0)-VLOOKUP(BT$1,városok!$A$2:$C$346,3,0))^2)/1000,0)</f>
        <v>67</v>
      </c>
    </row>
    <row r="317" spans="1:72" x14ac:dyDescent="0.2">
      <c r="A317" t="str">
        <f>városok!A317</f>
        <v>Sárvár</v>
      </c>
      <c r="B317">
        <f ca="1">ROUND(SQRT((VLOOKUP($A317,városok!$A$2:$C$346,2,0)-VLOOKUP(B$1,városok!$A$2:$C$346,2,0))^2+(VLOOKUP($A317,városok!$A$2:$C$346,3,0)-VLOOKUP(B$1,városok!$A$2:$C$346,3,0))^2)/1000,0)</f>
        <v>195</v>
      </c>
      <c r="C317">
        <f ca="1">ROUND(SQRT((VLOOKUP($A317,városok!$A$2:$C$346,2,0)-VLOOKUP(C$1,városok!$A$2:$C$346,2,0))^2+(VLOOKUP($A317,városok!$A$2:$C$346,3,0)-VLOOKUP(C$1,városok!$A$2:$C$346,3,0))^2)/1000,0)</f>
        <v>176</v>
      </c>
      <c r="D317">
        <f ca="1">ROUND(SQRT((VLOOKUP($A317,városok!$A$2:$C$346,2,0)-VLOOKUP(D$1,városok!$A$2:$C$346,2,0))^2+(VLOOKUP($A317,városok!$A$2:$C$346,3,0)-VLOOKUP(D$1,városok!$A$2:$C$346,3,0))^2)/1000,0)</f>
        <v>213</v>
      </c>
      <c r="E317">
        <f ca="1">ROUND(SQRT((VLOOKUP($A317,városok!$A$2:$C$346,2,0)-VLOOKUP(E$1,városok!$A$2:$C$346,2,0))^2+(VLOOKUP($A317,városok!$A$2:$C$346,3,0)-VLOOKUP(E$1,városok!$A$2:$C$346,3,0))^2)/1000,0)</f>
        <v>156</v>
      </c>
      <c r="F317">
        <f ca="1">ROUND(SQRT((VLOOKUP($A317,városok!$A$2:$C$346,2,0)-VLOOKUP(F$1,városok!$A$2:$C$346,2,0))^2+(VLOOKUP($A317,városok!$A$2:$C$346,3,0)-VLOOKUP(F$1,városok!$A$2:$C$346,3,0))^2)/1000,0)</f>
        <v>194</v>
      </c>
      <c r="G317">
        <f ca="1">ROUND(SQRT((VLOOKUP($A317,városok!$A$2:$C$346,2,0)-VLOOKUP(G$1,városok!$A$2:$C$346,2,0))^2+(VLOOKUP($A317,városok!$A$2:$C$346,3,0)-VLOOKUP(G$1,városok!$A$2:$C$346,3,0))^2)/1000,0)</f>
        <v>165</v>
      </c>
      <c r="H317">
        <f ca="1">ROUND(SQRT((VLOOKUP($A317,városok!$A$2:$C$346,2,0)-VLOOKUP(H$1,városok!$A$2:$C$346,2,0))^2+(VLOOKUP($A317,városok!$A$2:$C$346,3,0)-VLOOKUP(H$1,városok!$A$2:$C$346,3,0))^2)/1000,0)</f>
        <v>150</v>
      </c>
      <c r="I317">
        <f ca="1">ROUND(SQRT((VLOOKUP($A317,városok!$A$2:$C$346,2,0)-VLOOKUP(I$1,városok!$A$2:$C$346,2,0))^2+(VLOOKUP($A317,városok!$A$2:$C$346,3,0)-VLOOKUP(I$1,városok!$A$2:$C$346,3,0))^2)/1000,0)</f>
        <v>322</v>
      </c>
      <c r="J317">
        <f ca="1">ROUND(SQRT((VLOOKUP($A317,városok!$A$2:$C$346,2,0)-VLOOKUP(J$1,városok!$A$2:$C$346,2,0))^2+(VLOOKUP($A317,városok!$A$2:$C$346,3,0)-VLOOKUP(J$1,városok!$A$2:$C$346,3,0))^2)/1000,0)</f>
        <v>337</v>
      </c>
      <c r="K317">
        <f ca="1">ROUND(SQRT((VLOOKUP($A317,városok!$A$2:$C$346,2,0)-VLOOKUP(K$1,városok!$A$2:$C$346,2,0))^2+(VLOOKUP($A317,városok!$A$2:$C$346,3,0)-VLOOKUP(K$1,városok!$A$2:$C$346,3,0))^2)/1000,0)</f>
        <v>295</v>
      </c>
      <c r="L317">
        <f ca="1">ROUND(SQRT((VLOOKUP($A317,városok!$A$2:$C$346,2,0)-VLOOKUP(L$1,városok!$A$2:$C$346,2,0))^2+(VLOOKUP($A317,városok!$A$2:$C$346,3,0)-VLOOKUP(L$1,városok!$A$2:$C$346,3,0))^2)/1000,0)</f>
        <v>299</v>
      </c>
      <c r="M317">
        <f ca="1">ROUND(SQRT((VLOOKUP($A317,városok!$A$2:$C$346,2,0)-VLOOKUP(M$1,városok!$A$2:$C$346,2,0))^2+(VLOOKUP($A317,városok!$A$2:$C$346,3,0)-VLOOKUP(M$1,városok!$A$2:$C$346,3,0))^2)/1000,0)</f>
        <v>305</v>
      </c>
      <c r="N317">
        <f ca="1">ROUND(SQRT((VLOOKUP($A317,városok!$A$2:$C$346,2,0)-VLOOKUP(N$1,városok!$A$2:$C$346,2,0))^2+(VLOOKUP($A317,városok!$A$2:$C$346,3,0)-VLOOKUP(N$1,városok!$A$2:$C$346,3,0))^2)/1000,0)</f>
        <v>274</v>
      </c>
      <c r="O317">
        <f ca="1">ROUND(SQRT((VLOOKUP($A317,városok!$A$2:$C$346,2,0)-VLOOKUP(O$1,városok!$A$2:$C$346,2,0))^2+(VLOOKUP($A317,városok!$A$2:$C$346,3,0)-VLOOKUP(O$1,városok!$A$2:$C$346,3,0))^2)/1000,0)</f>
        <v>375</v>
      </c>
      <c r="P317">
        <f ca="1">ROUND(SQRT((VLOOKUP($A317,városok!$A$2:$C$346,2,0)-VLOOKUP(P$1,városok!$A$2:$C$346,2,0))^2+(VLOOKUP($A317,városok!$A$2:$C$346,3,0)-VLOOKUP(P$1,városok!$A$2:$C$346,3,0))^2)/1000,0)</f>
        <v>375</v>
      </c>
      <c r="Q317">
        <f ca="1">ROUND(SQRT((VLOOKUP($A317,városok!$A$2:$C$346,2,0)-VLOOKUP(Q$1,városok!$A$2:$C$346,2,0))^2+(VLOOKUP($A317,városok!$A$2:$C$346,3,0)-VLOOKUP(Q$1,városok!$A$2:$C$346,3,0))^2)/1000,0)</f>
        <v>275</v>
      </c>
      <c r="R317">
        <f ca="1">ROUND(SQRT((VLOOKUP($A317,városok!$A$2:$C$346,2,0)-VLOOKUP(R$1,városok!$A$2:$C$346,2,0))^2+(VLOOKUP($A317,városok!$A$2:$C$346,3,0)-VLOOKUP(R$1,városok!$A$2:$C$346,3,0))^2)/1000,0)</f>
        <v>294</v>
      </c>
      <c r="S317">
        <f ca="1">ROUND(SQRT((VLOOKUP($A317,városok!$A$2:$C$346,2,0)-VLOOKUP(S$1,városok!$A$2:$C$346,2,0))^2+(VLOOKUP($A317,városok!$A$2:$C$346,3,0)-VLOOKUP(S$1,városok!$A$2:$C$346,3,0))^2)/1000,0)</f>
        <v>271</v>
      </c>
      <c r="T317">
        <f ca="1">ROUND(SQRT((VLOOKUP($A317,városok!$A$2:$C$346,2,0)-VLOOKUP(T$1,városok!$A$2:$C$346,2,0))^2+(VLOOKUP($A317,városok!$A$2:$C$346,3,0)-VLOOKUP(T$1,városok!$A$2:$C$346,3,0))^2)/1000,0)</f>
        <v>131</v>
      </c>
      <c r="U317">
        <f ca="1">ROUND(SQRT((VLOOKUP($A317,városok!$A$2:$C$346,2,0)-VLOOKUP(U$1,városok!$A$2:$C$346,2,0))^2+(VLOOKUP($A317,városok!$A$2:$C$346,3,0)-VLOOKUP(U$1,városok!$A$2:$C$346,3,0))^2)/1000,0)</f>
        <v>155</v>
      </c>
      <c r="V317">
        <f ca="1">ROUND(SQRT((VLOOKUP($A317,városok!$A$2:$C$346,2,0)-VLOOKUP(V$1,városok!$A$2:$C$346,2,0))^2+(VLOOKUP($A317,városok!$A$2:$C$346,3,0)-VLOOKUP(V$1,városok!$A$2:$C$346,3,0))^2)/1000,0)</f>
        <v>106</v>
      </c>
      <c r="W317">
        <f ca="1">ROUND(SQRT((VLOOKUP($A317,városok!$A$2:$C$346,2,0)-VLOOKUP(W$1,városok!$A$2:$C$346,2,0))^2+(VLOOKUP($A317,városok!$A$2:$C$346,3,0)-VLOOKUP(W$1,városok!$A$2:$C$346,3,0))^2)/1000,0)</f>
        <v>135</v>
      </c>
      <c r="X317">
        <f ca="1">ROUND(SQRT((VLOOKUP($A317,városok!$A$2:$C$346,2,0)-VLOOKUP(X$1,városok!$A$2:$C$346,2,0))^2+(VLOOKUP($A317,városok!$A$2:$C$346,3,0)-VLOOKUP(X$1,városok!$A$2:$C$346,3,0))^2)/1000,0)</f>
        <v>106</v>
      </c>
      <c r="Y317">
        <f ca="1">ROUND(SQRT((VLOOKUP($A317,városok!$A$2:$C$346,2,0)-VLOOKUP(Y$1,városok!$A$2:$C$346,2,0))^2+(VLOOKUP($A317,városok!$A$2:$C$346,3,0)-VLOOKUP(Y$1,városok!$A$2:$C$346,3,0))^2)/1000,0)</f>
        <v>72</v>
      </c>
      <c r="Z317">
        <f ca="1">ROUND(SQRT((VLOOKUP($A317,városok!$A$2:$C$346,2,0)-VLOOKUP(Z$1,városok!$A$2:$C$346,2,0))^2+(VLOOKUP($A317,városok!$A$2:$C$346,3,0)-VLOOKUP(Z$1,városok!$A$2:$C$346,3,0))^2)/1000,0)</f>
        <v>64</v>
      </c>
      <c r="AA317">
        <f ca="1">ROUND(SQRT((VLOOKUP($A317,városok!$A$2:$C$346,2,0)-VLOOKUP(AA$1,városok!$A$2:$C$346,2,0))^2+(VLOOKUP($A317,városok!$A$2:$C$346,3,0)-VLOOKUP(AA$1,városok!$A$2:$C$346,3,0))^2)/1000,0)</f>
        <v>55</v>
      </c>
      <c r="AB317">
        <f ca="1">ROUND(SQRT((VLOOKUP($A317,városok!$A$2:$C$346,2,0)-VLOOKUP(AB$1,városok!$A$2:$C$346,2,0))^2+(VLOOKUP($A317,városok!$A$2:$C$346,3,0)-VLOOKUP(AB$1,városok!$A$2:$C$346,3,0))^2)/1000,0)</f>
        <v>356</v>
      </c>
      <c r="AC317">
        <f ca="1">ROUND(SQRT((VLOOKUP($A317,városok!$A$2:$C$346,2,0)-VLOOKUP(AC$1,városok!$A$2:$C$346,2,0))^2+(VLOOKUP($A317,városok!$A$2:$C$346,3,0)-VLOOKUP(AC$1,városok!$A$2:$C$346,3,0))^2)/1000,0)</f>
        <v>338</v>
      </c>
      <c r="AD317">
        <f ca="1">ROUND(SQRT((VLOOKUP($A317,városok!$A$2:$C$346,2,0)-VLOOKUP(AD$1,városok!$A$2:$C$346,2,0))^2+(VLOOKUP($A317,városok!$A$2:$C$346,3,0)-VLOOKUP(AD$1,városok!$A$2:$C$346,3,0))^2)/1000,0)</f>
        <v>320</v>
      </c>
      <c r="AE317">
        <f ca="1">ROUND(SQRT((VLOOKUP($A317,városok!$A$2:$C$346,2,0)-VLOOKUP(AE$1,városok!$A$2:$C$346,2,0))^2+(VLOOKUP($A317,városok!$A$2:$C$346,3,0)-VLOOKUP(AE$1,városok!$A$2:$C$346,3,0))^2)/1000,0)</f>
        <v>320</v>
      </c>
      <c r="AF317">
        <f ca="1">ROUND(SQRT((VLOOKUP($A317,városok!$A$2:$C$346,2,0)-VLOOKUP(AF$1,városok!$A$2:$C$346,2,0))^2+(VLOOKUP($A317,városok!$A$2:$C$346,3,0)-VLOOKUP(AF$1,városok!$A$2:$C$346,3,0))^2)/1000,0)</f>
        <v>269</v>
      </c>
      <c r="AG317">
        <f ca="1">ROUND(SQRT((VLOOKUP($A317,városok!$A$2:$C$346,2,0)-VLOOKUP(AG$1,városok!$A$2:$C$346,2,0))^2+(VLOOKUP($A317,városok!$A$2:$C$346,3,0)-VLOOKUP(AG$1,városok!$A$2:$C$346,3,0))^2)/1000,0)</f>
        <v>233</v>
      </c>
      <c r="AH317">
        <f ca="1">ROUND(SQRT((VLOOKUP($A317,városok!$A$2:$C$346,2,0)-VLOOKUP(AH$1,városok!$A$2:$C$346,2,0))^2+(VLOOKUP($A317,városok!$A$2:$C$346,3,0)-VLOOKUP(AH$1,városok!$A$2:$C$346,3,0))^2)/1000,0)</f>
        <v>212</v>
      </c>
      <c r="AI317">
        <f ca="1">ROUND(SQRT((VLOOKUP($A317,városok!$A$2:$C$346,2,0)-VLOOKUP(AI$1,városok!$A$2:$C$346,2,0))^2+(VLOOKUP($A317,városok!$A$2:$C$346,3,0)-VLOOKUP(AI$1,városok!$A$2:$C$346,3,0))^2)/1000,0)</f>
        <v>252</v>
      </c>
      <c r="AJ317">
        <f ca="1">ROUND(SQRT((VLOOKUP($A317,városok!$A$2:$C$346,2,0)-VLOOKUP(AJ$1,városok!$A$2:$C$346,2,0))^2+(VLOOKUP($A317,városok!$A$2:$C$346,3,0)-VLOOKUP(AJ$1,városok!$A$2:$C$346,3,0))^2)/1000,0)</f>
        <v>234</v>
      </c>
      <c r="AK317">
        <f ca="1">ROUND(SQRT((VLOOKUP($A317,városok!$A$2:$C$346,2,0)-VLOOKUP(AK$1,városok!$A$2:$C$346,2,0))^2+(VLOOKUP($A317,városok!$A$2:$C$346,3,0)-VLOOKUP(AK$1,városok!$A$2:$C$346,3,0))^2)/1000,0)</f>
        <v>306</v>
      </c>
      <c r="AL317">
        <f ca="1">ROUND(SQRT((VLOOKUP($A317,városok!$A$2:$C$346,2,0)-VLOOKUP(AL$1,városok!$A$2:$C$346,2,0))^2+(VLOOKUP($A317,városok!$A$2:$C$346,3,0)-VLOOKUP(AL$1,városok!$A$2:$C$346,3,0))^2)/1000,0)</f>
        <v>280</v>
      </c>
      <c r="AM317">
        <f ca="1">ROUND(SQRT((VLOOKUP($A317,városok!$A$2:$C$346,2,0)-VLOOKUP(AM$1,városok!$A$2:$C$346,2,0))^2+(VLOOKUP($A317,városok!$A$2:$C$346,3,0)-VLOOKUP(AM$1,városok!$A$2:$C$346,3,0))^2)/1000,0)</f>
        <v>246</v>
      </c>
      <c r="AN317">
        <f ca="1">ROUND(SQRT((VLOOKUP($A317,városok!$A$2:$C$346,2,0)-VLOOKUP(AN$1,városok!$A$2:$C$346,2,0))^2+(VLOOKUP($A317,városok!$A$2:$C$346,3,0)-VLOOKUP(AN$1,városok!$A$2:$C$346,3,0))^2)/1000,0)</f>
        <v>149</v>
      </c>
      <c r="AO317">
        <f ca="1">ROUND(SQRT((VLOOKUP($A317,városok!$A$2:$C$346,2,0)-VLOOKUP(AO$1,városok!$A$2:$C$346,2,0))^2+(VLOOKUP($A317,városok!$A$2:$C$346,3,0)-VLOOKUP(AO$1,városok!$A$2:$C$346,3,0))^2)/1000,0)</f>
        <v>105</v>
      </c>
      <c r="AP317">
        <f ca="1">ROUND(SQRT((VLOOKUP($A317,városok!$A$2:$C$346,2,0)-VLOOKUP(AP$1,városok!$A$2:$C$346,2,0))^2+(VLOOKUP($A317,városok!$A$2:$C$346,3,0)-VLOOKUP(AP$1,városok!$A$2:$C$346,3,0))^2)/1000,0)</f>
        <v>114</v>
      </c>
      <c r="AQ317">
        <f ca="1">ROUND(SQRT((VLOOKUP($A317,városok!$A$2:$C$346,2,0)-VLOOKUP(AQ$1,városok!$A$2:$C$346,2,0))^2+(VLOOKUP($A317,városok!$A$2:$C$346,3,0)-VLOOKUP(AQ$1,városok!$A$2:$C$346,3,0))^2)/1000,0)</f>
        <v>117</v>
      </c>
      <c r="AR317">
        <f ca="1">ROUND(SQRT((VLOOKUP($A317,városok!$A$2:$C$346,2,0)-VLOOKUP(AR$1,városok!$A$2:$C$346,2,0))^2+(VLOOKUP($A317,városok!$A$2:$C$346,3,0)-VLOOKUP(AR$1,városok!$A$2:$C$346,3,0))^2)/1000,0)</f>
        <v>221</v>
      </c>
      <c r="AS317">
        <f ca="1">ROUND(SQRT((VLOOKUP($A317,városok!$A$2:$C$346,2,0)-VLOOKUP(AS$1,városok!$A$2:$C$346,2,0))^2+(VLOOKUP($A317,városok!$A$2:$C$346,3,0)-VLOOKUP(AS$1,városok!$A$2:$C$346,3,0))^2)/1000,0)</f>
        <v>236</v>
      </c>
      <c r="AT317">
        <f ca="1">ROUND(SQRT((VLOOKUP($A317,városok!$A$2:$C$346,2,0)-VLOOKUP(AT$1,városok!$A$2:$C$346,2,0))^2+(VLOOKUP($A317,városok!$A$2:$C$346,3,0)-VLOOKUP(AT$1,városok!$A$2:$C$346,3,0))^2)/1000,0)</f>
        <v>144</v>
      </c>
      <c r="AU317">
        <f ca="1">ROUND(SQRT((VLOOKUP($A317,városok!$A$2:$C$346,2,0)-VLOOKUP(AU$1,városok!$A$2:$C$346,2,0))^2+(VLOOKUP($A317,városok!$A$2:$C$346,3,0)-VLOOKUP(AU$1,városok!$A$2:$C$346,3,0))^2)/1000,0)</f>
        <v>155</v>
      </c>
      <c r="AV317">
        <f ca="1">ROUND(SQRT((VLOOKUP($A317,városok!$A$2:$C$346,2,0)-VLOOKUP(AV$1,városok!$A$2:$C$346,2,0))^2+(VLOOKUP($A317,városok!$A$2:$C$346,3,0)-VLOOKUP(AV$1,városok!$A$2:$C$346,3,0))^2)/1000,0)</f>
        <v>153</v>
      </c>
      <c r="AW317">
        <f ca="1">ROUND(SQRT((VLOOKUP($A317,városok!$A$2:$C$346,2,0)-VLOOKUP(AW$1,városok!$A$2:$C$346,2,0))^2+(VLOOKUP($A317,városok!$A$2:$C$346,3,0)-VLOOKUP(AW$1,városok!$A$2:$C$346,3,0))^2)/1000,0)</f>
        <v>150</v>
      </c>
      <c r="AX317">
        <f ca="1">ROUND(SQRT((VLOOKUP($A317,városok!$A$2:$C$346,2,0)-VLOOKUP(AX$1,városok!$A$2:$C$346,2,0))^2+(VLOOKUP($A317,városok!$A$2:$C$346,3,0)-VLOOKUP(AX$1,városok!$A$2:$C$346,3,0))^2)/1000,0)</f>
        <v>217</v>
      </c>
      <c r="AY317">
        <f ca="1">ROUND(SQRT((VLOOKUP($A317,városok!$A$2:$C$346,2,0)-VLOOKUP(AY$1,városok!$A$2:$C$346,2,0))^2+(VLOOKUP($A317,városok!$A$2:$C$346,3,0)-VLOOKUP(AY$1,városok!$A$2:$C$346,3,0))^2)/1000,0)</f>
        <v>167</v>
      </c>
      <c r="AZ317">
        <f ca="1">ROUND(SQRT((VLOOKUP($A317,városok!$A$2:$C$346,2,0)-VLOOKUP(AZ$1,városok!$A$2:$C$346,2,0))^2+(VLOOKUP($A317,városok!$A$2:$C$346,3,0)-VLOOKUP(AZ$1,városok!$A$2:$C$346,3,0))^2)/1000,0)</f>
        <v>164</v>
      </c>
      <c r="BA317">
        <f ca="1">ROUND(SQRT((VLOOKUP($A317,városok!$A$2:$C$346,2,0)-VLOOKUP(BA$1,városok!$A$2:$C$346,2,0))^2+(VLOOKUP($A317,városok!$A$2:$C$346,3,0)-VLOOKUP(BA$1,városok!$A$2:$C$346,3,0))^2)/1000,0)</f>
        <v>79</v>
      </c>
      <c r="BB317">
        <f ca="1">ROUND(SQRT((VLOOKUP($A317,városok!$A$2:$C$346,2,0)-VLOOKUP(BB$1,városok!$A$2:$C$346,2,0))^2+(VLOOKUP($A317,városok!$A$2:$C$346,3,0)-VLOOKUP(BB$1,városok!$A$2:$C$346,3,0))^2)/1000,0)</f>
        <v>111</v>
      </c>
      <c r="BC317">
        <f ca="1">ROUND(SQRT((VLOOKUP($A317,városok!$A$2:$C$346,2,0)-VLOOKUP(BC$1,városok!$A$2:$C$346,2,0))^2+(VLOOKUP($A317,városok!$A$2:$C$346,3,0)-VLOOKUP(BC$1,városok!$A$2:$C$346,3,0))^2)/1000,0)</f>
        <v>120</v>
      </c>
      <c r="BD317">
        <f ca="1">ROUND(SQRT((VLOOKUP($A317,városok!$A$2:$C$346,2,0)-VLOOKUP(BD$1,városok!$A$2:$C$346,2,0))^2+(VLOOKUP($A317,városok!$A$2:$C$346,3,0)-VLOOKUP(BD$1,városok!$A$2:$C$346,3,0))^2)/1000,0)</f>
        <v>94</v>
      </c>
      <c r="BE317">
        <f ca="1">ROUND(SQRT((VLOOKUP($A317,városok!$A$2:$C$346,2,0)-VLOOKUP(BE$1,városok!$A$2:$C$346,2,0))^2+(VLOOKUP($A317,városok!$A$2:$C$346,3,0)-VLOOKUP(BE$1,városok!$A$2:$C$346,3,0))^2)/1000,0)</f>
        <v>437</v>
      </c>
      <c r="BF317">
        <f ca="1">ROUND(SQRT((VLOOKUP($A317,városok!$A$2:$C$346,2,0)-VLOOKUP(BF$1,városok!$A$2:$C$346,2,0))^2+(VLOOKUP($A317,városok!$A$2:$C$346,3,0)-VLOOKUP(BF$1,városok!$A$2:$C$346,3,0))^2)/1000,0)</f>
        <v>400</v>
      </c>
      <c r="BG317">
        <f ca="1">ROUND(SQRT((VLOOKUP($A317,városok!$A$2:$C$346,2,0)-VLOOKUP(BG$1,városok!$A$2:$C$346,2,0))^2+(VLOOKUP($A317,városok!$A$2:$C$346,3,0)-VLOOKUP(BG$1,városok!$A$2:$C$346,3,0))^2)/1000,0)</f>
        <v>354</v>
      </c>
      <c r="BH317">
        <f ca="1">ROUND(SQRT((VLOOKUP($A317,városok!$A$2:$C$346,2,0)-VLOOKUP(BH$1,városok!$A$2:$C$346,2,0))^2+(VLOOKUP($A317,városok!$A$2:$C$346,3,0)-VLOOKUP(BH$1,városok!$A$2:$C$346,3,0))^2)/1000,0)</f>
        <v>353</v>
      </c>
      <c r="BI317">
        <f ca="1">ROUND(SQRT((VLOOKUP($A317,városok!$A$2:$C$346,2,0)-VLOOKUP(BI$1,városok!$A$2:$C$346,2,0))^2+(VLOOKUP($A317,városok!$A$2:$C$346,3,0)-VLOOKUP(BI$1,városok!$A$2:$C$346,3,0))^2)/1000,0)</f>
        <v>160</v>
      </c>
      <c r="BJ317">
        <f ca="1">ROUND(SQRT((VLOOKUP($A317,városok!$A$2:$C$346,2,0)-VLOOKUP(BJ$1,városok!$A$2:$C$346,2,0))^2+(VLOOKUP($A317,városok!$A$2:$C$346,3,0)-VLOOKUP(BJ$1,városok!$A$2:$C$346,3,0))^2)/1000,0)</f>
        <v>159</v>
      </c>
      <c r="BK317">
        <f ca="1">ROUND(SQRT((VLOOKUP($A317,városok!$A$2:$C$346,2,0)-VLOOKUP(BK$1,városok!$A$2:$C$346,2,0))^2+(VLOOKUP($A317,városok!$A$2:$C$346,3,0)-VLOOKUP(BK$1,városok!$A$2:$C$346,3,0))^2)/1000,0)</f>
        <v>168</v>
      </c>
      <c r="BL317">
        <f ca="1">ROUND(SQRT((VLOOKUP($A317,városok!$A$2:$C$346,2,0)-VLOOKUP(BL$1,városok!$A$2:$C$346,2,0))^2+(VLOOKUP($A317,városok!$A$2:$C$346,3,0)-VLOOKUP(BL$1,városok!$A$2:$C$346,3,0))^2)/1000,0)</f>
        <v>37</v>
      </c>
      <c r="BM317">
        <f ca="1">ROUND(SQRT((VLOOKUP($A317,városok!$A$2:$C$346,2,0)-VLOOKUP(BM$1,városok!$A$2:$C$346,2,0))^2+(VLOOKUP($A317,városok!$A$2:$C$346,3,0)-VLOOKUP(BM$1,városok!$A$2:$C$346,3,0))^2)/1000,0)</f>
        <v>0</v>
      </c>
      <c r="BN317">
        <f ca="1">ROUND(SQRT((VLOOKUP($A317,városok!$A$2:$C$346,2,0)-VLOOKUP(BN$1,városok!$A$2:$C$346,2,0))^2+(VLOOKUP($A317,városok!$A$2:$C$346,3,0)-VLOOKUP(BN$1,városok!$A$2:$C$346,3,0))^2)/1000,0)</f>
        <v>24</v>
      </c>
      <c r="BO317">
        <f ca="1">ROUND(SQRT((VLOOKUP($A317,városok!$A$2:$C$346,2,0)-VLOOKUP(BO$1,városok!$A$2:$C$346,2,0))^2+(VLOOKUP($A317,városok!$A$2:$C$346,3,0)-VLOOKUP(BO$1,városok!$A$2:$C$346,3,0))^2)/1000,0)</f>
        <v>86</v>
      </c>
      <c r="BP317">
        <f ca="1">ROUND(SQRT((VLOOKUP($A317,városok!$A$2:$C$346,2,0)-VLOOKUP(BP$1,városok!$A$2:$C$346,2,0))^2+(VLOOKUP($A317,városok!$A$2:$C$346,3,0)-VLOOKUP(BP$1,városok!$A$2:$C$346,3,0))^2)/1000,0)</f>
        <v>92</v>
      </c>
      <c r="BQ317">
        <f ca="1">ROUND(SQRT((VLOOKUP($A317,városok!$A$2:$C$346,2,0)-VLOOKUP(BQ$1,városok!$A$2:$C$346,2,0))^2+(VLOOKUP($A317,városok!$A$2:$C$346,3,0)-VLOOKUP(BQ$1,városok!$A$2:$C$346,3,0))^2)/1000,0)</f>
        <v>76</v>
      </c>
      <c r="BR317">
        <f ca="1">ROUND(SQRT((VLOOKUP($A317,városok!$A$2:$C$346,2,0)-VLOOKUP(BR$1,városok!$A$2:$C$346,2,0))^2+(VLOOKUP($A317,városok!$A$2:$C$346,3,0)-VLOOKUP(BR$1,városok!$A$2:$C$346,3,0))^2)/1000,0)</f>
        <v>59</v>
      </c>
      <c r="BS317">
        <f ca="1">ROUND(SQRT((VLOOKUP($A317,városok!$A$2:$C$346,2,0)-VLOOKUP(BS$1,városok!$A$2:$C$346,2,0))^2+(VLOOKUP($A317,városok!$A$2:$C$346,3,0)-VLOOKUP(BS$1,városok!$A$2:$C$346,3,0))^2)/1000,0)</f>
        <v>90</v>
      </c>
      <c r="BT317">
        <f ca="1">ROUND(SQRT((VLOOKUP($A317,városok!$A$2:$C$346,2,0)-VLOOKUP(BT$1,városok!$A$2:$C$346,2,0))^2+(VLOOKUP($A317,városok!$A$2:$C$346,3,0)-VLOOKUP(BT$1,városok!$A$2:$C$346,3,0))^2)/1000,0)</f>
        <v>47</v>
      </c>
    </row>
    <row r="318" spans="1:72" x14ac:dyDescent="0.2">
      <c r="A318" t="str">
        <f>városok!A318</f>
        <v>Szentgotthárd</v>
      </c>
      <c r="B318">
        <f ca="1">ROUND(SQRT((VLOOKUP($A318,városok!$A$2:$C$346,2,0)-VLOOKUP(B$1,városok!$A$2:$C$346,2,0))^2+(VLOOKUP($A318,városok!$A$2:$C$346,3,0)-VLOOKUP(B$1,városok!$A$2:$C$346,3,0))^2)/1000,0)</f>
        <v>222</v>
      </c>
      <c r="C318">
        <f ca="1">ROUND(SQRT((VLOOKUP($A318,városok!$A$2:$C$346,2,0)-VLOOKUP(C$1,városok!$A$2:$C$346,2,0))^2+(VLOOKUP($A318,városok!$A$2:$C$346,3,0)-VLOOKUP(C$1,városok!$A$2:$C$346,3,0))^2)/1000,0)</f>
        <v>212</v>
      </c>
      <c r="D318">
        <f ca="1">ROUND(SQRT((VLOOKUP($A318,városok!$A$2:$C$346,2,0)-VLOOKUP(D$1,városok!$A$2:$C$346,2,0))^2+(VLOOKUP($A318,városok!$A$2:$C$346,3,0)-VLOOKUP(D$1,városok!$A$2:$C$346,3,0))^2)/1000,0)</f>
        <v>260</v>
      </c>
      <c r="E318">
        <f ca="1">ROUND(SQRT((VLOOKUP($A318,városok!$A$2:$C$346,2,0)-VLOOKUP(E$1,városok!$A$2:$C$346,2,0))^2+(VLOOKUP($A318,városok!$A$2:$C$346,3,0)-VLOOKUP(E$1,városok!$A$2:$C$346,3,0))^2)/1000,0)</f>
        <v>174</v>
      </c>
      <c r="F318">
        <f ca="1">ROUND(SQRT((VLOOKUP($A318,városok!$A$2:$C$346,2,0)-VLOOKUP(F$1,városok!$A$2:$C$346,2,0))^2+(VLOOKUP($A318,városok!$A$2:$C$346,3,0)-VLOOKUP(F$1,városok!$A$2:$C$346,3,0))^2)/1000,0)</f>
        <v>213</v>
      </c>
      <c r="G318">
        <f ca="1">ROUND(SQRT((VLOOKUP($A318,városok!$A$2:$C$346,2,0)-VLOOKUP(G$1,városok!$A$2:$C$346,2,0))^2+(VLOOKUP($A318,városok!$A$2:$C$346,3,0)-VLOOKUP(G$1,városok!$A$2:$C$346,3,0))^2)/1000,0)</f>
        <v>179</v>
      </c>
      <c r="H318">
        <f ca="1">ROUND(SQRT((VLOOKUP($A318,városok!$A$2:$C$346,2,0)-VLOOKUP(H$1,városok!$A$2:$C$346,2,0))^2+(VLOOKUP($A318,városok!$A$2:$C$346,3,0)-VLOOKUP(H$1,városok!$A$2:$C$346,3,0))^2)/1000,0)</f>
        <v>154</v>
      </c>
      <c r="I318">
        <f ca="1">ROUND(SQRT((VLOOKUP($A318,városok!$A$2:$C$346,2,0)-VLOOKUP(I$1,városok!$A$2:$C$346,2,0))^2+(VLOOKUP($A318,városok!$A$2:$C$346,3,0)-VLOOKUP(I$1,városok!$A$2:$C$346,3,0))^2)/1000,0)</f>
        <v>368</v>
      </c>
      <c r="J318">
        <f ca="1">ROUND(SQRT((VLOOKUP($A318,városok!$A$2:$C$346,2,0)-VLOOKUP(J$1,városok!$A$2:$C$346,2,0))^2+(VLOOKUP($A318,városok!$A$2:$C$346,3,0)-VLOOKUP(J$1,városok!$A$2:$C$346,3,0))^2)/1000,0)</f>
        <v>383</v>
      </c>
      <c r="K318">
        <f ca="1">ROUND(SQRT((VLOOKUP($A318,városok!$A$2:$C$346,2,0)-VLOOKUP(K$1,városok!$A$2:$C$346,2,0))^2+(VLOOKUP($A318,városok!$A$2:$C$346,3,0)-VLOOKUP(K$1,városok!$A$2:$C$346,3,0))^2)/1000,0)</f>
        <v>338</v>
      </c>
      <c r="L318">
        <f ca="1">ROUND(SQRT((VLOOKUP($A318,városok!$A$2:$C$346,2,0)-VLOOKUP(L$1,városok!$A$2:$C$346,2,0))^2+(VLOOKUP($A318,városok!$A$2:$C$346,3,0)-VLOOKUP(L$1,városok!$A$2:$C$346,3,0))^2)/1000,0)</f>
        <v>358</v>
      </c>
      <c r="M318">
        <f ca="1">ROUND(SQRT((VLOOKUP($A318,városok!$A$2:$C$346,2,0)-VLOOKUP(M$1,városok!$A$2:$C$346,2,0))^2+(VLOOKUP($A318,városok!$A$2:$C$346,3,0)-VLOOKUP(M$1,városok!$A$2:$C$346,3,0))^2)/1000,0)</f>
        <v>363</v>
      </c>
      <c r="N318">
        <f ca="1">ROUND(SQRT((VLOOKUP($A318,városok!$A$2:$C$346,2,0)-VLOOKUP(N$1,városok!$A$2:$C$346,2,0))^2+(VLOOKUP($A318,városok!$A$2:$C$346,3,0)-VLOOKUP(N$1,városok!$A$2:$C$346,3,0))^2)/1000,0)</f>
        <v>333</v>
      </c>
      <c r="O318">
        <f ca="1">ROUND(SQRT((VLOOKUP($A318,városok!$A$2:$C$346,2,0)-VLOOKUP(O$1,városok!$A$2:$C$346,2,0))^2+(VLOOKUP($A318,városok!$A$2:$C$346,3,0)-VLOOKUP(O$1,városok!$A$2:$C$346,3,0))^2)/1000,0)</f>
        <v>434</v>
      </c>
      <c r="P318">
        <f ca="1">ROUND(SQRT((VLOOKUP($A318,városok!$A$2:$C$346,2,0)-VLOOKUP(P$1,városok!$A$2:$C$346,2,0))^2+(VLOOKUP($A318,városok!$A$2:$C$346,3,0)-VLOOKUP(P$1,városok!$A$2:$C$346,3,0))^2)/1000,0)</f>
        <v>434</v>
      </c>
      <c r="Q318">
        <f ca="1">ROUND(SQRT((VLOOKUP($A318,városok!$A$2:$C$346,2,0)-VLOOKUP(Q$1,városok!$A$2:$C$346,2,0))^2+(VLOOKUP($A318,városok!$A$2:$C$346,3,0)-VLOOKUP(Q$1,városok!$A$2:$C$346,3,0))^2)/1000,0)</f>
        <v>315</v>
      </c>
      <c r="R318">
        <f ca="1">ROUND(SQRT((VLOOKUP($A318,városok!$A$2:$C$346,2,0)-VLOOKUP(R$1,városok!$A$2:$C$346,2,0))^2+(VLOOKUP($A318,városok!$A$2:$C$346,3,0)-VLOOKUP(R$1,városok!$A$2:$C$346,3,0))^2)/1000,0)</f>
        <v>332</v>
      </c>
      <c r="S318">
        <f ca="1">ROUND(SQRT((VLOOKUP($A318,városok!$A$2:$C$346,2,0)-VLOOKUP(S$1,városok!$A$2:$C$346,2,0))^2+(VLOOKUP($A318,városok!$A$2:$C$346,3,0)-VLOOKUP(S$1,városok!$A$2:$C$346,3,0))^2)/1000,0)</f>
        <v>307</v>
      </c>
      <c r="T318">
        <f ca="1">ROUND(SQRT((VLOOKUP($A318,városok!$A$2:$C$346,2,0)-VLOOKUP(T$1,városok!$A$2:$C$346,2,0))^2+(VLOOKUP($A318,városok!$A$2:$C$346,3,0)-VLOOKUP(T$1,városok!$A$2:$C$346,3,0))^2)/1000,0)</f>
        <v>188</v>
      </c>
      <c r="U318">
        <f ca="1">ROUND(SQRT((VLOOKUP($A318,városok!$A$2:$C$346,2,0)-VLOOKUP(U$1,városok!$A$2:$C$346,2,0))^2+(VLOOKUP($A318,városok!$A$2:$C$346,3,0)-VLOOKUP(U$1,városok!$A$2:$C$346,3,0))^2)/1000,0)</f>
        <v>202</v>
      </c>
      <c r="V318">
        <f ca="1">ROUND(SQRT((VLOOKUP($A318,városok!$A$2:$C$346,2,0)-VLOOKUP(V$1,városok!$A$2:$C$346,2,0))^2+(VLOOKUP($A318,városok!$A$2:$C$346,3,0)-VLOOKUP(V$1,városok!$A$2:$C$346,3,0))^2)/1000,0)</f>
        <v>154</v>
      </c>
      <c r="W318">
        <f ca="1">ROUND(SQRT((VLOOKUP($A318,városok!$A$2:$C$346,2,0)-VLOOKUP(W$1,városok!$A$2:$C$346,2,0))^2+(VLOOKUP($A318,városok!$A$2:$C$346,3,0)-VLOOKUP(W$1,városok!$A$2:$C$346,3,0))^2)/1000,0)</f>
        <v>179</v>
      </c>
      <c r="X318">
        <f ca="1">ROUND(SQRT((VLOOKUP($A318,városok!$A$2:$C$346,2,0)-VLOOKUP(X$1,városok!$A$2:$C$346,2,0))^2+(VLOOKUP($A318,városok!$A$2:$C$346,3,0)-VLOOKUP(X$1,városok!$A$2:$C$346,3,0))^2)/1000,0)</f>
        <v>160</v>
      </c>
      <c r="Y318">
        <f ca="1">ROUND(SQRT((VLOOKUP($A318,városok!$A$2:$C$346,2,0)-VLOOKUP(Y$1,városok!$A$2:$C$346,2,0))^2+(VLOOKUP($A318,városok!$A$2:$C$346,3,0)-VLOOKUP(Y$1,városok!$A$2:$C$346,3,0))^2)/1000,0)</f>
        <v>131</v>
      </c>
      <c r="Z318">
        <f ca="1">ROUND(SQRT((VLOOKUP($A318,városok!$A$2:$C$346,2,0)-VLOOKUP(Z$1,városok!$A$2:$C$346,2,0))^2+(VLOOKUP($A318,városok!$A$2:$C$346,3,0)-VLOOKUP(Z$1,városok!$A$2:$C$346,3,0))^2)/1000,0)</f>
        <v>121</v>
      </c>
      <c r="AA318">
        <f ca="1">ROUND(SQRT((VLOOKUP($A318,városok!$A$2:$C$346,2,0)-VLOOKUP(AA$1,városok!$A$2:$C$346,2,0))^2+(VLOOKUP($A318,városok!$A$2:$C$346,3,0)-VLOOKUP(AA$1,városok!$A$2:$C$346,3,0))^2)/1000,0)</f>
        <v>85</v>
      </c>
      <c r="AB318">
        <f ca="1">ROUND(SQRT((VLOOKUP($A318,városok!$A$2:$C$346,2,0)-VLOOKUP(AB$1,városok!$A$2:$C$346,2,0))^2+(VLOOKUP($A318,városok!$A$2:$C$346,3,0)-VLOOKUP(AB$1,városok!$A$2:$C$346,3,0))^2)/1000,0)</f>
        <v>410</v>
      </c>
      <c r="AC318">
        <f ca="1">ROUND(SQRT((VLOOKUP($A318,városok!$A$2:$C$346,2,0)-VLOOKUP(AC$1,városok!$A$2:$C$346,2,0))^2+(VLOOKUP($A318,városok!$A$2:$C$346,3,0)-VLOOKUP(AC$1,városok!$A$2:$C$346,3,0))^2)/1000,0)</f>
        <v>391</v>
      </c>
      <c r="AD318">
        <f ca="1">ROUND(SQRT((VLOOKUP($A318,városok!$A$2:$C$346,2,0)-VLOOKUP(AD$1,városok!$A$2:$C$346,2,0))^2+(VLOOKUP($A318,városok!$A$2:$C$346,3,0)-VLOOKUP(AD$1,városok!$A$2:$C$346,3,0))^2)/1000,0)</f>
        <v>374</v>
      </c>
      <c r="AE318">
        <f ca="1">ROUND(SQRT((VLOOKUP($A318,városok!$A$2:$C$346,2,0)-VLOOKUP(AE$1,városok!$A$2:$C$346,2,0))^2+(VLOOKUP($A318,városok!$A$2:$C$346,3,0)-VLOOKUP(AE$1,városok!$A$2:$C$346,3,0))^2)/1000,0)</f>
        <v>373</v>
      </c>
      <c r="AF318">
        <f ca="1">ROUND(SQRT((VLOOKUP($A318,városok!$A$2:$C$346,2,0)-VLOOKUP(AF$1,városok!$A$2:$C$346,2,0))^2+(VLOOKUP($A318,városok!$A$2:$C$346,3,0)-VLOOKUP(AF$1,városok!$A$2:$C$346,3,0))^2)/1000,0)</f>
        <v>327</v>
      </c>
      <c r="AG318">
        <f ca="1">ROUND(SQRT((VLOOKUP($A318,városok!$A$2:$C$346,2,0)-VLOOKUP(AG$1,városok!$A$2:$C$346,2,0))^2+(VLOOKUP($A318,városok!$A$2:$C$346,3,0)-VLOOKUP(AG$1,városok!$A$2:$C$346,3,0))^2)/1000,0)</f>
        <v>290</v>
      </c>
      <c r="AH318">
        <f ca="1">ROUND(SQRT((VLOOKUP($A318,városok!$A$2:$C$346,2,0)-VLOOKUP(AH$1,városok!$A$2:$C$346,2,0))^2+(VLOOKUP($A318,városok!$A$2:$C$346,3,0)-VLOOKUP(AH$1,városok!$A$2:$C$346,3,0))^2)/1000,0)</f>
        <v>269</v>
      </c>
      <c r="AI318">
        <f ca="1">ROUND(SQRT((VLOOKUP($A318,városok!$A$2:$C$346,2,0)-VLOOKUP(AI$1,városok!$A$2:$C$346,2,0))^2+(VLOOKUP($A318,városok!$A$2:$C$346,3,0)-VLOOKUP(AI$1,városok!$A$2:$C$346,3,0))^2)/1000,0)</f>
        <v>311</v>
      </c>
      <c r="AJ318">
        <f ca="1">ROUND(SQRT((VLOOKUP($A318,városok!$A$2:$C$346,2,0)-VLOOKUP(AJ$1,városok!$A$2:$C$346,2,0))^2+(VLOOKUP($A318,városok!$A$2:$C$346,3,0)-VLOOKUP(AJ$1,városok!$A$2:$C$346,3,0))^2)/1000,0)</f>
        <v>290</v>
      </c>
      <c r="AK318">
        <f ca="1">ROUND(SQRT((VLOOKUP($A318,városok!$A$2:$C$346,2,0)-VLOOKUP(AK$1,városok!$A$2:$C$346,2,0))^2+(VLOOKUP($A318,városok!$A$2:$C$346,3,0)-VLOOKUP(AK$1,városok!$A$2:$C$346,3,0))^2)/1000,0)</f>
        <v>358</v>
      </c>
      <c r="AL318">
        <f ca="1">ROUND(SQRT((VLOOKUP($A318,városok!$A$2:$C$346,2,0)-VLOOKUP(AL$1,városok!$A$2:$C$346,2,0))^2+(VLOOKUP($A318,városok!$A$2:$C$346,3,0)-VLOOKUP(AL$1,városok!$A$2:$C$346,3,0))^2)/1000,0)</f>
        <v>333</v>
      </c>
      <c r="AM318">
        <f ca="1">ROUND(SQRT((VLOOKUP($A318,városok!$A$2:$C$346,2,0)-VLOOKUP(AM$1,városok!$A$2:$C$346,2,0))^2+(VLOOKUP($A318,városok!$A$2:$C$346,3,0)-VLOOKUP(AM$1,városok!$A$2:$C$346,3,0))^2)/1000,0)</f>
        <v>298</v>
      </c>
      <c r="AN318">
        <f ca="1">ROUND(SQRT((VLOOKUP($A318,városok!$A$2:$C$346,2,0)-VLOOKUP(AN$1,városok!$A$2:$C$346,2,0))^2+(VLOOKUP($A318,városok!$A$2:$C$346,3,0)-VLOOKUP(AN$1,városok!$A$2:$C$346,3,0))^2)/1000,0)</f>
        <v>208</v>
      </c>
      <c r="AO318">
        <f ca="1">ROUND(SQRT((VLOOKUP($A318,városok!$A$2:$C$346,2,0)-VLOOKUP(AO$1,városok!$A$2:$C$346,2,0))^2+(VLOOKUP($A318,városok!$A$2:$C$346,3,0)-VLOOKUP(AO$1,városok!$A$2:$C$346,3,0))^2)/1000,0)</f>
        <v>165</v>
      </c>
      <c r="AP318">
        <f ca="1">ROUND(SQRT((VLOOKUP($A318,városok!$A$2:$C$346,2,0)-VLOOKUP(AP$1,városok!$A$2:$C$346,2,0))^2+(VLOOKUP($A318,városok!$A$2:$C$346,3,0)-VLOOKUP(AP$1,városok!$A$2:$C$346,3,0))^2)/1000,0)</f>
        <v>173</v>
      </c>
      <c r="AQ318">
        <f ca="1">ROUND(SQRT((VLOOKUP($A318,városok!$A$2:$C$346,2,0)-VLOOKUP(AQ$1,városok!$A$2:$C$346,2,0))^2+(VLOOKUP($A318,városok!$A$2:$C$346,3,0)-VLOOKUP(AQ$1,városok!$A$2:$C$346,3,0))^2)/1000,0)</f>
        <v>175</v>
      </c>
      <c r="AR318">
        <f ca="1">ROUND(SQRT((VLOOKUP($A318,városok!$A$2:$C$346,2,0)-VLOOKUP(AR$1,városok!$A$2:$C$346,2,0))^2+(VLOOKUP($A318,városok!$A$2:$C$346,3,0)-VLOOKUP(AR$1,városok!$A$2:$C$346,3,0))^2)/1000,0)</f>
        <v>279</v>
      </c>
      <c r="AS318">
        <f ca="1">ROUND(SQRT((VLOOKUP($A318,városok!$A$2:$C$346,2,0)-VLOOKUP(AS$1,városok!$A$2:$C$346,2,0))^2+(VLOOKUP($A318,városok!$A$2:$C$346,3,0)-VLOOKUP(AS$1,városok!$A$2:$C$346,3,0))^2)/1000,0)</f>
        <v>296</v>
      </c>
      <c r="AT318">
        <f ca="1">ROUND(SQRT((VLOOKUP($A318,városok!$A$2:$C$346,2,0)-VLOOKUP(AT$1,városok!$A$2:$C$346,2,0))^2+(VLOOKUP($A318,városok!$A$2:$C$346,3,0)-VLOOKUP(AT$1,városok!$A$2:$C$346,3,0))^2)/1000,0)</f>
        <v>201</v>
      </c>
      <c r="AU318">
        <f ca="1">ROUND(SQRT((VLOOKUP($A318,városok!$A$2:$C$346,2,0)-VLOOKUP(AU$1,városok!$A$2:$C$346,2,0))^2+(VLOOKUP($A318,városok!$A$2:$C$346,3,0)-VLOOKUP(AU$1,városok!$A$2:$C$346,3,0))^2)/1000,0)</f>
        <v>211</v>
      </c>
      <c r="AV318">
        <f ca="1">ROUND(SQRT((VLOOKUP($A318,városok!$A$2:$C$346,2,0)-VLOOKUP(AV$1,városok!$A$2:$C$346,2,0))^2+(VLOOKUP($A318,városok!$A$2:$C$346,3,0)-VLOOKUP(AV$1,városok!$A$2:$C$346,3,0))^2)/1000,0)</f>
        <v>209</v>
      </c>
      <c r="AW318">
        <f ca="1">ROUND(SQRT((VLOOKUP($A318,városok!$A$2:$C$346,2,0)-VLOOKUP(AW$1,városok!$A$2:$C$346,2,0))^2+(VLOOKUP($A318,városok!$A$2:$C$346,3,0)-VLOOKUP(AW$1,városok!$A$2:$C$346,3,0))^2)/1000,0)</f>
        <v>205</v>
      </c>
      <c r="AX318">
        <f ca="1">ROUND(SQRT((VLOOKUP($A318,városok!$A$2:$C$346,2,0)-VLOOKUP(AX$1,városok!$A$2:$C$346,2,0))^2+(VLOOKUP($A318,városok!$A$2:$C$346,3,0)-VLOOKUP(AX$1,városok!$A$2:$C$346,3,0))^2)/1000,0)</f>
        <v>266</v>
      </c>
      <c r="AY318">
        <f ca="1">ROUND(SQRT((VLOOKUP($A318,városok!$A$2:$C$346,2,0)-VLOOKUP(AY$1,városok!$A$2:$C$346,2,0))^2+(VLOOKUP($A318,városok!$A$2:$C$346,3,0)-VLOOKUP(AY$1,városok!$A$2:$C$346,3,0))^2)/1000,0)</f>
        <v>226</v>
      </c>
      <c r="AZ318">
        <f ca="1">ROUND(SQRT((VLOOKUP($A318,városok!$A$2:$C$346,2,0)-VLOOKUP(AZ$1,városok!$A$2:$C$346,2,0))^2+(VLOOKUP($A318,városok!$A$2:$C$346,3,0)-VLOOKUP(AZ$1,városok!$A$2:$C$346,3,0))^2)/1000,0)</f>
        <v>223</v>
      </c>
      <c r="BA318">
        <f ca="1">ROUND(SQRT((VLOOKUP($A318,városok!$A$2:$C$346,2,0)-VLOOKUP(BA$1,városok!$A$2:$C$346,2,0))^2+(VLOOKUP($A318,városok!$A$2:$C$346,3,0)-VLOOKUP(BA$1,városok!$A$2:$C$346,3,0))^2)/1000,0)</f>
        <v>110</v>
      </c>
      <c r="BB318">
        <f ca="1">ROUND(SQRT((VLOOKUP($A318,városok!$A$2:$C$346,2,0)-VLOOKUP(BB$1,városok!$A$2:$C$346,2,0))^2+(VLOOKUP($A318,városok!$A$2:$C$346,3,0)-VLOOKUP(BB$1,városok!$A$2:$C$346,3,0))^2)/1000,0)</f>
        <v>135</v>
      </c>
      <c r="BC318">
        <f ca="1">ROUND(SQRT((VLOOKUP($A318,városok!$A$2:$C$346,2,0)-VLOOKUP(BC$1,városok!$A$2:$C$346,2,0))^2+(VLOOKUP($A318,városok!$A$2:$C$346,3,0)-VLOOKUP(BC$1,városok!$A$2:$C$346,3,0))^2)/1000,0)</f>
        <v>134</v>
      </c>
      <c r="BD318">
        <f ca="1">ROUND(SQRT((VLOOKUP($A318,városok!$A$2:$C$346,2,0)-VLOOKUP(BD$1,városok!$A$2:$C$346,2,0))^2+(VLOOKUP($A318,városok!$A$2:$C$346,3,0)-VLOOKUP(BD$1,városok!$A$2:$C$346,3,0))^2)/1000,0)</f>
        <v>136</v>
      </c>
      <c r="BE318">
        <f ca="1">ROUND(SQRT((VLOOKUP($A318,városok!$A$2:$C$346,2,0)-VLOOKUP(BE$1,városok!$A$2:$C$346,2,0))^2+(VLOOKUP($A318,városok!$A$2:$C$346,3,0)-VLOOKUP(BE$1,városok!$A$2:$C$346,3,0))^2)/1000,0)</f>
        <v>492</v>
      </c>
      <c r="BF318">
        <f ca="1">ROUND(SQRT((VLOOKUP($A318,városok!$A$2:$C$346,2,0)-VLOOKUP(BF$1,városok!$A$2:$C$346,2,0))^2+(VLOOKUP($A318,városok!$A$2:$C$346,3,0)-VLOOKUP(BF$1,városok!$A$2:$C$346,3,0))^2)/1000,0)</f>
        <v>458</v>
      </c>
      <c r="BG318">
        <f ca="1">ROUND(SQRT((VLOOKUP($A318,városok!$A$2:$C$346,2,0)-VLOOKUP(BG$1,városok!$A$2:$C$346,2,0))^2+(VLOOKUP($A318,városok!$A$2:$C$346,3,0)-VLOOKUP(BG$1,városok!$A$2:$C$346,3,0))^2)/1000,0)</f>
        <v>412</v>
      </c>
      <c r="BH318">
        <f ca="1">ROUND(SQRT((VLOOKUP($A318,városok!$A$2:$C$346,2,0)-VLOOKUP(BH$1,városok!$A$2:$C$346,2,0))^2+(VLOOKUP($A318,városok!$A$2:$C$346,3,0)-VLOOKUP(BH$1,városok!$A$2:$C$346,3,0))^2)/1000,0)</f>
        <v>411</v>
      </c>
      <c r="BI318">
        <f ca="1">ROUND(SQRT((VLOOKUP($A318,városok!$A$2:$C$346,2,0)-VLOOKUP(BI$1,városok!$A$2:$C$346,2,0))^2+(VLOOKUP($A318,városok!$A$2:$C$346,3,0)-VLOOKUP(BI$1,városok!$A$2:$C$346,3,0))^2)/1000,0)</f>
        <v>189</v>
      </c>
      <c r="BJ318">
        <f ca="1">ROUND(SQRT((VLOOKUP($A318,városok!$A$2:$C$346,2,0)-VLOOKUP(BJ$1,városok!$A$2:$C$346,2,0))^2+(VLOOKUP($A318,városok!$A$2:$C$346,3,0)-VLOOKUP(BJ$1,városok!$A$2:$C$346,3,0))^2)/1000,0)</f>
        <v>183</v>
      </c>
      <c r="BK318">
        <f ca="1">ROUND(SQRT((VLOOKUP($A318,városok!$A$2:$C$346,2,0)-VLOOKUP(BK$1,városok!$A$2:$C$346,2,0))^2+(VLOOKUP($A318,városok!$A$2:$C$346,3,0)-VLOOKUP(BK$1,városok!$A$2:$C$346,3,0))^2)/1000,0)</f>
        <v>197</v>
      </c>
      <c r="BL318">
        <f ca="1">ROUND(SQRT((VLOOKUP($A318,városok!$A$2:$C$346,2,0)-VLOOKUP(BL$1,városok!$A$2:$C$346,2,0))^2+(VLOOKUP($A318,városok!$A$2:$C$346,3,0)-VLOOKUP(BL$1,városok!$A$2:$C$346,3,0))^2)/1000,0)</f>
        <v>26</v>
      </c>
      <c r="BM318">
        <f ca="1">ROUND(SQRT((VLOOKUP($A318,városok!$A$2:$C$346,2,0)-VLOOKUP(BM$1,városok!$A$2:$C$346,2,0))^2+(VLOOKUP($A318,városok!$A$2:$C$346,3,0)-VLOOKUP(BM$1,városok!$A$2:$C$346,3,0))^2)/1000,0)</f>
        <v>60</v>
      </c>
      <c r="BN318">
        <f ca="1">ROUND(SQRT((VLOOKUP($A318,városok!$A$2:$C$346,2,0)-VLOOKUP(BN$1,városok!$A$2:$C$346,2,0))^2+(VLOOKUP($A318,városok!$A$2:$C$346,3,0)-VLOOKUP(BN$1,városok!$A$2:$C$346,3,0))^2)/1000,0)</f>
        <v>41</v>
      </c>
      <c r="BO318">
        <f ca="1">ROUND(SQRT((VLOOKUP($A318,városok!$A$2:$C$346,2,0)-VLOOKUP(BO$1,városok!$A$2:$C$346,2,0))^2+(VLOOKUP($A318,városok!$A$2:$C$346,3,0)-VLOOKUP(BO$1,városok!$A$2:$C$346,3,0))^2)/1000,0)</f>
        <v>132</v>
      </c>
      <c r="BP318">
        <f ca="1">ROUND(SQRT((VLOOKUP($A318,városok!$A$2:$C$346,2,0)-VLOOKUP(BP$1,városok!$A$2:$C$346,2,0))^2+(VLOOKUP($A318,városok!$A$2:$C$346,3,0)-VLOOKUP(BP$1,városok!$A$2:$C$346,3,0))^2)/1000,0)</f>
        <v>140</v>
      </c>
      <c r="BQ318">
        <f ca="1">ROUND(SQRT((VLOOKUP($A318,városok!$A$2:$C$346,2,0)-VLOOKUP(BQ$1,városok!$A$2:$C$346,2,0))^2+(VLOOKUP($A318,városok!$A$2:$C$346,3,0)-VLOOKUP(BQ$1,városok!$A$2:$C$346,3,0))^2)/1000,0)</f>
        <v>125</v>
      </c>
      <c r="BR318">
        <f ca="1">ROUND(SQRT((VLOOKUP($A318,városok!$A$2:$C$346,2,0)-VLOOKUP(BR$1,városok!$A$2:$C$346,2,0))^2+(VLOOKUP($A318,városok!$A$2:$C$346,3,0)-VLOOKUP(BR$1,városok!$A$2:$C$346,3,0))^2)/1000,0)</f>
        <v>77</v>
      </c>
      <c r="BS318">
        <f ca="1">ROUND(SQRT((VLOOKUP($A318,városok!$A$2:$C$346,2,0)-VLOOKUP(BS$1,városok!$A$2:$C$346,2,0))^2+(VLOOKUP($A318,városok!$A$2:$C$346,3,0)-VLOOKUP(BS$1,városok!$A$2:$C$346,3,0))^2)/1000,0)</f>
        <v>78</v>
      </c>
      <c r="BT318">
        <f ca="1">ROUND(SQRT((VLOOKUP($A318,városok!$A$2:$C$346,2,0)-VLOOKUP(BT$1,városok!$A$2:$C$346,2,0))^2+(VLOOKUP($A318,városok!$A$2:$C$346,3,0)-VLOOKUP(BT$1,városok!$A$2:$C$346,3,0))^2)/1000,0)</f>
        <v>45</v>
      </c>
    </row>
    <row r="319" spans="1:72" x14ac:dyDescent="0.2">
      <c r="A319" t="str">
        <f>városok!A319</f>
        <v>Szombathely</v>
      </c>
      <c r="B319">
        <f ca="1">ROUND(SQRT((VLOOKUP($A319,városok!$A$2:$C$346,2,0)-VLOOKUP(B$1,városok!$A$2:$C$346,2,0))^2+(VLOOKUP($A319,városok!$A$2:$C$346,3,0)-VLOOKUP(B$1,városok!$A$2:$C$346,3,0))^2)/1000,0)</f>
        <v>213</v>
      </c>
      <c r="C319">
        <f ca="1">ROUND(SQRT((VLOOKUP($A319,városok!$A$2:$C$346,2,0)-VLOOKUP(C$1,városok!$A$2:$C$346,2,0))^2+(VLOOKUP($A319,városok!$A$2:$C$346,3,0)-VLOOKUP(C$1,városok!$A$2:$C$346,3,0))^2)/1000,0)</f>
        <v>196</v>
      </c>
      <c r="D319">
        <f ca="1">ROUND(SQRT((VLOOKUP($A319,városok!$A$2:$C$346,2,0)-VLOOKUP(D$1,városok!$A$2:$C$346,2,0))^2+(VLOOKUP($A319,városok!$A$2:$C$346,3,0)-VLOOKUP(D$1,városok!$A$2:$C$346,3,0))^2)/1000,0)</f>
        <v>236</v>
      </c>
      <c r="E319">
        <f ca="1">ROUND(SQRT((VLOOKUP($A319,városok!$A$2:$C$346,2,0)-VLOOKUP(E$1,városok!$A$2:$C$346,2,0))^2+(VLOOKUP($A319,városok!$A$2:$C$346,3,0)-VLOOKUP(E$1,városok!$A$2:$C$346,3,0))^2)/1000,0)</f>
        <v>171</v>
      </c>
      <c r="F319">
        <f ca="1">ROUND(SQRT((VLOOKUP($A319,városok!$A$2:$C$346,2,0)-VLOOKUP(F$1,városok!$A$2:$C$346,2,0))^2+(VLOOKUP($A319,városok!$A$2:$C$346,3,0)-VLOOKUP(F$1,városok!$A$2:$C$346,3,0))^2)/1000,0)</f>
        <v>210</v>
      </c>
      <c r="G319">
        <f ca="1">ROUND(SQRT((VLOOKUP($A319,városok!$A$2:$C$346,2,0)-VLOOKUP(G$1,városok!$A$2:$C$346,2,0))^2+(VLOOKUP($A319,városok!$A$2:$C$346,3,0)-VLOOKUP(G$1,városok!$A$2:$C$346,3,0))^2)/1000,0)</f>
        <v>179</v>
      </c>
      <c r="H319">
        <f ca="1">ROUND(SQRT((VLOOKUP($A319,városok!$A$2:$C$346,2,0)-VLOOKUP(H$1,városok!$A$2:$C$346,2,0))^2+(VLOOKUP($A319,városok!$A$2:$C$346,3,0)-VLOOKUP(H$1,városok!$A$2:$C$346,3,0))^2)/1000,0)</f>
        <v>160</v>
      </c>
      <c r="I319">
        <f ca="1">ROUND(SQRT((VLOOKUP($A319,városok!$A$2:$C$346,2,0)-VLOOKUP(I$1,városok!$A$2:$C$346,2,0))^2+(VLOOKUP($A319,városok!$A$2:$C$346,3,0)-VLOOKUP(I$1,városok!$A$2:$C$346,3,0))^2)/1000,0)</f>
        <v>345</v>
      </c>
      <c r="J319">
        <f ca="1">ROUND(SQRT((VLOOKUP($A319,városok!$A$2:$C$346,2,0)-VLOOKUP(J$1,városok!$A$2:$C$346,2,0))^2+(VLOOKUP($A319,városok!$A$2:$C$346,3,0)-VLOOKUP(J$1,városok!$A$2:$C$346,3,0))^2)/1000,0)</f>
        <v>360</v>
      </c>
      <c r="K319">
        <f ca="1">ROUND(SQRT((VLOOKUP($A319,városok!$A$2:$C$346,2,0)-VLOOKUP(K$1,városok!$A$2:$C$346,2,0))^2+(VLOOKUP($A319,városok!$A$2:$C$346,3,0)-VLOOKUP(K$1,városok!$A$2:$C$346,3,0))^2)/1000,0)</f>
        <v>317</v>
      </c>
      <c r="L319">
        <f ca="1">ROUND(SQRT((VLOOKUP($A319,városok!$A$2:$C$346,2,0)-VLOOKUP(L$1,városok!$A$2:$C$346,2,0))^2+(VLOOKUP($A319,városok!$A$2:$C$346,3,0)-VLOOKUP(L$1,városok!$A$2:$C$346,3,0))^2)/1000,0)</f>
        <v>321</v>
      </c>
      <c r="M319">
        <f ca="1">ROUND(SQRT((VLOOKUP($A319,városok!$A$2:$C$346,2,0)-VLOOKUP(M$1,városok!$A$2:$C$346,2,0))^2+(VLOOKUP($A319,városok!$A$2:$C$346,3,0)-VLOOKUP(M$1,városok!$A$2:$C$346,3,0))^2)/1000,0)</f>
        <v>328</v>
      </c>
      <c r="N319">
        <f ca="1">ROUND(SQRT((VLOOKUP($A319,városok!$A$2:$C$346,2,0)-VLOOKUP(N$1,városok!$A$2:$C$346,2,0))^2+(VLOOKUP($A319,városok!$A$2:$C$346,3,0)-VLOOKUP(N$1,városok!$A$2:$C$346,3,0))^2)/1000,0)</f>
        <v>296</v>
      </c>
      <c r="O319">
        <f ca="1">ROUND(SQRT((VLOOKUP($A319,városok!$A$2:$C$346,2,0)-VLOOKUP(O$1,városok!$A$2:$C$346,2,0))^2+(VLOOKUP($A319,városok!$A$2:$C$346,3,0)-VLOOKUP(O$1,városok!$A$2:$C$346,3,0))^2)/1000,0)</f>
        <v>398</v>
      </c>
      <c r="P319">
        <f ca="1">ROUND(SQRT((VLOOKUP($A319,városok!$A$2:$C$346,2,0)-VLOOKUP(P$1,városok!$A$2:$C$346,2,0))^2+(VLOOKUP($A319,városok!$A$2:$C$346,3,0)-VLOOKUP(P$1,városok!$A$2:$C$346,3,0))^2)/1000,0)</f>
        <v>398</v>
      </c>
      <c r="Q319">
        <f ca="1">ROUND(SQRT((VLOOKUP($A319,városok!$A$2:$C$346,2,0)-VLOOKUP(Q$1,városok!$A$2:$C$346,2,0))^2+(VLOOKUP($A319,városok!$A$2:$C$346,3,0)-VLOOKUP(Q$1,városok!$A$2:$C$346,3,0))^2)/1000,0)</f>
        <v>296</v>
      </c>
      <c r="R319">
        <f ca="1">ROUND(SQRT((VLOOKUP($A319,városok!$A$2:$C$346,2,0)-VLOOKUP(R$1,városok!$A$2:$C$346,2,0))^2+(VLOOKUP($A319,városok!$A$2:$C$346,3,0)-VLOOKUP(R$1,városok!$A$2:$C$346,3,0))^2)/1000,0)</f>
        <v>315</v>
      </c>
      <c r="S319">
        <f ca="1">ROUND(SQRT((VLOOKUP($A319,városok!$A$2:$C$346,2,0)-VLOOKUP(S$1,városok!$A$2:$C$346,2,0))^2+(VLOOKUP($A319,városok!$A$2:$C$346,3,0)-VLOOKUP(S$1,városok!$A$2:$C$346,3,0))^2)/1000,0)</f>
        <v>292</v>
      </c>
      <c r="T319">
        <f ca="1">ROUND(SQRT((VLOOKUP($A319,városok!$A$2:$C$346,2,0)-VLOOKUP(T$1,városok!$A$2:$C$346,2,0))^2+(VLOOKUP($A319,városok!$A$2:$C$346,3,0)-VLOOKUP(T$1,városok!$A$2:$C$346,3,0))^2)/1000,0)</f>
        <v>155</v>
      </c>
      <c r="U319">
        <f ca="1">ROUND(SQRT((VLOOKUP($A319,városok!$A$2:$C$346,2,0)-VLOOKUP(U$1,városok!$A$2:$C$346,2,0))^2+(VLOOKUP($A319,városok!$A$2:$C$346,3,0)-VLOOKUP(U$1,városok!$A$2:$C$346,3,0))^2)/1000,0)</f>
        <v>178</v>
      </c>
      <c r="V319">
        <f ca="1">ROUND(SQRT((VLOOKUP($A319,városok!$A$2:$C$346,2,0)-VLOOKUP(V$1,városok!$A$2:$C$346,2,0))^2+(VLOOKUP($A319,városok!$A$2:$C$346,3,0)-VLOOKUP(V$1,városok!$A$2:$C$346,3,0))^2)/1000,0)</f>
        <v>129</v>
      </c>
      <c r="W319">
        <f ca="1">ROUND(SQRT((VLOOKUP($A319,városok!$A$2:$C$346,2,0)-VLOOKUP(W$1,városok!$A$2:$C$346,2,0))^2+(VLOOKUP($A319,városok!$A$2:$C$346,3,0)-VLOOKUP(W$1,városok!$A$2:$C$346,3,0))^2)/1000,0)</f>
        <v>157</v>
      </c>
      <c r="X319">
        <f ca="1">ROUND(SQRT((VLOOKUP($A319,városok!$A$2:$C$346,2,0)-VLOOKUP(X$1,városok!$A$2:$C$346,2,0))^2+(VLOOKUP($A319,városok!$A$2:$C$346,3,0)-VLOOKUP(X$1,városok!$A$2:$C$346,3,0))^2)/1000,0)</f>
        <v>129</v>
      </c>
      <c r="Y319">
        <f ca="1">ROUND(SQRT((VLOOKUP($A319,városok!$A$2:$C$346,2,0)-VLOOKUP(Y$1,városok!$A$2:$C$346,2,0))^2+(VLOOKUP($A319,városok!$A$2:$C$346,3,0)-VLOOKUP(Y$1,városok!$A$2:$C$346,3,0))^2)/1000,0)</f>
        <v>91</v>
      </c>
      <c r="Z319">
        <f ca="1">ROUND(SQRT((VLOOKUP($A319,városok!$A$2:$C$346,2,0)-VLOOKUP(Z$1,városok!$A$2:$C$346,2,0))^2+(VLOOKUP($A319,városok!$A$2:$C$346,3,0)-VLOOKUP(Z$1,városok!$A$2:$C$346,3,0))^2)/1000,0)</f>
        <v>80</v>
      </c>
      <c r="AA319">
        <f ca="1">ROUND(SQRT((VLOOKUP($A319,városok!$A$2:$C$346,2,0)-VLOOKUP(AA$1,városok!$A$2:$C$346,2,0))^2+(VLOOKUP($A319,városok!$A$2:$C$346,3,0)-VLOOKUP(AA$1,városok!$A$2:$C$346,3,0))^2)/1000,0)</f>
        <v>50</v>
      </c>
      <c r="AB319">
        <f ca="1">ROUND(SQRT((VLOOKUP($A319,városok!$A$2:$C$346,2,0)-VLOOKUP(AB$1,városok!$A$2:$C$346,2,0))^2+(VLOOKUP($A319,városok!$A$2:$C$346,3,0)-VLOOKUP(AB$1,városok!$A$2:$C$346,3,0))^2)/1000,0)</f>
        <v>380</v>
      </c>
      <c r="AC319">
        <f ca="1">ROUND(SQRT((VLOOKUP($A319,városok!$A$2:$C$346,2,0)-VLOOKUP(AC$1,városok!$A$2:$C$346,2,0))^2+(VLOOKUP($A319,városok!$A$2:$C$346,3,0)-VLOOKUP(AC$1,városok!$A$2:$C$346,3,0))^2)/1000,0)</f>
        <v>361</v>
      </c>
      <c r="AD319">
        <f ca="1">ROUND(SQRT((VLOOKUP($A319,városok!$A$2:$C$346,2,0)-VLOOKUP(AD$1,városok!$A$2:$C$346,2,0))^2+(VLOOKUP($A319,városok!$A$2:$C$346,3,0)-VLOOKUP(AD$1,városok!$A$2:$C$346,3,0))^2)/1000,0)</f>
        <v>343</v>
      </c>
      <c r="AE319">
        <f ca="1">ROUND(SQRT((VLOOKUP($A319,városok!$A$2:$C$346,2,0)-VLOOKUP(AE$1,városok!$A$2:$C$346,2,0))^2+(VLOOKUP($A319,városok!$A$2:$C$346,3,0)-VLOOKUP(AE$1,városok!$A$2:$C$346,3,0))^2)/1000,0)</f>
        <v>344</v>
      </c>
      <c r="AF319">
        <f ca="1">ROUND(SQRT((VLOOKUP($A319,városok!$A$2:$C$346,2,0)-VLOOKUP(AF$1,városok!$A$2:$C$346,2,0))^2+(VLOOKUP($A319,városok!$A$2:$C$346,3,0)-VLOOKUP(AF$1,városok!$A$2:$C$346,3,0))^2)/1000,0)</f>
        <v>292</v>
      </c>
      <c r="AG319">
        <f ca="1">ROUND(SQRT((VLOOKUP($A319,városok!$A$2:$C$346,2,0)-VLOOKUP(AG$1,városok!$A$2:$C$346,2,0))^2+(VLOOKUP($A319,városok!$A$2:$C$346,3,0)-VLOOKUP(AG$1,városok!$A$2:$C$346,3,0))^2)/1000,0)</f>
        <v>256</v>
      </c>
      <c r="AH319">
        <f ca="1">ROUND(SQRT((VLOOKUP($A319,városok!$A$2:$C$346,2,0)-VLOOKUP(AH$1,városok!$A$2:$C$346,2,0))^2+(VLOOKUP($A319,városok!$A$2:$C$346,3,0)-VLOOKUP(AH$1,városok!$A$2:$C$346,3,0))^2)/1000,0)</f>
        <v>235</v>
      </c>
      <c r="AI319">
        <f ca="1">ROUND(SQRT((VLOOKUP($A319,városok!$A$2:$C$346,2,0)-VLOOKUP(AI$1,városok!$A$2:$C$346,2,0))^2+(VLOOKUP($A319,városok!$A$2:$C$346,3,0)-VLOOKUP(AI$1,városok!$A$2:$C$346,3,0))^2)/1000,0)</f>
        <v>275</v>
      </c>
      <c r="AJ319">
        <f ca="1">ROUND(SQRT((VLOOKUP($A319,városok!$A$2:$C$346,2,0)-VLOOKUP(AJ$1,városok!$A$2:$C$346,2,0))^2+(VLOOKUP($A319,városok!$A$2:$C$346,3,0)-VLOOKUP(AJ$1,városok!$A$2:$C$346,3,0))^2)/1000,0)</f>
        <v>257</v>
      </c>
      <c r="AK319">
        <f ca="1">ROUND(SQRT((VLOOKUP($A319,városok!$A$2:$C$346,2,0)-VLOOKUP(AK$1,városok!$A$2:$C$346,2,0))^2+(VLOOKUP($A319,városok!$A$2:$C$346,3,0)-VLOOKUP(AK$1,városok!$A$2:$C$346,3,0))^2)/1000,0)</f>
        <v>329</v>
      </c>
      <c r="AL319">
        <f ca="1">ROUND(SQRT((VLOOKUP($A319,városok!$A$2:$C$346,2,0)-VLOOKUP(AL$1,városok!$A$2:$C$346,2,0))^2+(VLOOKUP($A319,városok!$A$2:$C$346,3,0)-VLOOKUP(AL$1,városok!$A$2:$C$346,3,0))^2)/1000,0)</f>
        <v>303</v>
      </c>
      <c r="AM319">
        <f ca="1">ROUND(SQRT((VLOOKUP($A319,városok!$A$2:$C$346,2,0)-VLOOKUP(AM$1,városok!$A$2:$C$346,2,0))^2+(VLOOKUP($A319,városok!$A$2:$C$346,3,0)-VLOOKUP(AM$1,városok!$A$2:$C$346,3,0))^2)/1000,0)</f>
        <v>270</v>
      </c>
      <c r="AN319">
        <f ca="1">ROUND(SQRT((VLOOKUP($A319,városok!$A$2:$C$346,2,0)-VLOOKUP(AN$1,városok!$A$2:$C$346,2,0))^2+(VLOOKUP($A319,városok!$A$2:$C$346,3,0)-VLOOKUP(AN$1,városok!$A$2:$C$346,3,0))^2)/1000,0)</f>
        <v>171</v>
      </c>
      <c r="AO319">
        <f ca="1">ROUND(SQRT((VLOOKUP($A319,városok!$A$2:$C$346,2,0)-VLOOKUP(AO$1,városok!$A$2:$C$346,2,0))^2+(VLOOKUP($A319,városok!$A$2:$C$346,3,0)-VLOOKUP(AO$1,városok!$A$2:$C$346,3,0))^2)/1000,0)</f>
        <v>126</v>
      </c>
      <c r="AP319">
        <f ca="1">ROUND(SQRT((VLOOKUP($A319,városok!$A$2:$C$346,2,0)-VLOOKUP(AP$1,városok!$A$2:$C$346,2,0))^2+(VLOOKUP($A319,városok!$A$2:$C$346,3,0)-VLOOKUP(AP$1,városok!$A$2:$C$346,3,0))^2)/1000,0)</f>
        <v>137</v>
      </c>
      <c r="AQ319">
        <f ca="1">ROUND(SQRT((VLOOKUP($A319,városok!$A$2:$C$346,2,0)-VLOOKUP(AQ$1,városok!$A$2:$C$346,2,0))^2+(VLOOKUP($A319,városok!$A$2:$C$346,3,0)-VLOOKUP(AQ$1,városok!$A$2:$C$346,3,0))^2)/1000,0)</f>
        <v>140</v>
      </c>
      <c r="AR319">
        <f ca="1">ROUND(SQRT((VLOOKUP($A319,városok!$A$2:$C$346,2,0)-VLOOKUP(AR$1,városok!$A$2:$C$346,2,0))^2+(VLOOKUP($A319,városok!$A$2:$C$346,3,0)-VLOOKUP(AR$1,városok!$A$2:$C$346,3,0))^2)/1000,0)</f>
        <v>243</v>
      </c>
      <c r="AS319">
        <f ca="1">ROUND(SQRT((VLOOKUP($A319,városok!$A$2:$C$346,2,0)-VLOOKUP(AS$1,városok!$A$2:$C$346,2,0))^2+(VLOOKUP($A319,városok!$A$2:$C$346,3,0)-VLOOKUP(AS$1,városok!$A$2:$C$346,3,0))^2)/1000,0)</f>
        <v>259</v>
      </c>
      <c r="AT319">
        <f ca="1">ROUND(SQRT((VLOOKUP($A319,városok!$A$2:$C$346,2,0)-VLOOKUP(AT$1,városok!$A$2:$C$346,2,0))^2+(VLOOKUP($A319,városok!$A$2:$C$346,3,0)-VLOOKUP(AT$1,városok!$A$2:$C$346,3,0))^2)/1000,0)</f>
        <v>168</v>
      </c>
      <c r="AU319">
        <f ca="1">ROUND(SQRT((VLOOKUP($A319,városok!$A$2:$C$346,2,0)-VLOOKUP(AU$1,városok!$A$2:$C$346,2,0))^2+(VLOOKUP($A319,városok!$A$2:$C$346,3,0)-VLOOKUP(AU$1,városok!$A$2:$C$346,3,0))^2)/1000,0)</f>
        <v>178</v>
      </c>
      <c r="AV319">
        <f ca="1">ROUND(SQRT((VLOOKUP($A319,városok!$A$2:$C$346,2,0)-VLOOKUP(AV$1,városok!$A$2:$C$346,2,0))^2+(VLOOKUP($A319,városok!$A$2:$C$346,3,0)-VLOOKUP(AV$1,városok!$A$2:$C$346,3,0))^2)/1000,0)</f>
        <v>177</v>
      </c>
      <c r="AW319">
        <f ca="1">ROUND(SQRT((VLOOKUP($A319,városok!$A$2:$C$346,2,0)-VLOOKUP(AW$1,városok!$A$2:$C$346,2,0))^2+(VLOOKUP($A319,városok!$A$2:$C$346,3,0)-VLOOKUP(AW$1,városok!$A$2:$C$346,3,0))^2)/1000,0)</f>
        <v>174</v>
      </c>
      <c r="AX319">
        <f ca="1">ROUND(SQRT((VLOOKUP($A319,városok!$A$2:$C$346,2,0)-VLOOKUP(AX$1,városok!$A$2:$C$346,2,0))^2+(VLOOKUP($A319,városok!$A$2:$C$346,3,0)-VLOOKUP(AX$1,városok!$A$2:$C$346,3,0))^2)/1000,0)</f>
        <v>241</v>
      </c>
      <c r="AY319">
        <f ca="1">ROUND(SQRT((VLOOKUP($A319,városok!$A$2:$C$346,2,0)-VLOOKUP(AY$1,városok!$A$2:$C$346,2,0))^2+(VLOOKUP($A319,városok!$A$2:$C$346,3,0)-VLOOKUP(AY$1,városok!$A$2:$C$346,3,0))^2)/1000,0)</f>
        <v>191</v>
      </c>
      <c r="AZ319">
        <f ca="1">ROUND(SQRT((VLOOKUP($A319,városok!$A$2:$C$346,2,0)-VLOOKUP(AZ$1,városok!$A$2:$C$346,2,0))^2+(VLOOKUP($A319,városok!$A$2:$C$346,3,0)-VLOOKUP(AZ$1,városok!$A$2:$C$346,3,0))^2)/1000,0)</f>
        <v>187</v>
      </c>
      <c r="BA319">
        <f ca="1">ROUND(SQRT((VLOOKUP($A319,városok!$A$2:$C$346,2,0)-VLOOKUP(BA$1,városok!$A$2:$C$346,2,0))^2+(VLOOKUP($A319,városok!$A$2:$C$346,3,0)-VLOOKUP(BA$1,városok!$A$2:$C$346,3,0))^2)/1000,0)</f>
        <v>96</v>
      </c>
      <c r="BB319">
        <f ca="1">ROUND(SQRT((VLOOKUP($A319,városok!$A$2:$C$346,2,0)-VLOOKUP(BB$1,városok!$A$2:$C$346,2,0))^2+(VLOOKUP($A319,városok!$A$2:$C$346,3,0)-VLOOKUP(BB$1,városok!$A$2:$C$346,3,0))^2)/1000,0)</f>
        <v>127</v>
      </c>
      <c r="BC319">
        <f ca="1">ROUND(SQRT((VLOOKUP($A319,városok!$A$2:$C$346,2,0)-VLOOKUP(BC$1,városok!$A$2:$C$346,2,0))^2+(VLOOKUP($A319,városok!$A$2:$C$346,3,0)-VLOOKUP(BC$1,városok!$A$2:$C$346,3,0))^2)/1000,0)</f>
        <v>132</v>
      </c>
      <c r="BD319">
        <f ca="1">ROUND(SQRT((VLOOKUP($A319,városok!$A$2:$C$346,2,0)-VLOOKUP(BD$1,városok!$A$2:$C$346,2,0))^2+(VLOOKUP($A319,városok!$A$2:$C$346,3,0)-VLOOKUP(BD$1,városok!$A$2:$C$346,3,0))^2)/1000,0)</f>
        <v>115</v>
      </c>
      <c r="BE319">
        <f ca="1">ROUND(SQRT((VLOOKUP($A319,városok!$A$2:$C$346,2,0)-VLOOKUP(BE$1,városok!$A$2:$C$346,2,0))^2+(VLOOKUP($A319,városok!$A$2:$C$346,3,0)-VLOOKUP(BE$1,városok!$A$2:$C$346,3,0))^2)/1000,0)</f>
        <v>460</v>
      </c>
      <c r="BF319">
        <f ca="1">ROUND(SQRT((VLOOKUP($A319,városok!$A$2:$C$346,2,0)-VLOOKUP(BF$1,városok!$A$2:$C$346,2,0))^2+(VLOOKUP($A319,városok!$A$2:$C$346,3,0)-VLOOKUP(BF$1,városok!$A$2:$C$346,3,0))^2)/1000,0)</f>
        <v>423</v>
      </c>
      <c r="BG319">
        <f ca="1">ROUND(SQRT((VLOOKUP($A319,városok!$A$2:$C$346,2,0)-VLOOKUP(BG$1,városok!$A$2:$C$346,2,0))^2+(VLOOKUP($A319,városok!$A$2:$C$346,3,0)-VLOOKUP(BG$1,városok!$A$2:$C$346,3,0))^2)/1000,0)</f>
        <v>377</v>
      </c>
      <c r="BH319">
        <f ca="1">ROUND(SQRT((VLOOKUP($A319,városok!$A$2:$C$346,2,0)-VLOOKUP(BH$1,városok!$A$2:$C$346,2,0))^2+(VLOOKUP($A319,városok!$A$2:$C$346,3,0)-VLOOKUP(BH$1,városok!$A$2:$C$346,3,0))^2)/1000,0)</f>
        <v>377</v>
      </c>
      <c r="BI319">
        <f ca="1">ROUND(SQRT((VLOOKUP($A319,városok!$A$2:$C$346,2,0)-VLOOKUP(BI$1,városok!$A$2:$C$346,2,0))^2+(VLOOKUP($A319,városok!$A$2:$C$346,3,0)-VLOOKUP(BI$1,városok!$A$2:$C$346,3,0))^2)/1000,0)</f>
        <v>179</v>
      </c>
      <c r="BJ319">
        <f ca="1">ROUND(SQRT((VLOOKUP($A319,városok!$A$2:$C$346,2,0)-VLOOKUP(BJ$1,városok!$A$2:$C$346,2,0))^2+(VLOOKUP($A319,városok!$A$2:$C$346,3,0)-VLOOKUP(BJ$1,városok!$A$2:$C$346,3,0))^2)/1000,0)</f>
        <v>176</v>
      </c>
      <c r="BK319">
        <f ca="1">ROUND(SQRT((VLOOKUP($A319,városok!$A$2:$C$346,2,0)-VLOOKUP(BK$1,városok!$A$2:$C$346,2,0))^2+(VLOOKUP($A319,városok!$A$2:$C$346,3,0)-VLOOKUP(BK$1,városok!$A$2:$C$346,3,0))^2)/1000,0)</f>
        <v>187</v>
      </c>
      <c r="BL319">
        <f ca="1">ROUND(SQRT((VLOOKUP($A319,városok!$A$2:$C$346,2,0)-VLOOKUP(BL$1,városok!$A$2:$C$346,2,0))^2+(VLOOKUP($A319,városok!$A$2:$C$346,3,0)-VLOOKUP(BL$1,városok!$A$2:$C$346,3,0))^2)/1000,0)</f>
        <v>24</v>
      </c>
      <c r="BM319">
        <f ca="1">ROUND(SQRT((VLOOKUP($A319,városok!$A$2:$C$346,2,0)-VLOOKUP(BM$1,városok!$A$2:$C$346,2,0))^2+(VLOOKUP($A319,városok!$A$2:$C$346,3,0)-VLOOKUP(BM$1,városok!$A$2:$C$346,3,0))^2)/1000,0)</f>
        <v>24</v>
      </c>
      <c r="BN319">
        <f ca="1">ROUND(SQRT((VLOOKUP($A319,városok!$A$2:$C$346,2,0)-VLOOKUP(BN$1,városok!$A$2:$C$346,2,0))^2+(VLOOKUP($A319,városok!$A$2:$C$346,3,0)-VLOOKUP(BN$1,városok!$A$2:$C$346,3,0))^2)/1000,0)</f>
        <v>0</v>
      </c>
      <c r="BO319">
        <f ca="1">ROUND(SQRT((VLOOKUP($A319,városok!$A$2:$C$346,2,0)-VLOOKUP(BO$1,városok!$A$2:$C$346,2,0))^2+(VLOOKUP($A319,városok!$A$2:$C$346,3,0)-VLOOKUP(BO$1,városok!$A$2:$C$346,3,0))^2)/1000,0)</f>
        <v>108</v>
      </c>
      <c r="BP319">
        <f ca="1">ROUND(SQRT((VLOOKUP($A319,városok!$A$2:$C$346,2,0)-VLOOKUP(BP$1,városok!$A$2:$C$346,2,0))^2+(VLOOKUP($A319,városok!$A$2:$C$346,3,0)-VLOOKUP(BP$1,városok!$A$2:$C$346,3,0))^2)/1000,0)</f>
        <v>115</v>
      </c>
      <c r="BQ319">
        <f ca="1">ROUND(SQRT((VLOOKUP($A319,városok!$A$2:$C$346,2,0)-VLOOKUP(BQ$1,városok!$A$2:$C$346,2,0))^2+(VLOOKUP($A319,városok!$A$2:$C$346,3,0)-VLOOKUP(BQ$1,városok!$A$2:$C$346,3,0))^2)/1000,0)</f>
        <v>99</v>
      </c>
      <c r="BR319">
        <f ca="1">ROUND(SQRT((VLOOKUP($A319,városok!$A$2:$C$346,2,0)-VLOOKUP(BR$1,városok!$A$2:$C$346,2,0))^2+(VLOOKUP($A319,városok!$A$2:$C$346,3,0)-VLOOKUP(BR$1,városok!$A$2:$C$346,3,0))^2)/1000,0)</f>
        <v>70</v>
      </c>
      <c r="BS319">
        <f ca="1">ROUND(SQRT((VLOOKUP($A319,városok!$A$2:$C$346,2,0)-VLOOKUP(BS$1,városok!$A$2:$C$346,2,0))^2+(VLOOKUP($A319,városok!$A$2:$C$346,3,0)-VLOOKUP(BS$1,városok!$A$2:$C$346,3,0))^2)/1000,0)</f>
        <v>92</v>
      </c>
      <c r="BT319">
        <f ca="1">ROUND(SQRT((VLOOKUP($A319,városok!$A$2:$C$346,2,0)-VLOOKUP(BT$1,városok!$A$2:$C$346,2,0))^2+(VLOOKUP($A319,városok!$A$2:$C$346,3,0)-VLOOKUP(BT$1,városok!$A$2:$C$346,3,0))^2)/1000,0)</f>
        <v>47</v>
      </c>
    </row>
    <row r="320" spans="1:72" x14ac:dyDescent="0.2">
      <c r="A320" t="str">
        <f>városok!A320</f>
        <v>Vasvár</v>
      </c>
      <c r="B320">
        <f ca="1">ROUND(SQRT((VLOOKUP($A320,városok!$A$2:$C$346,2,0)-VLOOKUP(B$1,városok!$A$2:$C$346,2,0))^2+(VLOOKUP($A320,városok!$A$2:$C$346,3,0)-VLOOKUP(B$1,városok!$A$2:$C$346,3,0))^2)/1000,0)</f>
        <v>191</v>
      </c>
      <c r="C320">
        <f ca="1">ROUND(SQRT((VLOOKUP($A320,városok!$A$2:$C$346,2,0)-VLOOKUP(C$1,városok!$A$2:$C$346,2,0))^2+(VLOOKUP($A320,városok!$A$2:$C$346,3,0)-VLOOKUP(C$1,városok!$A$2:$C$346,3,0))^2)/1000,0)</f>
        <v>176</v>
      </c>
      <c r="D320">
        <f ca="1">ROUND(SQRT((VLOOKUP($A320,városok!$A$2:$C$346,2,0)-VLOOKUP(D$1,városok!$A$2:$C$346,2,0))^2+(VLOOKUP($A320,városok!$A$2:$C$346,3,0)-VLOOKUP(D$1,városok!$A$2:$C$346,3,0))^2)/1000,0)</f>
        <v>220</v>
      </c>
      <c r="E320">
        <f ca="1">ROUND(SQRT((VLOOKUP($A320,városok!$A$2:$C$346,2,0)-VLOOKUP(E$1,városok!$A$2:$C$346,2,0))^2+(VLOOKUP($A320,városok!$A$2:$C$346,3,0)-VLOOKUP(E$1,városok!$A$2:$C$346,3,0))^2)/1000,0)</f>
        <v>147</v>
      </c>
      <c r="F320">
        <f ca="1">ROUND(SQRT((VLOOKUP($A320,városok!$A$2:$C$346,2,0)-VLOOKUP(F$1,városok!$A$2:$C$346,2,0))^2+(VLOOKUP($A320,városok!$A$2:$C$346,3,0)-VLOOKUP(F$1,városok!$A$2:$C$346,3,0))^2)/1000,0)</f>
        <v>186</v>
      </c>
      <c r="G320">
        <f ca="1">ROUND(SQRT((VLOOKUP($A320,városok!$A$2:$C$346,2,0)-VLOOKUP(G$1,városok!$A$2:$C$346,2,0))^2+(VLOOKUP($A320,városok!$A$2:$C$346,3,0)-VLOOKUP(G$1,városok!$A$2:$C$346,3,0))^2)/1000,0)</f>
        <v>155</v>
      </c>
      <c r="H320">
        <f ca="1">ROUND(SQRT((VLOOKUP($A320,városok!$A$2:$C$346,2,0)-VLOOKUP(H$1,városok!$A$2:$C$346,2,0))^2+(VLOOKUP($A320,városok!$A$2:$C$346,3,0)-VLOOKUP(H$1,városok!$A$2:$C$346,3,0))^2)/1000,0)</f>
        <v>135</v>
      </c>
      <c r="I320">
        <f ca="1">ROUND(SQRT((VLOOKUP($A320,városok!$A$2:$C$346,2,0)-VLOOKUP(I$1,városok!$A$2:$C$346,2,0))^2+(VLOOKUP($A320,városok!$A$2:$C$346,3,0)-VLOOKUP(I$1,városok!$A$2:$C$346,3,0))^2)/1000,0)</f>
        <v>328</v>
      </c>
      <c r="J320">
        <f ca="1">ROUND(SQRT((VLOOKUP($A320,városok!$A$2:$C$346,2,0)-VLOOKUP(J$1,városok!$A$2:$C$346,2,0))^2+(VLOOKUP($A320,városok!$A$2:$C$346,3,0)-VLOOKUP(J$1,városok!$A$2:$C$346,3,0))^2)/1000,0)</f>
        <v>344</v>
      </c>
      <c r="K320">
        <f ca="1">ROUND(SQRT((VLOOKUP($A320,városok!$A$2:$C$346,2,0)-VLOOKUP(K$1,városok!$A$2:$C$346,2,0))^2+(VLOOKUP($A320,városok!$A$2:$C$346,3,0)-VLOOKUP(K$1,városok!$A$2:$C$346,3,0))^2)/1000,0)</f>
        <v>300</v>
      </c>
      <c r="L320">
        <f ca="1">ROUND(SQRT((VLOOKUP($A320,városok!$A$2:$C$346,2,0)-VLOOKUP(L$1,városok!$A$2:$C$346,2,0))^2+(VLOOKUP($A320,városok!$A$2:$C$346,3,0)-VLOOKUP(L$1,városok!$A$2:$C$346,3,0))^2)/1000,0)</f>
        <v>317</v>
      </c>
      <c r="M320">
        <f ca="1">ROUND(SQRT((VLOOKUP($A320,városok!$A$2:$C$346,2,0)-VLOOKUP(M$1,városok!$A$2:$C$346,2,0))^2+(VLOOKUP($A320,városok!$A$2:$C$346,3,0)-VLOOKUP(M$1,városok!$A$2:$C$346,3,0))^2)/1000,0)</f>
        <v>322</v>
      </c>
      <c r="N320">
        <f ca="1">ROUND(SQRT((VLOOKUP($A320,városok!$A$2:$C$346,2,0)-VLOOKUP(N$1,városok!$A$2:$C$346,2,0))^2+(VLOOKUP($A320,városok!$A$2:$C$346,3,0)-VLOOKUP(N$1,városok!$A$2:$C$346,3,0))^2)/1000,0)</f>
        <v>292</v>
      </c>
      <c r="O320">
        <f ca="1">ROUND(SQRT((VLOOKUP($A320,városok!$A$2:$C$346,2,0)-VLOOKUP(O$1,városok!$A$2:$C$346,2,0))^2+(VLOOKUP($A320,városok!$A$2:$C$346,3,0)-VLOOKUP(O$1,városok!$A$2:$C$346,3,0))^2)/1000,0)</f>
        <v>393</v>
      </c>
      <c r="P320">
        <f ca="1">ROUND(SQRT((VLOOKUP($A320,városok!$A$2:$C$346,2,0)-VLOOKUP(P$1,városok!$A$2:$C$346,2,0))^2+(VLOOKUP($A320,városok!$A$2:$C$346,3,0)-VLOOKUP(P$1,városok!$A$2:$C$346,3,0))^2)/1000,0)</f>
        <v>393</v>
      </c>
      <c r="Q320">
        <f ca="1">ROUND(SQRT((VLOOKUP($A320,városok!$A$2:$C$346,2,0)-VLOOKUP(Q$1,városok!$A$2:$C$346,2,0))^2+(VLOOKUP($A320,városok!$A$2:$C$346,3,0)-VLOOKUP(Q$1,városok!$A$2:$C$346,3,0))^2)/1000,0)</f>
        <v>278</v>
      </c>
      <c r="R320">
        <f ca="1">ROUND(SQRT((VLOOKUP($A320,városok!$A$2:$C$346,2,0)-VLOOKUP(R$1,városok!$A$2:$C$346,2,0))^2+(VLOOKUP($A320,városok!$A$2:$C$346,3,0)-VLOOKUP(R$1,városok!$A$2:$C$346,3,0))^2)/1000,0)</f>
        <v>296</v>
      </c>
      <c r="S320">
        <f ca="1">ROUND(SQRT((VLOOKUP($A320,városok!$A$2:$C$346,2,0)-VLOOKUP(S$1,városok!$A$2:$C$346,2,0))^2+(VLOOKUP($A320,városok!$A$2:$C$346,3,0)-VLOOKUP(S$1,városok!$A$2:$C$346,3,0))^2)/1000,0)</f>
        <v>272</v>
      </c>
      <c r="T320">
        <f ca="1">ROUND(SQRT((VLOOKUP($A320,városok!$A$2:$C$346,2,0)-VLOOKUP(T$1,városok!$A$2:$C$346,2,0))^2+(VLOOKUP($A320,városok!$A$2:$C$346,3,0)-VLOOKUP(T$1,városok!$A$2:$C$346,3,0))^2)/1000,0)</f>
        <v>146</v>
      </c>
      <c r="U320">
        <f ca="1">ROUND(SQRT((VLOOKUP($A320,városok!$A$2:$C$346,2,0)-VLOOKUP(U$1,városok!$A$2:$C$346,2,0))^2+(VLOOKUP($A320,városok!$A$2:$C$346,3,0)-VLOOKUP(U$1,városok!$A$2:$C$346,3,0))^2)/1000,0)</f>
        <v>162</v>
      </c>
      <c r="V320">
        <f ca="1">ROUND(SQRT((VLOOKUP($A320,városok!$A$2:$C$346,2,0)-VLOOKUP(V$1,városok!$A$2:$C$346,2,0))^2+(VLOOKUP($A320,városok!$A$2:$C$346,3,0)-VLOOKUP(V$1,városok!$A$2:$C$346,3,0))^2)/1000,0)</f>
        <v>114</v>
      </c>
      <c r="W320">
        <f ca="1">ROUND(SQRT((VLOOKUP($A320,városok!$A$2:$C$346,2,0)-VLOOKUP(W$1,városok!$A$2:$C$346,2,0))^2+(VLOOKUP($A320,városok!$A$2:$C$346,3,0)-VLOOKUP(W$1,városok!$A$2:$C$346,3,0))^2)/1000,0)</f>
        <v>139</v>
      </c>
      <c r="X320">
        <f ca="1">ROUND(SQRT((VLOOKUP($A320,városok!$A$2:$C$346,2,0)-VLOOKUP(X$1,városok!$A$2:$C$346,2,0))^2+(VLOOKUP($A320,városok!$A$2:$C$346,3,0)-VLOOKUP(X$1,városok!$A$2:$C$346,3,0))^2)/1000,0)</f>
        <v>118</v>
      </c>
      <c r="Y320">
        <f ca="1">ROUND(SQRT((VLOOKUP($A320,városok!$A$2:$C$346,2,0)-VLOOKUP(Y$1,városok!$A$2:$C$346,2,0))^2+(VLOOKUP($A320,városok!$A$2:$C$346,3,0)-VLOOKUP(Y$1,városok!$A$2:$C$346,3,0))^2)/1000,0)</f>
        <v>94</v>
      </c>
      <c r="Z320">
        <f ca="1">ROUND(SQRT((VLOOKUP($A320,városok!$A$2:$C$346,2,0)-VLOOKUP(Z$1,városok!$A$2:$C$346,2,0))^2+(VLOOKUP($A320,városok!$A$2:$C$346,3,0)-VLOOKUP(Z$1,városok!$A$2:$C$346,3,0))^2)/1000,0)</f>
        <v>88</v>
      </c>
      <c r="AA320">
        <f ca="1">ROUND(SQRT((VLOOKUP($A320,városok!$A$2:$C$346,2,0)-VLOOKUP(AA$1,városok!$A$2:$C$346,2,0))^2+(VLOOKUP($A320,városok!$A$2:$C$346,3,0)-VLOOKUP(AA$1,városok!$A$2:$C$346,3,0))^2)/1000,0)</f>
        <v>72</v>
      </c>
      <c r="AB320">
        <f ca="1">ROUND(SQRT((VLOOKUP($A320,városok!$A$2:$C$346,2,0)-VLOOKUP(AB$1,városok!$A$2:$C$346,2,0))^2+(VLOOKUP($A320,városok!$A$2:$C$346,3,0)-VLOOKUP(AB$1,városok!$A$2:$C$346,3,0))^2)/1000,0)</f>
        <v>369</v>
      </c>
      <c r="AC320">
        <f ca="1">ROUND(SQRT((VLOOKUP($A320,városok!$A$2:$C$346,2,0)-VLOOKUP(AC$1,városok!$A$2:$C$346,2,0))^2+(VLOOKUP($A320,városok!$A$2:$C$346,3,0)-VLOOKUP(AC$1,városok!$A$2:$C$346,3,0))^2)/1000,0)</f>
        <v>350</v>
      </c>
      <c r="AD320">
        <f ca="1">ROUND(SQRT((VLOOKUP($A320,városok!$A$2:$C$346,2,0)-VLOOKUP(AD$1,városok!$A$2:$C$346,2,0))^2+(VLOOKUP($A320,városok!$A$2:$C$346,3,0)-VLOOKUP(AD$1,városok!$A$2:$C$346,3,0))^2)/1000,0)</f>
        <v>332</v>
      </c>
      <c r="AE320">
        <f ca="1">ROUND(SQRT((VLOOKUP($A320,városok!$A$2:$C$346,2,0)-VLOOKUP(AE$1,városok!$A$2:$C$346,2,0))^2+(VLOOKUP($A320,városok!$A$2:$C$346,3,0)-VLOOKUP(AE$1,városok!$A$2:$C$346,3,0))^2)/1000,0)</f>
        <v>331</v>
      </c>
      <c r="AF320">
        <f ca="1">ROUND(SQRT((VLOOKUP($A320,városok!$A$2:$C$346,2,0)-VLOOKUP(AF$1,városok!$A$2:$C$346,2,0))^2+(VLOOKUP($A320,városok!$A$2:$C$346,3,0)-VLOOKUP(AF$1,városok!$A$2:$C$346,3,0))^2)/1000,0)</f>
        <v>285</v>
      </c>
      <c r="AG320">
        <f ca="1">ROUND(SQRT((VLOOKUP($A320,városok!$A$2:$C$346,2,0)-VLOOKUP(AG$1,városok!$A$2:$C$346,2,0))^2+(VLOOKUP($A320,városok!$A$2:$C$346,3,0)-VLOOKUP(AG$1,városok!$A$2:$C$346,3,0))^2)/1000,0)</f>
        <v>249</v>
      </c>
      <c r="AH320">
        <f ca="1">ROUND(SQRT((VLOOKUP($A320,városok!$A$2:$C$346,2,0)-VLOOKUP(AH$1,városok!$A$2:$C$346,2,0))^2+(VLOOKUP($A320,városok!$A$2:$C$346,3,0)-VLOOKUP(AH$1,városok!$A$2:$C$346,3,0))^2)/1000,0)</f>
        <v>227</v>
      </c>
      <c r="AI320">
        <f ca="1">ROUND(SQRT((VLOOKUP($A320,városok!$A$2:$C$346,2,0)-VLOOKUP(AI$1,városok!$A$2:$C$346,2,0))^2+(VLOOKUP($A320,városok!$A$2:$C$346,3,0)-VLOOKUP(AI$1,városok!$A$2:$C$346,3,0))^2)/1000,0)</f>
        <v>270</v>
      </c>
      <c r="AJ320">
        <f ca="1">ROUND(SQRT((VLOOKUP($A320,városok!$A$2:$C$346,2,0)-VLOOKUP(AJ$1,városok!$A$2:$C$346,2,0))^2+(VLOOKUP($A320,városok!$A$2:$C$346,3,0)-VLOOKUP(AJ$1,városok!$A$2:$C$346,3,0))^2)/1000,0)</f>
        <v>248</v>
      </c>
      <c r="AK320">
        <f ca="1">ROUND(SQRT((VLOOKUP($A320,városok!$A$2:$C$346,2,0)-VLOOKUP(AK$1,városok!$A$2:$C$346,2,0))^2+(VLOOKUP($A320,városok!$A$2:$C$346,3,0)-VLOOKUP(AK$1,városok!$A$2:$C$346,3,0))^2)/1000,0)</f>
        <v>317</v>
      </c>
      <c r="AL320">
        <f ca="1">ROUND(SQRT((VLOOKUP($A320,városok!$A$2:$C$346,2,0)-VLOOKUP(AL$1,városok!$A$2:$C$346,2,0))^2+(VLOOKUP($A320,városok!$A$2:$C$346,3,0)-VLOOKUP(AL$1,városok!$A$2:$C$346,3,0))^2)/1000,0)</f>
        <v>291</v>
      </c>
      <c r="AM320">
        <f ca="1">ROUND(SQRT((VLOOKUP($A320,városok!$A$2:$C$346,2,0)-VLOOKUP(AM$1,városok!$A$2:$C$346,2,0))^2+(VLOOKUP($A320,városok!$A$2:$C$346,3,0)-VLOOKUP(AM$1,városok!$A$2:$C$346,3,0))^2)/1000,0)</f>
        <v>257</v>
      </c>
      <c r="AN320">
        <f ca="1">ROUND(SQRT((VLOOKUP($A320,városok!$A$2:$C$346,2,0)-VLOOKUP(AN$1,városok!$A$2:$C$346,2,0))^2+(VLOOKUP($A320,városok!$A$2:$C$346,3,0)-VLOOKUP(AN$1,városok!$A$2:$C$346,3,0))^2)/1000,0)</f>
        <v>167</v>
      </c>
      <c r="AO320">
        <f ca="1">ROUND(SQRT((VLOOKUP($A320,városok!$A$2:$C$346,2,0)-VLOOKUP(AO$1,városok!$A$2:$C$346,2,0))^2+(VLOOKUP($A320,városok!$A$2:$C$346,3,0)-VLOOKUP(AO$1,városok!$A$2:$C$346,3,0))^2)/1000,0)</f>
        <v>125</v>
      </c>
      <c r="AP320">
        <f ca="1">ROUND(SQRT((VLOOKUP($A320,városok!$A$2:$C$346,2,0)-VLOOKUP(AP$1,városok!$A$2:$C$346,2,0))^2+(VLOOKUP($A320,városok!$A$2:$C$346,3,0)-VLOOKUP(AP$1,városok!$A$2:$C$346,3,0))^2)/1000,0)</f>
        <v>133</v>
      </c>
      <c r="AQ320">
        <f ca="1">ROUND(SQRT((VLOOKUP($A320,városok!$A$2:$C$346,2,0)-VLOOKUP(AQ$1,városok!$A$2:$C$346,2,0))^2+(VLOOKUP($A320,városok!$A$2:$C$346,3,0)-VLOOKUP(AQ$1,városok!$A$2:$C$346,3,0))^2)/1000,0)</f>
        <v>134</v>
      </c>
      <c r="AR320">
        <f ca="1">ROUND(SQRT((VLOOKUP($A320,városok!$A$2:$C$346,2,0)-VLOOKUP(AR$1,városok!$A$2:$C$346,2,0))^2+(VLOOKUP($A320,városok!$A$2:$C$346,3,0)-VLOOKUP(AR$1,városok!$A$2:$C$346,3,0))^2)/1000,0)</f>
        <v>238</v>
      </c>
      <c r="AS320">
        <f ca="1">ROUND(SQRT((VLOOKUP($A320,városok!$A$2:$C$346,2,0)-VLOOKUP(AS$1,városok!$A$2:$C$346,2,0))^2+(VLOOKUP($A320,városok!$A$2:$C$346,3,0)-VLOOKUP(AS$1,városok!$A$2:$C$346,3,0))^2)/1000,0)</f>
        <v>255</v>
      </c>
      <c r="AT320">
        <f ca="1">ROUND(SQRT((VLOOKUP($A320,városok!$A$2:$C$346,2,0)-VLOOKUP(AT$1,városok!$A$2:$C$346,2,0))^2+(VLOOKUP($A320,városok!$A$2:$C$346,3,0)-VLOOKUP(AT$1,városok!$A$2:$C$346,3,0))^2)/1000,0)</f>
        <v>159</v>
      </c>
      <c r="AU320">
        <f ca="1">ROUND(SQRT((VLOOKUP($A320,városok!$A$2:$C$346,2,0)-VLOOKUP(AU$1,városok!$A$2:$C$346,2,0))^2+(VLOOKUP($A320,városok!$A$2:$C$346,3,0)-VLOOKUP(AU$1,városok!$A$2:$C$346,3,0))^2)/1000,0)</f>
        <v>169</v>
      </c>
      <c r="AV320">
        <f ca="1">ROUND(SQRT((VLOOKUP($A320,városok!$A$2:$C$346,2,0)-VLOOKUP(AV$1,városok!$A$2:$C$346,2,0))^2+(VLOOKUP($A320,városok!$A$2:$C$346,3,0)-VLOOKUP(AV$1,városok!$A$2:$C$346,3,0))^2)/1000,0)</f>
        <v>167</v>
      </c>
      <c r="AW320">
        <f ca="1">ROUND(SQRT((VLOOKUP($A320,városok!$A$2:$C$346,2,0)-VLOOKUP(AW$1,városok!$A$2:$C$346,2,0))^2+(VLOOKUP($A320,városok!$A$2:$C$346,3,0)-VLOOKUP(AW$1,városok!$A$2:$C$346,3,0))^2)/1000,0)</f>
        <v>164</v>
      </c>
      <c r="AX320">
        <f ca="1">ROUND(SQRT((VLOOKUP($A320,városok!$A$2:$C$346,2,0)-VLOOKUP(AX$1,városok!$A$2:$C$346,2,0))^2+(VLOOKUP($A320,városok!$A$2:$C$346,3,0)-VLOOKUP(AX$1,városok!$A$2:$C$346,3,0))^2)/1000,0)</f>
        <v>226</v>
      </c>
      <c r="AY320">
        <f ca="1">ROUND(SQRT((VLOOKUP($A320,városok!$A$2:$C$346,2,0)-VLOOKUP(AY$1,városok!$A$2:$C$346,2,0))^2+(VLOOKUP($A320,városok!$A$2:$C$346,3,0)-VLOOKUP(AY$1,városok!$A$2:$C$346,3,0))^2)/1000,0)</f>
        <v>184</v>
      </c>
      <c r="AZ320">
        <f ca="1">ROUND(SQRT((VLOOKUP($A320,városok!$A$2:$C$346,2,0)-VLOOKUP(AZ$1,városok!$A$2:$C$346,2,0))^2+(VLOOKUP($A320,városok!$A$2:$C$346,3,0)-VLOOKUP(AZ$1,városok!$A$2:$C$346,3,0))^2)/1000,0)</f>
        <v>182</v>
      </c>
      <c r="BA320">
        <f ca="1">ROUND(SQRT((VLOOKUP($A320,városok!$A$2:$C$346,2,0)-VLOOKUP(BA$1,városok!$A$2:$C$346,2,0))^2+(VLOOKUP($A320,városok!$A$2:$C$346,3,0)-VLOOKUP(BA$1,városok!$A$2:$C$346,3,0))^2)/1000,0)</f>
        <v>75</v>
      </c>
      <c r="BB320">
        <f ca="1">ROUND(SQRT((VLOOKUP($A320,városok!$A$2:$C$346,2,0)-VLOOKUP(BB$1,városok!$A$2:$C$346,2,0))^2+(VLOOKUP($A320,városok!$A$2:$C$346,3,0)-VLOOKUP(BB$1,városok!$A$2:$C$346,3,0))^2)/1000,0)</f>
        <v>104</v>
      </c>
      <c r="BC320">
        <f ca="1">ROUND(SQRT((VLOOKUP($A320,városok!$A$2:$C$346,2,0)-VLOOKUP(BC$1,városok!$A$2:$C$346,2,0))^2+(VLOOKUP($A320,városok!$A$2:$C$346,3,0)-VLOOKUP(BC$1,városok!$A$2:$C$346,3,0))^2)/1000,0)</f>
        <v>108</v>
      </c>
      <c r="BD320">
        <f ca="1">ROUND(SQRT((VLOOKUP($A320,városok!$A$2:$C$346,2,0)-VLOOKUP(BD$1,városok!$A$2:$C$346,2,0))^2+(VLOOKUP($A320,városok!$A$2:$C$346,3,0)-VLOOKUP(BD$1,városok!$A$2:$C$346,3,0))^2)/1000,0)</f>
        <v>97</v>
      </c>
      <c r="BE320">
        <f ca="1">ROUND(SQRT((VLOOKUP($A320,városok!$A$2:$C$346,2,0)-VLOOKUP(BE$1,városok!$A$2:$C$346,2,0))^2+(VLOOKUP($A320,városok!$A$2:$C$346,3,0)-VLOOKUP(BE$1,városok!$A$2:$C$346,3,0))^2)/1000,0)</f>
        <v>450</v>
      </c>
      <c r="BF320">
        <f ca="1">ROUND(SQRT((VLOOKUP($A320,városok!$A$2:$C$346,2,0)-VLOOKUP(BF$1,városok!$A$2:$C$346,2,0))^2+(VLOOKUP($A320,városok!$A$2:$C$346,3,0)-VLOOKUP(BF$1,városok!$A$2:$C$346,3,0))^2)/1000,0)</f>
        <v>416</v>
      </c>
      <c r="BG320">
        <f ca="1">ROUND(SQRT((VLOOKUP($A320,városok!$A$2:$C$346,2,0)-VLOOKUP(BG$1,városok!$A$2:$C$346,2,0))^2+(VLOOKUP($A320,városok!$A$2:$C$346,3,0)-VLOOKUP(BG$1,városok!$A$2:$C$346,3,0))^2)/1000,0)</f>
        <v>370</v>
      </c>
      <c r="BH320">
        <f ca="1">ROUND(SQRT((VLOOKUP($A320,városok!$A$2:$C$346,2,0)-VLOOKUP(BH$1,városok!$A$2:$C$346,2,0))^2+(VLOOKUP($A320,városok!$A$2:$C$346,3,0)-VLOOKUP(BH$1,városok!$A$2:$C$346,3,0))^2)/1000,0)</f>
        <v>370</v>
      </c>
      <c r="BI320">
        <f ca="1">ROUND(SQRT((VLOOKUP($A320,városok!$A$2:$C$346,2,0)-VLOOKUP(BI$1,városok!$A$2:$C$346,2,0))^2+(VLOOKUP($A320,városok!$A$2:$C$346,3,0)-VLOOKUP(BI$1,városok!$A$2:$C$346,3,0))^2)/1000,0)</f>
        <v>157</v>
      </c>
      <c r="BJ320">
        <f ca="1">ROUND(SQRT((VLOOKUP($A320,városok!$A$2:$C$346,2,0)-VLOOKUP(BJ$1,városok!$A$2:$C$346,2,0))^2+(VLOOKUP($A320,városok!$A$2:$C$346,3,0)-VLOOKUP(BJ$1,városok!$A$2:$C$346,3,0))^2)/1000,0)</f>
        <v>153</v>
      </c>
      <c r="BK320">
        <f ca="1">ROUND(SQRT((VLOOKUP($A320,városok!$A$2:$C$346,2,0)-VLOOKUP(BK$1,városok!$A$2:$C$346,2,0))^2+(VLOOKUP($A320,városok!$A$2:$C$346,3,0)-VLOOKUP(BK$1,városok!$A$2:$C$346,3,0))^2)/1000,0)</f>
        <v>165</v>
      </c>
      <c r="BL320">
        <f ca="1">ROUND(SQRT((VLOOKUP($A320,városok!$A$2:$C$346,2,0)-VLOOKUP(BL$1,városok!$A$2:$C$346,2,0))^2+(VLOOKUP($A320,városok!$A$2:$C$346,3,0)-VLOOKUP(BL$1,városok!$A$2:$C$346,3,0))^2)/1000,0)</f>
        <v>16</v>
      </c>
      <c r="BM320">
        <f ca="1">ROUND(SQRT((VLOOKUP($A320,városok!$A$2:$C$346,2,0)-VLOOKUP(BM$1,városok!$A$2:$C$346,2,0))^2+(VLOOKUP($A320,városok!$A$2:$C$346,3,0)-VLOOKUP(BM$1,városok!$A$2:$C$346,3,0))^2)/1000,0)</f>
        <v>24</v>
      </c>
      <c r="BN320">
        <f ca="1">ROUND(SQRT((VLOOKUP($A320,városok!$A$2:$C$346,2,0)-VLOOKUP(BN$1,városok!$A$2:$C$346,2,0))^2+(VLOOKUP($A320,városok!$A$2:$C$346,3,0)-VLOOKUP(BN$1,városok!$A$2:$C$346,3,0))^2)/1000,0)</f>
        <v>25</v>
      </c>
      <c r="BO320">
        <f ca="1">ROUND(SQRT((VLOOKUP($A320,városok!$A$2:$C$346,2,0)-VLOOKUP(BO$1,városok!$A$2:$C$346,2,0))^2+(VLOOKUP($A320,városok!$A$2:$C$346,3,0)-VLOOKUP(BO$1,városok!$A$2:$C$346,3,0))^2)/1000,0)</f>
        <v>92</v>
      </c>
      <c r="BP320">
        <f ca="1">ROUND(SQRT((VLOOKUP($A320,városok!$A$2:$C$346,2,0)-VLOOKUP(BP$1,városok!$A$2:$C$346,2,0))^2+(VLOOKUP($A320,városok!$A$2:$C$346,3,0)-VLOOKUP(BP$1,városok!$A$2:$C$346,3,0))^2)/1000,0)</f>
        <v>99</v>
      </c>
      <c r="BQ320">
        <f ca="1">ROUND(SQRT((VLOOKUP($A320,városok!$A$2:$C$346,2,0)-VLOOKUP(BQ$1,városok!$A$2:$C$346,2,0))^2+(VLOOKUP($A320,városok!$A$2:$C$346,3,0)-VLOOKUP(BQ$1,városok!$A$2:$C$346,3,0))^2)/1000,0)</f>
        <v>84</v>
      </c>
      <c r="BR320">
        <f ca="1">ROUND(SQRT((VLOOKUP($A320,városok!$A$2:$C$346,2,0)-VLOOKUP(BR$1,városok!$A$2:$C$346,2,0))^2+(VLOOKUP($A320,városok!$A$2:$C$346,3,0)-VLOOKUP(BR$1,városok!$A$2:$C$346,3,0))^2)/1000,0)</f>
        <v>46</v>
      </c>
      <c r="BS320">
        <f ca="1">ROUND(SQRT((VLOOKUP($A320,városok!$A$2:$C$346,2,0)-VLOOKUP(BS$1,városok!$A$2:$C$346,2,0))^2+(VLOOKUP($A320,városok!$A$2:$C$346,3,0)-VLOOKUP(BS$1,városok!$A$2:$C$346,3,0))^2)/1000,0)</f>
        <v>69</v>
      </c>
      <c r="BT320">
        <f ca="1">ROUND(SQRT((VLOOKUP($A320,városok!$A$2:$C$346,2,0)-VLOOKUP(BT$1,városok!$A$2:$C$346,2,0))^2+(VLOOKUP($A320,városok!$A$2:$C$346,3,0)-VLOOKUP(BT$1,városok!$A$2:$C$346,3,0))^2)/1000,0)</f>
        <v>24</v>
      </c>
    </row>
    <row r="321" spans="1:72" x14ac:dyDescent="0.2">
      <c r="A321" t="str">
        <f>városok!A321</f>
        <v>Vép</v>
      </c>
      <c r="B321">
        <f ca="1">ROUND(SQRT((VLOOKUP($A321,városok!$A$2:$C$346,2,0)-VLOOKUP(B$1,városok!$A$2:$C$346,2,0))^2+(VLOOKUP($A321,városok!$A$2:$C$346,3,0)-VLOOKUP(B$1,városok!$A$2:$C$346,3,0))^2)/1000,0)</f>
        <v>207</v>
      </c>
      <c r="C321">
        <f ca="1">ROUND(SQRT((VLOOKUP($A321,városok!$A$2:$C$346,2,0)-VLOOKUP(C$1,városok!$A$2:$C$346,2,0))^2+(VLOOKUP($A321,városok!$A$2:$C$346,3,0)-VLOOKUP(C$1,városok!$A$2:$C$346,3,0))^2)/1000,0)</f>
        <v>189</v>
      </c>
      <c r="D321">
        <f ca="1">ROUND(SQRT((VLOOKUP($A321,városok!$A$2:$C$346,2,0)-VLOOKUP(D$1,városok!$A$2:$C$346,2,0))^2+(VLOOKUP($A321,városok!$A$2:$C$346,3,0)-VLOOKUP(D$1,városok!$A$2:$C$346,3,0))^2)/1000,0)</f>
        <v>228</v>
      </c>
      <c r="E321">
        <f ca="1">ROUND(SQRT((VLOOKUP($A321,városok!$A$2:$C$346,2,0)-VLOOKUP(E$1,városok!$A$2:$C$346,2,0))^2+(VLOOKUP($A321,városok!$A$2:$C$346,3,0)-VLOOKUP(E$1,városok!$A$2:$C$346,3,0))^2)/1000,0)</f>
        <v>165</v>
      </c>
      <c r="F321">
        <f ca="1">ROUND(SQRT((VLOOKUP($A321,városok!$A$2:$C$346,2,0)-VLOOKUP(F$1,városok!$A$2:$C$346,2,0))^2+(VLOOKUP($A321,városok!$A$2:$C$346,3,0)-VLOOKUP(F$1,városok!$A$2:$C$346,3,0))^2)/1000,0)</f>
        <v>204</v>
      </c>
      <c r="G321">
        <f ca="1">ROUND(SQRT((VLOOKUP($A321,városok!$A$2:$C$346,2,0)-VLOOKUP(G$1,városok!$A$2:$C$346,2,0))^2+(VLOOKUP($A321,városok!$A$2:$C$346,3,0)-VLOOKUP(G$1,városok!$A$2:$C$346,3,0))^2)/1000,0)</f>
        <v>173</v>
      </c>
      <c r="H321">
        <f ca="1">ROUND(SQRT((VLOOKUP($A321,városok!$A$2:$C$346,2,0)-VLOOKUP(H$1,városok!$A$2:$C$346,2,0))^2+(VLOOKUP($A321,városok!$A$2:$C$346,3,0)-VLOOKUP(H$1,városok!$A$2:$C$346,3,0))^2)/1000,0)</f>
        <v>155</v>
      </c>
      <c r="I321">
        <f ca="1">ROUND(SQRT((VLOOKUP($A321,városok!$A$2:$C$346,2,0)-VLOOKUP(I$1,városok!$A$2:$C$346,2,0))^2+(VLOOKUP($A321,városok!$A$2:$C$346,3,0)-VLOOKUP(I$1,városok!$A$2:$C$346,3,0))^2)/1000,0)</f>
        <v>337</v>
      </c>
      <c r="J321">
        <f ca="1">ROUND(SQRT((VLOOKUP($A321,városok!$A$2:$C$346,2,0)-VLOOKUP(J$1,városok!$A$2:$C$346,2,0))^2+(VLOOKUP($A321,városok!$A$2:$C$346,3,0)-VLOOKUP(J$1,városok!$A$2:$C$346,3,0))^2)/1000,0)</f>
        <v>352</v>
      </c>
      <c r="K321">
        <f ca="1">ROUND(SQRT((VLOOKUP($A321,városok!$A$2:$C$346,2,0)-VLOOKUP(K$1,városok!$A$2:$C$346,2,0))^2+(VLOOKUP($A321,városok!$A$2:$C$346,3,0)-VLOOKUP(K$1,városok!$A$2:$C$346,3,0))^2)/1000,0)</f>
        <v>309</v>
      </c>
      <c r="L321">
        <f ca="1">ROUND(SQRT((VLOOKUP($A321,városok!$A$2:$C$346,2,0)-VLOOKUP(L$1,városok!$A$2:$C$346,2,0))^2+(VLOOKUP($A321,városok!$A$2:$C$346,3,0)-VLOOKUP(L$1,városok!$A$2:$C$346,3,0))^2)/1000,0)</f>
        <v>314</v>
      </c>
      <c r="M321">
        <f ca="1">ROUND(SQRT((VLOOKUP($A321,városok!$A$2:$C$346,2,0)-VLOOKUP(M$1,városok!$A$2:$C$346,2,0))^2+(VLOOKUP($A321,városok!$A$2:$C$346,3,0)-VLOOKUP(M$1,városok!$A$2:$C$346,3,0))^2)/1000,0)</f>
        <v>320</v>
      </c>
      <c r="N321">
        <f ca="1">ROUND(SQRT((VLOOKUP($A321,városok!$A$2:$C$346,2,0)-VLOOKUP(N$1,városok!$A$2:$C$346,2,0))^2+(VLOOKUP($A321,városok!$A$2:$C$346,3,0)-VLOOKUP(N$1,városok!$A$2:$C$346,3,0))^2)/1000,0)</f>
        <v>289</v>
      </c>
      <c r="O321">
        <f ca="1">ROUND(SQRT((VLOOKUP($A321,városok!$A$2:$C$346,2,0)-VLOOKUP(O$1,városok!$A$2:$C$346,2,0))^2+(VLOOKUP($A321,városok!$A$2:$C$346,3,0)-VLOOKUP(O$1,városok!$A$2:$C$346,3,0))^2)/1000,0)</f>
        <v>391</v>
      </c>
      <c r="P321">
        <f ca="1">ROUND(SQRT((VLOOKUP($A321,városok!$A$2:$C$346,2,0)-VLOOKUP(P$1,városok!$A$2:$C$346,2,0))^2+(VLOOKUP($A321,városok!$A$2:$C$346,3,0)-VLOOKUP(P$1,városok!$A$2:$C$346,3,0))^2)/1000,0)</f>
        <v>391</v>
      </c>
      <c r="Q321">
        <f ca="1">ROUND(SQRT((VLOOKUP($A321,városok!$A$2:$C$346,2,0)-VLOOKUP(Q$1,városok!$A$2:$C$346,2,0))^2+(VLOOKUP($A321,városok!$A$2:$C$346,3,0)-VLOOKUP(Q$1,városok!$A$2:$C$346,3,0))^2)/1000,0)</f>
        <v>289</v>
      </c>
      <c r="R321">
        <f ca="1">ROUND(SQRT((VLOOKUP($A321,városok!$A$2:$C$346,2,0)-VLOOKUP(R$1,városok!$A$2:$C$346,2,0))^2+(VLOOKUP($A321,városok!$A$2:$C$346,3,0)-VLOOKUP(R$1,városok!$A$2:$C$346,3,0))^2)/1000,0)</f>
        <v>308</v>
      </c>
      <c r="S321">
        <f ca="1">ROUND(SQRT((VLOOKUP($A321,városok!$A$2:$C$346,2,0)-VLOOKUP(S$1,városok!$A$2:$C$346,2,0))^2+(VLOOKUP($A321,városok!$A$2:$C$346,3,0)-VLOOKUP(S$1,városok!$A$2:$C$346,3,0))^2)/1000,0)</f>
        <v>284</v>
      </c>
      <c r="T321">
        <f ca="1">ROUND(SQRT((VLOOKUP($A321,városok!$A$2:$C$346,2,0)-VLOOKUP(T$1,városok!$A$2:$C$346,2,0))^2+(VLOOKUP($A321,városok!$A$2:$C$346,3,0)-VLOOKUP(T$1,városok!$A$2:$C$346,3,0))^2)/1000,0)</f>
        <v>147</v>
      </c>
      <c r="U321">
        <f ca="1">ROUND(SQRT((VLOOKUP($A321,városok!$A$2:$C$346,2,0)-VLOOKUP(U$1,városok!$A$2:$C$346,2,0))^2+(VLOOKUP($A321,városok!$A$2:$C$346,3,0)-VLOOKUP(U$1,városok!$A$2:$C$346,3,0))^2)/1000,0)</f>
        <v>170</v>
      </c>
      <c r="V321">
        <f ca="1">ROUND(SQRT((VLOOKUP($A321,városok!$A$2:$C$346,2,0)-VLOOKUP(V$1,városok!$A$2:$C$346,2,0))^2+(VLOOKUP($A321,városok!$A$2:$C$346,3,0)-VLOOKUP(V$1,városok!$A$2:$C$346,3,0))^2)/1000,0)</f>
        <v>121</v>
      </c>
      <c r="W321">
        <f ca="1">ROUND(SQRT((VLOOKUP($A321,városok!$A$2:$C$346,2,0)-VLOOKUP(W$1,városok!$A$2:$C$346,2,0))^2+(VLOOKUP($A321,városok!$A$2:$C$346,3,0)-VLOOKUP(W$1,városok!$A$2:$C$346,3,0))^2)/1000,0)</f>
        <v>149</v>
      </c>
      <c r="X321">
        <f ca="1">ROUND(SQRT((VLOOKUP($A321,városok!$A$2:$C$346,2,0)-VLOOKUP(X$1,városok!$A$2:$C$346,2,0))^2+(VLOOKUP($A321,városok!$A$2:$C$346,3,0)-VLOOKUP(X$1,városok!$A$2:$C$346,3,0))^2)/1000,0)</f>
        <v>121</v>
      </c>
      <c r="Y321">
        <f ca="1">ROUND(SQRT((VLOOKUP($A321,városok!$A$2:$C$346,2,0)-VLOOKUP(Y$1,városok!$A$2:$C$346,2,0))^2+(VLOOKUP($A321,városok!$A$2:$C$346,3,0)-VLOOKUP(Y$1,városok!$A$2:$C$346,3,0))^2)/1000,0)</f>
        <v>85</v>
      </c>
      <c r="Z321">
        <f ca="1">ROUND(SQRT((VLOOKUP($A321,városok!$A$2:$C$346,2,0)-VLOOKUP(Z$1,városok!$A$2:$C$346,2,0))^2+(VLOOKUP($A321,városok!$A$2:$C$346,3,0)-VLOOKUP(Z$1,városok!$A$2:$C$346,3,0))^2)/1000,0)</f>
        <v>75</v>
      </c>
      <c r="AA321">
        <f ca="1">ROUND(SQRT((VLOOKUP($A321,városok!$A$2:$C$346,2,0)-VLOOKUP(AA$1,városok!$A$2:$C$346,2,0))^2+(VLOOKUP($A321,városok!$A$2:$C$346,3,0)-VLOOKUP(AA$1,városok!$A$2:$C$346,3,0))^2)/1000,0)</f>
        <v>51</v>
      </c>
      <c r="AB321">
        <f ca="1">ROUND(SQRT((VLOOKUP($A321,városok!$A$2:$C$346,2,0)-VLOOKUP(AB$1,városok!$A$2:$C$346,2,0))^2+(VLOOKUP($A321,városok!$A$2:$C$346,3,0)-VLOOKUP(AB$1,városok!$A$2:$C$346,3,0))^2)/1000,0)</f>
        <v>372</v>
      </c>
      <c r="AC321">
        <f ca="1">ROUND(SQRT((VLOOKUP($A321,városok!$A$2:$C$346,2,0)-VLOOKUP(AC$1,városok!$A$2:$C$346,2,0))^2+(VLOOKUP($A321,városok!$A$2:$C$346,3,0)-VLOOKUP(AC$1,városok!$A$2:$C$346,3,0))^2)/1000,0)</f>
        <v>354</v>
      </c>
      <c r="AD321">
        <f ca="1">ROUND(SQRT((VLOOKUP($A321,városok!$A$2:$C$346,2,0)-VLOOKUP(AD$1,városok!$A$2:$C$346,2,0))^2+(VLOOKUP($A321,városok!$A$2:$C$346,3,0)-VLOOKUP(AD$1,városok!$A$2:$C$346,3,0))^2)/1000,0)</f>
        <v>336</v>
      </c>
      <c r="AE321">
        <f ca="1">ROUND(SQRT((VLOOKUP($A321,városok!$A$2:$C$346,2,0)-VLOOKUP(AE$1,városok!$A$2:$C$346,2,0))^2+(VLOOKUP($A321,városok!$A$2:$C$346,3,0)-VLOOKUP(AE$1,városok!$A$2:$C$346,3,0))^2)/1000,0)</f>
        <v>336</v>
      </c>
      <c r="AF321">
        <f ca="1">ROUND(SQRT((VLOOKUP($A321,városok!$A$2:$C$346,2,0)-VLOOKUP(AF$1,városok!$A$2:$C$346,2,0))^2+(VLOOKUP($A321,városok!$A$2:$C$346,3,0)-VLOOKUP(AF$1,városok!$A$2:$C$346,3,0))^2)/1000,0)</f>
        <v>284</v>
      </c>
      <c r="AG321">
        <f ca="1">ROUND(SQRT((VLOOKUP($A321,városok!$A$2:$C$346,2,0)-VLOOKUP(AG$1,városok!$A$2:$C$346,2,0))^2+(VLOOKUP($A321,városok!$A$2:$C$346,3,0)-VLOOKUP(AG$1,városok!$A$2:$C$346,3,0))^2)/1000,0)</f>
        <v>249</v>
      </c>
      <c r="AH321">
        <f ca="1">ROUND(SQRT((VLOOKUP($A321,városok!$A$2:$C$346,2,0)-VLOOKUP(AH$1,városok!$A$2:$C$346,2,0))^2+(VLOOKUP($A321,városok!$A$2:$C$346,3,0)-VLOOKUP(AH$1,városok!$A$2:$C$346,3,0))^2)/1000,0)</f>
        <v>228</v>
      </c>
      <c r="AI321">
        <f ca="1">ROUND(SQRT((VLOOKUP($A321,városok!$A$2:$C$346,2,0)-VLOOKUP(AI$1,városok!$A$2:$C$346,2,0))^2+(VLOOKUP($A321,városok!$A$2:$C$346,3,0)-VLOOKUP(AI$1,városok!$A$2:$C$346,3,0))^2)/1000,0)</f>
        <v>268</v>
      </c>
      <c r="AJ321">
        <f ca="1">ROUND(SQRT((VLOOKUP($A321,városok!$A$2:$C$346,2,0)-VLOOKUP(AJ$1,városok!$A$2:$C$346,2,0))^2+(VLOOKUP($A321,városok!$A$2:$C$346,3,0)-VLOOKUP(AJ$1,városok!$A$2:$C$346,3,0))^2)/1000,0)</f>
        <v>249</v>
      </c>
      <c r="AK321">
        <f ca="1">ROUND(SQRT((VLOOKUP($A321,városok!$A$2:$C$346,2,0)-VLOOKUP(AK$1,városok!$A$2:$C$346,2,0))^2+(VLOOKUP($A321,városok!$A$2:$C$346,3,0)-VLOOKUP(AK$1,városok!$A$2:$C$346,3,0))^2)/1000,0)</f>
        <v>321</v>
      </c>
      <c r="AL321">
        <f ca="1">ROUND(SQRT((VLOOKUP($A321,városok!$A$2:$C$346,2,0)-VLOOKUP(AL$1,városok!$A$2:$C$346,2,0))^2+(VLOOKUP($A321,városok!$A$2:$C$346,3,0)-VLOOKUP(AL$1,városok!$A$2:$C$346,3,0))^2)/1000,0)</f>
        <v>295</v>
      </c>
      <c r="AM321">
        <f ca="1">ROUND(SQRT((VLOOKUP($A321,városok!$A$2:$C$346,2,0)-VLOOKUP(AM$1,városok!$A$2:$C$346,2,0))^2+(VLOOKUP($A321,városok!$A$2:$C$346,3,0)-VLOOKUP(AM$1,városok!$A$2:$C$346,3,0))^2)/1000,0)</f>
        <v>262</v>
      </c>
      <c r="AN321">
        <f ca="1">ROUND(SQRT((VLOOKUP($A321,városok!$A$2:$C$346,2,0)-VLOOKUP(AN$1,városok!$A$2:$C$346,2,0))^2+(VLOOKUP($A321,városok!$A$2:$C$346,3,0)-VLOOKUP(AN$1,városok!$A$2:$C$346,3,0))^2)/1000,0)</f>
        <v>164</v>
      </c>
      <c r="AO321">
        <f ca="1">ROUND(SQRT((VLOOKUP($A321,városok!$A$2:$C$346,2,0)-VLOOKUP(AO$1,városok!$A$2:$C$346,2,0))^2+(VLOOKUP($A321,városok!$A$2:$C$346,3,0)-VLOOKUP(AO$1,városok!$A$2:$C$346,3,0))^2)/1000,0)</f>
        <v>119</v>
      </c>
      <c r="AP321">
        <f ca="1">ROUND(SQRT((VLOOKUP($A321,városok!$A$2:$C$346,2,0)-VLOOKUP(AP$1,városok!$A$2:$C$346,2,0))^2+(VLOOKUP($A321,városok!$A$2:$C$346,3,0)-VLOOKUP(AP$1,városok!$A$2:$C$346,3,0))^2)/1000,0)</f>
        <v>129</v>
      </c>
      <c r="AQ321">
        <f ca="1">ROUND(SQRT((VLOOKUP($A321,városok!$A$2:$C$346,2,0)-VLOOKUP(AQ$1,városok!$A$2:$C$346,2,0))^2+(VLOOKUP($A321,városok!$A$2:$C$346,3,0)-VLOOKUP(AQ$1,városok!$A$2:$C$346,3,0))^2)/1000,0)</f>
        <v>132</v>
      </c>
      <c r="AR321">
        <f ca="1">ROUND(SQRT((VLOOKUP($A321,városok!$A$2:$C$346,2,0)-VLOOKUP(AR$1,városok!$A$2:$C$346,2,0))^2+(VLOOKUP($A321,városok!$A$2:$C$346,3,0)-VLOOKUP(AR$1,városok!$A$2:$C$346,3,0))^2)/1000,0)</f>
        <v>236</v>
      </c>
      <c r="AS321">
        <f ca="1">ROUND(SQRT((VLOOKUP($A321,városok!$A$2:$C$346,2,0)-VLOOKUP(AS$1,városok!$A$2:$C$346,2,0))^2+(VLOOKUP($A321,városok!$A$2:$C$346,3,0)-VLOOKUP(AS$1,városok!$A$2:$C$346,3,0))^2)/1000,0)</f>
        <v>251</v>
      </c>
      <c r="AT321">
        <f ca="1">ROUND(SQRT((VLOOKUP($A321,városok!$A$2:$C$346,2,0)-VLOOKUP(AT$1,városok!$A$2:$C$346,2,0))^2+(VLOOKUP($A321,városok!$A$2:$C$346,3,0)-VLOOKUP(AT$1,városok!$A$2:$C$346,3,0))^2)/1000,0)</f>
        <v>160</v>
      </c>
      <c r="AU321">
        <f ca="1">ROUND(SQRT((VLOOKUP($A321,városok!$A$2:$C$346,2,0)-VLOOKUP(AU$1,városok!$A$2:$C$346,2,0))^2+(VLOOKUP($A321,városok!$A$2:$C$346,3,0)-VLOOKUP(AU$1,városok!$A$2:$C$346,3,0))^2)/1000,0)</f>
        <v>171</v>
      </c>
      <c r="AV321">
        <f ca="1">ROUND(SQRT((VLOOKUP($A321,városok!$A$2:$C$346,2,0)-VLOOKUP(AV$1,városok!$A$2:$C$346,2,0))^2+(VLOOKUP($A321,városok!$A$2:$C$346,3,0)-VLOOKUP(AV$1,városok!$A$2:$C$346,3,0))^2)/1000,0)</f>
        <v>169</v>
      </c>
      <c r="AW321">
        <f ca="1">ROUND(SQRT((VLOOKUP($A321,városok!$A$2:$C$346,2,0)-VLOOKUP(AW$1,városok!$A$2:$C$346,2,0))^2+(VLOOKUP($A321,városok!$A$2:$C$346,3,0)-VLOOKUP(AW$1,városok!$A$2:$C$346,3,0))^2)/1000,0)</f>
        <v>166</v>
      </c>
      <c r="AX321">
        <f ca="1">ROUND(SQRT((VLOOKUP($A321,városok!$A$2:$C$346,2,0)-VLOOKUP(AX$1,városok!$A$2:$C$346,2,0))^2+(VLOOKUP($A321,városok!$A$2:$C$346,3,0)-VLOOKUP(AX$1,városok!$A$2:$C$346,3,0))^2)/1000,0)</f>
        <v>233</v>
      </c>
      <c r="AY321">
        <f ca="1">ROUND(SQRT((VLOOKUP($A321,városok!$A$2:$C$346,2,0)-VLOOKUP(AY$1,városok!$A$2:$C$346,2,0))^2+(VLOOKUP($A321,városok!$A$2:$C$346,3,0)-VLOOKUP(AY$1,városok!$A$2:$C$346,3,0))^2)/1000,0)</f>
        <v>183</v>
      </c>
      <c r="AZ321">
        <f ca="1">ROUND(SQRT((VLOOKUP($A321,városok!$A$2:$C$346,2,0)-VLOOKUP(AZ$1,városok!$A$2:$C$346,2,0))^2+(VLOOKUP($A321,városok!$A$2:$C$346,3,0)-VLOOKUP(AZ$1,városok!$A$2:$C$346,3,0))^2)/1000,0)</f>
        <v>180</v>
      </c>
      <c r="BA321">
        <f ca="1">ROUND(SQRT((VLOOKUP($A321,városok!$A$2:$C$346,2,0)-VLOOKUP(BA$1,városok!$A$2:$C$346,2,0))^2+(VLOOKUP($A321,városok!$A$2:$C$346,3,0)-VLOOKUP(BA$1,városok!$A$2:$C$346,3,0))^2)/1000,0)</f>
        <v>90</v>
      </c>
      <c r="BB321">
        <f ca="1">ROUND(SQRT((VLOOKUP($A321,városok!$A$2:$C$346,2,0)-VLOOKUP(BB$1,városok!$A$2:$C$346,2,0))^2+(VLOOKUP($A321,városok!$A$2:$C$346,3,0)-VLOOKUP(BB$1,városok!$A$2:$C$346,3,0))^2)/1000,0)</f>
        <v>121</v>
      </c>
      <c r="BC321">
        <f ca="1">ROUND(SQRT((VLOOKUP($A321,városok!$A$2:$C$346,2,0)-VLOOKUP(BC$1,városok!$A$2:$C$346,2,0))^2+(VLOOKUP($A321,városok!$A$2:$C$346,3,0)-VLOOKUP(BC$1,városok!$A$2:$C$346,3,0))^2)/1000,0)</f>
        <v>127</v>
      </c>
      <c r="BD321">
        <f ca="1">ROUND(SQRT((VLOOKUP($A321,városok!$A$2:$C$346,2,0)-VLOOKUP(BD$1,városok!$A$2:$C$346,2,0))^2+(VLOOKUP($A321,városok!$A$2:$C$346,3,0)-VLOOKUP(BD$1,városok!$A$2:$C$346,3,0))^2)/1000,0)</f>
        <v>108</v>
      </c>
      <c r="BE321">
        <f ca="1">ROUND(SQRT((VLOOKUP($A321,városok!$A$2:$C$346,2,0)-VLOOKUP(BE$1,városok!$A$2:$C$346,2,0))^2+(VLOOKUP($A321,városok!$A$2:$C$346,3,0)-VLOOKUP(BE$1,városok!$A$2:$C$346,3,0))^2)/1000,0)</f>
        <v>452</v>
      </c>
      <c r="BF321">
        <f ca="1">ROUND(SQRT((VLOOKUP($A321,városok!$A$2:$C$346,2,0)-VLOOKUP(BF$1,városok!$A$2:$C$346,2,0))^2+(VLOOKUP($A321,városok!$A$2:$C$346,3,0)-VLOOKUP(BF$1,városok!$A$2:$C$346,3,0))^2)/1000,0)</f>
        <v>416</v>
      </c>
      <c r="BG321">
        <f ca="1">ROUND(SQRT((VLOOKUP($A321,városok!$A$2:$C$346,2,0)-VLOOKUP(BG$1,városok!$A$2:$C$346,2,0))^2+(VLOOKUP($A321,városok!$A$2:$C$346,3,0)-VLOOKUP(BG$1,városok!$A$2:$C$346,3,0))^2)/1000,0)</f>
        <v>369</v>
      </c>
      <c r="BH321">
        <f ca="1">ROUND(SQRT((VLOOKUP($A321,városok!$A$2:$C$346,2,0)-VLOOKUP(BH$1,városok!$A$2:$C$346,2,0))^2+(VLOOKUP($A321,városok!$A$2:$C$346,3,0)-VLOOKUP(BH$1,városok!$A$2:$C$346,3,0))^2)/1000,0)</f>
        <v>369</v>
      </c>
      <c r="BI321">
        <f ca="1">ROUND(SQRT((VLOOKUP($A321,városok!$A$2:$C$346,2,0)-VLOOKUP(BI$1,városok!$A$2:$C$346,2,0))^2+(VLOOKUP($A321,városok!$A$2:$C$346,3,0)-VLOOKUP(BI$1,városok!$A$2:$C$346,3,0))^2)/1000,0)</f>
        <v>172</v>
      </c>
      <c r="BJ321">
        <f ca="1">ROUND(SQRT((VLOOKUP($A321,városok!$A$2:$C$346,2,0)-VLOOKUP(BJ$1,városok!$A$2:$C$346,2,0))^2+(VLOOKUP($A321,városok!$A$2:$C$346,3,0)-VLOOKUP(BJ$1,városok!$A$2:$C$346,3,0))^2)/1000,0)</f>
        <v>169</v>
      </c>
      <c r="BK321">
        <f ca="1">ROUND(SQRT((VLOOKUP($A321,városok!$A$2:$C$346,2,0)-VLOOKUP(BK$1,városok!$A$2:$C$346,2,0))^2+(VLOOKUP($A321,városok!$A$2:$C$346,3,0)-VLOOKUP(BK$1,városok!$A$2:$C$346,3,0))^2)/1000,0)</f>
        <v>180</v>
      </c>
      <c r="BL321">
        <f ca="1">ROUND(SQRT((VLOOKUP($A321,városok!$A$2:$C$346,2,0)-VLOOKUP(BL$1,városok!$A$2:$C$346,2,0))^2+(VLOOKUP($A321,városok!$A$2:$C$346,3,0)-VLOOKUP(BL$1,városok!$A$2:$C$346,3,0))^2)/1000,0)</f>
        <v>26</v>
      </c>
      <c r="BM321">
        <f ca="1">ROUND(SQRT((VLOOKUP($A321,városok!$A$2:$C$346,2,0)-VLOOKUP(BM$1,városok!$A$2:$C$346,2,0))^2+(VLOOKUP($A321,városok!$A$2:$C$346,3,0)-VLOOKUP(BM$1,városok!$A$2:$C$346,3,0))^2)/1000,0)</f>
        <v>16</v>
      </c>
      <c r="BN321">
        <f ca="1">ROUND(SQRT((VLOOKUP($A321,városok!$A$2:$C$346,2,0)-VLOOKUP(BN$1,városok!$A$2:$C$346,2,0))^2+(VLOOKUP($A321,városok!$A$2:$C$346,3,0)-VLOOKUP(BN$1,városok!$A$2:$C$346,3,0))^2)/1000,0)</f>
        <v>8</v>
      </c>
      <c r="BO321">
        <f ca="1">ROUND(SQRT((VLOOKUP($A321,városok!$A$2:$C$346,2,0)-VLOOKUP(BO$1,városok!$A$2:$C$346,2,0))^2+(VLOOKUP($A321,városok!$A$2:$C$346,3,0)-VLOOKUP(BO$1,városok!$A$2:$C$346,3,0))^2)/1000,0)</f>
        <v>100</v>
      </c>
      <c r="BP321">
        <f ca="1">ROUND(SQRT((VLOOKUP($A321,városok!$A$2:$C$346,2,0)-VLOOKUP(BP$1,városok!$A$2:$C$346,2,0))^2+(VLOOKUP($A321,városok!$A$2:$C$346,3,0)-VLOOKUP(BP$1,városok!$A$2:$C$346,3,0))^2)/1000,0)</f>
        <v>107</v>
      </c>
      <c r="BQ321">
        <f ca="1">ROUND(SQRT((VLOOKUP($A321,városok!$A$2:$C$346,2,0)-VLOOKUP(BQ$1,városok!$A$2:$C$346,2,0))^2+(VLOOKUP($A321,városok!$A$2:$C$346,3,0)-VLOOKUP(BQ$1,városok!$A$2:$C$346,3,0))^2)/1000,0)</f>
        <v>91</v>
      </c>
      <c r="BR321">
        <f ca="1">ROUND(SQRT((VLOOKUP($A321,városok!$A$2:$C$346,2,0)-VLOOKUP(BR$1,városok!$A$2:$C$346,2,0))^2+(VLOOKUP($A321,városok!$A$2:$C$346,3,0)-VLOOKUP(BR$1,városok!$A$2:$C$346,3,0))^2)/1000,0)</f>
        <v>65</v>
      </c>
      <c r="BS321">
        <f ca="1">ROUND(SQRT((VLOOKUP($A321,városok!$A$2:$C$346,2,0)-VLOOKUP(BS$1,városok!$A$2:$C$346,2,0))^2+(VLOOKUP($A321,városok!$A$2:$C$346,3,0)-VLOOKUP(BS$1,városok!$A$2:$C$346,3,0))^2)/1000,0)</f>
        <v>89</v>
      </c>
      <c r="BT321">
        <f ca="1">ROUND(SQRT((VLOOKUP($A321,városok!$A$2:$C$346,2,0)-VLOOKUP(BT$1,városok!$A$2:$C$346,2,0))^2+(VLOOKUP($A321,városok!$A$2:$C$346,3,0)-VLOOKUP(BT$1,városok!$A$2:$C$346,3,0))^2)/1000,0)</f>
        <v>45</v>
      </c>
    </row>
    <row r="322" spans="1:72" x14ac:dyDescent="0.2">
      <c r="A322" t="str">
        <f>városok!A322</f>
        <v>Ajka</v>
      </c>
      <c r="B322">
        <f ca="1">ROUND(SQRT((VLOOKUP($A322,városok!$A$2:$C$346,2,0)-VLOOKUP(B$1,városok!$A$2:$C$346,2,0))^2+(VLOOKUP($A322,városok!$A$2:$C$346,3,0)-VLOOKUP(B$1,városok!$A$2:$C$346,3,0))^2)/1000,0)</f>
        <v>148</v>
      </c>
      <c r="C322">
        <f ca="1">ROUND(SQRT((VLOOKUP($A322,városok!$A$2:$C$346,2,0)-VLOOKUP(C$1,városok!$A$2:$C$346,2,0))^2+(VLOOKUP($A322,városok!$A$2:$C$346,3,0)-VLOOKUP(C$1,városok!$A$2:$C$346,3,0))^2)/1000,0)</f>
        <v>125</v>
      </c>
      <c r="D322">
        <f ca="1">ROUND(SQRT((VLOOKUP($A322,városok!$A$2:$C$346,2,0)-VLOOKUP(D$1,városok!$A$2:$C$346,2,0))^2+(VLOOKUP($A322,városok!$A$2:$C$346,3,0)-VLOOKUP(D$1,városok!$A$2:$C$346,3,0))^2)/1000,0)</f>
        <v>163</v>
      </c>
      <c r="E322">
        <f ca="1">ROUND(SQRT((VLOOKUP($A322,városok!$A$2:$C$346,2,0)-VLOOKUP(E$1,városok!$A$2:$C$346,2,0))^2+(VLOOKUP($A322,városok!$A$2:$C$346,3,0)-VLOOKUP(E$1,városok!$A$2:$C$346,3,0))^2)/1000,0)</f>
        <v>114</v>
      </c>
      <c r="F322">
        <f ca="1">ROUND(SQRT((VLOOKUP($A322,városok!$A$2:$C$346,2,0)-VLOOKUP(F$1,városok!$A$2:$C$346,2,0))^2+(VLOOKUP($A322,városok!$A$2:$C$346,3,0)-VLOOKUP(F$1,városok!$A$2:$C$346,3,0))^2)/1000,0)</f>
        <v>150</v>
      </c>
      <c r="G322">
        <f ca="1">ROUND(SQRT((VLOOKUP($A322,városok!$A$2:$C$346,2,0)-VLOOKUP(G$1,városok!$A$2:$C$346,2,0))^2+(VLOOKUP($A322,városok!$A$2:$C$346,3,0)-VLOOKUP(G$1,városok!$A$2:$C$346,3,0))^2)/1000,0)</f>
        <v>125</v>
      </c>
      <c r="H322">
        <f ca="1">ROUND(SQRT((VLOOKUP($A322,városok!$A$2:$C$346,2,0)-VLOOKUP(H$1,városok!$A$2:$C$346,2,0))^2+(VLOOKUP($A322,városok!$A$2:$C$346,3,0)-VLOOKUP(H$1,városok!$A$2:$C$346,3,0))^2)/1000,0)</f>
        <v>118</v>
      </c>
      <c r="I322">
        <f ca="1">ROUND(SQRT((VLOOKUP($A322,városok!$A$2:$C$346,2,0)-VLOOKUP(I$1,városok!$A$2:$C$346,2,0))^2+(VLOOKUP($A322,városok!$A$2:$C$346,3,0)-VLOOKUP(I$1,városok!$A$2:$C$346,3,0))^2)/1000,0)</f>
        <v>272</v>
      </c>
      <c r="J322">
        <f ca="1">ROUND(SQRT((VLOOKUP($A322,városok!$A$2:$C$346,2,0)-VLOOKUP(J$1,városok!$A$2:$C$346,2,0))^2+(VLOOKUP($A322,városok!$A$2:$C$346,3,0)-VLOOKUP(J$1,városok!$A$2:$C$346,3,0))^2)/1000,0)</f>
        <v>287</v>
      </c>
      <c r="K322">
        <f ca="1">ROUND(SQRT((VLOOKUP($A322,városok!$A$2:$C$346,2,0)-VLOOKUP(K$1,városok!$A$2:$C$346,2,0))^2+(VLOOKUP($A322,városok!$A$2:$C$346,3,0)-VLOOKUP(K$1,városok!$A$2:$C$346,3,0))^2)/1000,0)</f>
        <v>244</v>
      </c>
      <c r="L322">
        <f ca="1">ROUND(SQRT((VLOOKUP($A322,városok!$A$2:$C$346,2,0)-VLOOKUP(L$1,városok!$A$2:$C$346,2,0))^2+(VLOOKUP($A322,városok!$A$2:$C$346,3,0)-VLOOKUP(L$1,városok!$A$2:$C$346,3,0))^2)/1000,0)</f>
        <v>264</v>
      </c>
      <c r="M322">
        <f ca="1">ROUND(SQRT((VLOOKUP($A322,városok!$A$2:$C$346,2,0)-VLOOKUP(M$1,városok!$A$2:$C$346,2,0))^2+(VLOOKUP($A322,városok!$A$2:$C$346,3,0)-VLOOKUP(M$1,városok!$A$2:$C$346,3,0))^2)/1000,0)</f>
        <v>268</v>
      </c>
      <c r="N322">
        <f ca="1">ROUND(SQRT((VLOOKUP($A322,városok!$A$2:$C$346,2,0)-VLOOKUP(N$1,városok!$A$2:$C$346,2,0))^2+(VLOOKUP($A322,városok!$A$2:$C$346,3,0)-VLOOKUP(N$1,városok!$A$2:$C$346,3,0))^2)/1000,0)</f>
        <v>240</v>
      </c>
      <c r="O322">
        <f ca="1">ROUND(SQRT((VLOOKUP($A322,városok!$A$2:$C$346,2,0)-VLOOKUP(O$1,városok!$A$2:$C$346,2,0))^2+(VLOOKUP($A322,városok!$A$2:$C$346,3,0)-VLOOKUP(O$1,városok!$A$2:$C$346,3,0))^2)/1000,0)</f>
        <v>339</v>
      </c>
      <c r="P322">
        <f ca="1">ROUND(SQRT((VLOOKUP($A322,városok!$A$2:$C$346,2,0)-VLOOKUP(P$1,városok!$A$2:$C$346,2,0))^2+(VLOOKUP($A322,városok!$A$2:$C$346,3,0)-VLOOKUP(P$1,városok!$A$2:$C$346,3,0))^2)/1000,0)</f>
        <v>339</v>
      </c>
      <c r="Q322">
        <f ca="1">ROUND(SQRT((VLOOKUP($A322,városok!$A$2:$C$346,2,0)-VLOOKUP(Q$1,városok!$A$2:$C$346,2,0))^2+(VLOOKUP($A322,városok!$A$2:$C$346,3,0)-VLOOKUP(Q$1,városok!$A$2:$C$346,3,0))^2)/1000,0)</f>
        <v>224</v>
      </c>
      <c r="R322">
        <f ca="1">ROUND(SQRT((VLOOKUP($A322,városok!$A$2:$C$346,2,0)-VLOOKUP(R$1,városok!$A$2:$C$346,2,0))^2+(VLOOKUP($A322,városok!$A$2:$C$346,3,0)-VLOOKUP(R$1,városok!$A$2:$C$346,3,0))^2)/1000,0)</f>
        <v>243</v>
      </c>
      <c r="S322">
        <f ca="1">ROUND(SQRT((VLOOKUP($A322,városok!$A$2:$C$346,2,0)-VLOOKUP(S$1,városok!$A$2:$C$346,2,0))^2+(VLOOKUP($A322,városok!$A$2:$C$346,3,0)-VLOOKUP(S$1,városok!$A$2:$C$346,3,0))^2)/1000,0)</f>
        <v>220</v>
      </c>
      <c r="T322">
        <f ca="1">ROUND(SQRT((VLOOKUP($A322,városok!$A$2:$C$346,2,0)-VLOOKUP(T$1,városok!$A$2:$C$346,2,0))^2+(VLOOKUP($A322,városok!$A$2:$C$346,3,0)-VLOOKUP(T$1,városok!$A$2:$C$346,3,0))^2)/1000,0)</f>
        <v>92</v>
      </c>
      <c r="U322">
        <f ca="1">ROUND(SQRT((VLOOKUP($A322,városok!$A$2:$C$346,2,0)-VLOOKUP(U$1,városok!$A$2:$C$346,2,0))^2+(VLOOKUP($A322,városok!$A$2:$C$346,3,0)-VLOOKUP(U$1,városok!$A$2:$C$346,3,0))^2)/1000,0)</f>
        <v>105</v>
      </c>
      <c r="V322">
        <f ca="1">ROUND(SQRT((VLOOKUP($A322,városok!$A$2:$C$346,2,0)-VLOOKUP(V$1,városok!$A$2:$C$346,2,0))^2+(VLOOKUP($A322,városok!$A$2:$C$346,3,0)-VLOOKUP(V$1,városok!$A$2:$C$346,3,0))^2)/1000,0)</f>
        <v>56</v>
      </c>
      <c r="W322">
        <f ca="1">ROUND(SQRT((VLOOKUP($A322,városok!$A$2:$C$346,2,0)-VLOOKUP(W$1,városok!$A$2:$C$346,2,0))^2+(VLOOKUP($A322,városok!$A$2:$C$346,3,0)-VLOOKUP(W$1,városok!$A$2:$C$346,3,0))^2)/1000,0)</f>
        <v>84</v>
      </c>
      <c r="X322">
        <f ca="1">ROUND(SQRT((VLOOKUP($A322,városok!$A$2:$C$346,2,0)-VLOOKUP(X$1,városok!$A$2:$C$346,2,0))^2+(VLOOKUP($A322,városok!$A$2:$C$346,3,0)-VLOOKUP(X$1,városok!$A$2:$C$346,3,0))^2)/1000,0)</f>
        <v>62</v>
      </c>
      <c r="Y322">
        <f ca="1">ROUND(SQRT((VLOOKUP($A322,városok!$A$2:$C$346,2,0)-VLOOKUP(Y$1,városok!$A$2:$C$346,2,0))^2+(VLOOKUP($A322,városok!$A$2:$C$346,3,0)-VLOOKUP(Y$1,városok!$A$2:$C$346,3,0))^2)/1000,0)</f>
        <v>66</v>
      </c>
      <c r="Z322">
        <f ca="1">ROUND(SQRT((VLOOKUP($A322,városok!$A$2:$C$346,2,0)-VLOOKUP(Z$1,városok!$A$2:$C$346,2,0))^2+(VLOOKUP($A322,városok!$A$2:$C$346,3,0)-VLOOKUP(Z$1,városok!$A$2:$C$346,3,0))^2)/1000,0)</f>
        <v>72</v>
      </c>
      <c r="AA322">
        <f ca="1">ROUND(SQRT((VLOOKUP($A322,városok!$A$2:$C$346,2,0)-VLOOKUP(AA$1,városok!$A$2:$C$346,2,0))^2+(VLOOKUP($A322,városok!$A$2:$C$346,3,0)-VLOOKUP(AA$1,városok!$A$2:$C$346,3,0))^2)/1000,0)</f>
        <v>99</v>
      </c>
      <c r="AB322">
        <f ca="1">ROUND(SQRT((VLOOKUP($A322,városok!$A$2:$C$346,2,0)-VLOOKUP(AB$1,városok!$A$2:$C$346,2,0))^2+(VLOOKUP($A322,városok!$A$2:$C$346,3,0)-VLOOKUP(AB$1,városok!$A$2:$C$346,3,0))^2)/1000,0)</f>
        <v>311</v>
      </c>
      <c r="AC322">
        <f ca="1">ROUND(SQRT((VLOOKUP($A322,városok!$A$2:$C$346,2,0)-VLOOKUP(AC$1,városok!$A$2:$C$346,2,0))^2+(VLOOKUP($A322,városok!$A$2:$C$346,3,0)-VLOOKUP(AC$1,városok!$A$2:$C$346,3,0))^2)/1000,0)</f>
        <v>293</v>
      </c>
      <c r="AD322">
        <f ca="1">ROUND(SQRT((VLOOKUP($A322,városok!$A$2:$C$346,2,0)-VLOOKUP(AD$1,városok!$A$2:$C$346,2,0))^2+(VLOOKUP($A322,városok!$A$2:$C$346,3,0)-VLOOKUP(AD$1,városok!$A$2:$C$346,3,0))^2)/1000,0)</f>
        <v>275</v>
      </c>
      <c r="AE322">
        <f ca="1">ROUND(SQRT((VLOOKUP($A322,városok!$A$2:$C$346,2,0)-VLOOKUP(AE$1,városok!$A$2:$C$346,2,0))^2+(VLOOKUP($A322,városok!$A$2:$C$346,3,0)-VLOOKUP(AE$1,városok!$A$2:$C$346,3,0))^2)/1000,0)</f>
        <v>274</v>
      </c>
      <c r="AF322">
        <f ca="1">ROUND(SQRT((VLOOKUP($A322,városok!$A$2:$C$346,2,0)-VLOOKUP(AF$1,városok!$A$2:$C$346,2,0))^2+(VLOOKUP($A322,városok!$A$2:$C$346,3,0)-VLOOKUP(AF$1,városok!$A$2:$C$346,3,0))^2)/1000,0)</f>
        <v>230</v>
      </c>
      <c r="AG322">
        <f ca="1">ROUND(SQRT((VLOOKUP($A322,városok!$A$2:$C$346,2,0)-VLOOKUP(AG$1,városok!$A$2:$C$346,2,0))^2+(VLOOKUP($A322,városok!$A$2:$C$346,3,0)-VLOOKUP(AG$1,városok!$A$2:$C$346,3,0))^2)/1000,0)</f>
        <v>194</v>
      </c>
      <c r="AH322">
        <f ca="1">ROUND(SQRT((VLOOKUP($A322,városok!$A$2:$C$346,2,0)-VLOOKUP(AH$1,városok!$A$2:$C$346,2,0))^2+(VLOOKUP($A322,városok!$A$2:$C$346,3,0)-VLOOKUP(AH$1,városok!$A$2:$C$346,3,0))^2)/1000,0)</f>
        <v>172</v>
      </c>
      <c r="AI322">
        <f ca="1">ROUND(SQRT((VLOOKUP($A322,városok!$A$2:$C$346,2,0)-VLOOKUP(AI$1,városok!$A$2:$C$346,2,0))^2+(VLOOKUP($A322,városok!$A$2:$C$346,3,0)-VLOOKUP(AI$1,városok!$A$2:$C$346,3,0))^2)/1000,0)</f>
        <v>216</v>
      </c>
      <c r="AJ322">
        <f ca="1">ROUND(SQRT((VLOOKUP($A322,városok!$A$2:$C$346,2,0)-VLOOKUP(AJ$1,városok!$A$2:$C$346,2,0))^2+(VLOOKUP($A322,városok!$A$2:$C$346,3,0)-VLOOKUP(AJ$1,városok!$A$2:$C$346,3,0))^2)/1000,0)</f>
        <v>192</v>
      </c>
      <c r="AK322">
        <f ca="1">ROUND(SQRT((VLOOKUP($A322,városok!$A$2:$C$346,2,0)-VLOOKUP(AK$1,városok!$A$2:$C$346,2,0))^2+(VLOOKUP($A322,városok!$A$2:$C$346,3,0)-VLOOKUP(AK$1,városok!$A$2:$C$346,3,0))^2)/1000,0)</f>
        <v>259</v>
      </c>
      <c r="AL322">
        <f ca="1">ROUND(SQRT((VLOOKUP($A322,városok!$A$2:$C$346,2,0)-VLOOKUP(AL$1,városok!$A$2:$C$346,2,0))^2+(VLOOKUP($A322,városok!$A$2:$C$346,3,0)-VLOOKUP(AL$1,városok!$A$2:$C$346,3,0))^2)/1000,0)</f>
        <v>234</v>
      </c>
      <c r="AM322">
        <f ca="1">ROUND(SQRT((VLOOKUP($A322,városok!$A$2:$C$346,2,0)-VLOOKUP(AM$1,városok!$A$2:$C$346,2,0))^2+(VLOOKUP($A322,városok!$A$2:$C$346,3,0)-VLOOKUP(AM$1,városok!$A$2:$C$346,3,0))^2)/1000,0)</f>
        <v>199</v>
      </c>
      <c r="AN322">
        <f ca="1">ROUND(SQRT((VLOOKUP($A322,városok!$A$2:$C$346,2,0)-VLOOKUP(AN$1,városok!$A$2:$C$346,2,0))^2+(VLOOKUP($A322,városok!$A$2:$C$346,3,0)-VLOOKUP(AN$1,városok!$A$2:$C$346,3,0))^2)/1000,0)</f>
        <v>118</v>
      </c>
      <c r="AO322">
        <f ca="1">ROUND(SQRT((VLOOKUP($A322,városok!$A$2:$C$346,2,0)-VLOOKUP(AO$1,városok!$A$2:$C$346,2,0))^2+(VLOOKUP($A322,városok!$A$2:$C$346,3,0)-VLOOKUP(AO$1,városok!$A$2:$C$346,3,0))^2)/1000,0)</f>
        <v>83</v>
      </c>
      <c r="AP322">
        <f ca="1">ROUND(SQRT((VLOOKUP($A322,városok!$A$2:$C$346,2,0)-VLOOKUP(AP$1,városok!$A$2:$C$346,2,0))^2+(VLOOKUP($A322,városok!$A$2:$C$346,3,0)-VLOOKUP(AP$1,városok!$A$2:$C$346,3,0))^2)/1000,0)</f>
        <v>84</v>
      </c>
      <c r="AQ322">
        <f ca="1">ROUND(SQRT((VLOOKUP($A322,városok!$A$2:$C$346,2,0)-VLOOKUP(AQ$1,városok!$A$2:$C$346,2,0))^2+(VLOOKUP($A322,városok!$A$2:$C$346,3,0)-VLOOKUP(AQ$1,városok!$A$2:$C$346,3,0))^2)/1000,0)</f>
        <v>82</v>
      </c>
      <c r="AR322">
        <f ca="1">ROUND(SQRT((VLOOKUP($A322,városok!$A$2:$C$346,2,0)-VLOOKUP(AR$1,városok!$A$2:$C$346,2,0))^2+(VLOOKUP($A322,városok!$A$2:$C$346,3,0)-VLOOKUP(AR$1,városok!$A$2:$C$346,3,0))^2)/1000,0)</f>
        <v>185</v>
      </c>
      <c r="AS322">
        <f ca="1">ROUND(SQRT((VLOOKUP($A322,városok!$A$2:$C$346,2,0)-VLOOKUP(AS$1,városok!$A$2:$C$346,2,0))^2+(VLOOKUP($A322,városok!$A$2:$C$346,3,0)-VLOOKUP(AS$1,városok!$A$2:$C$346,3,0))^2)/1000,0)</f>
        <v>203</v>
      </c>
      <c r="AT322">
        <f ca="1">ROUND(SQRT((VLOOKUP($A322,városok!$A$2:$C$346,2,0)-VLOOKUP(AT$1,városok!$A$2:$C$346,2,0))^2+(VLOOKUP($A322,városok!$A$2:$C$346,3,0)-VLOOKUP(AT$1,városok!$A$2:$C$346,3,0))^2)/1000,0)</f>
        <v>104</v>
      </c>
      <c r="AU322">
        <f ca="1">ROUND(SQRT((VLOOKUP($A322,városok!$A$2:$C$346,2,0)-VLOOKUP(AU$1,városok!$A$2:$C$346,2,0))^2+(VLOOKUP($A322,városok!$A$2:$C$346,3,0)-VLOOKUP(AU$1,városok!$A$2:$C$346,3,0))^2)/1000,0)</f>
        <v>113</v>
      </c>
      <c r="AV322">
        <f ca="1">ROUND(SQRT((VLOOKUP($A322,városok!$A$2:$C$346,2,0)-VLOOKUP(AV$1,városok!$A$2:$C$346,2,0))^2+(VLOOKUP($A322,városok!$A$2:$C$346,3,0)-VLOOKUP(AV$1,városok!$A$2:$C$346,3,0))^2)/1000,0)</f>
        <v>110</v>
      </c>
      <c r="AW322">
        <f ca="1">ROUND(SQRT((VLOOKUP($A322,városok!$A$2:$C$346,2,0)-VLOOKUP(AW$1,városok!$A$2:$C$346,2,0))^2+(VLOOKUP($A322,városok!$A$2:$C$346,3,0)-VLOOKUP(AW$1,városok!$A$2:$C$346,3,0))^2)/1000,0)</f>
        <v>107</v>
      </c>
      <c r="AX322">
        <f ca="1">ROUND(SQRT((VLOOKUP($A322,városok!$A$2:$C$346,2,0)-VLOOKUP(AX$1,városok!$A$2:$C$346,2,0))^2+(VLOOKUP($A322,városok!$A$2:$C$346,3,0)-VLOOKUP(AX$1,városok!$A$2:$C$346,3,0))^2)/1000,0)</f>
        <v>169</v>
      </c>
      <c r="AY322">
        <f ca="1">ROUND(SQRT((VLOOKUP($A322,városok!$A$2:$C$346,2,0)-VLOOKUP(AY$1,városok!$A$2:$C$346,2,0))^2+(VLOOKUP($A322,városok!$A$2:$C$346,3,0)-VLOOKUP(AY$1,városok!$A$2:$C$346,3,0))^2)/1000,0)</f>
        <v>131</v>
      </c>
      <c r="AZ322">
        <f ca="1">ROUND(SQRT((VLOOKUP($A322,városok!$A$2:$C$346,2,0)-VLOOKUP(AZ$1,városok!$A$2:$C$346,2,0))^2+(VLOOKUP($A322,városok!$A$2:$C$346,3,0)-VLOOKUP(AZ$1,városok!$A$2:$C$346,3,0))^2)/1000,0)</f>
        <v>131</v>
      </c>
      <c r="BA322">
        <f ca="1">ROUND(SQRT((VLOOKUP($A322,városok!$A$2:$C$346,2,0)-VLOOKUP(BA$1,városok!$A$2:$C$346,2,0))^2+(VLOOKUP($A322,városok!$A$2:$C$346,3,0)-VLOOKUP(BA$1,városok!$A$2:$C$346,3,0))^2)/1000,0)</f>
        <v>37</v>
      </c>
      <c r="BB322">
        <f ca="1">ROUND(SQRT((VLOOKUP($A322,városok!$A$2:$C$346,2,0)-VLOOKUP(BB$1,városok!$A$2:$C$346,2,0))^2+(VLOOKUP($A322,városok!$A$2:$C$346,3,0)-VLOOKUP(BB$1,városok!$A$2:$C$346,3,0))^2)/1000,0)</f>
        <v>69</v>
      </c>
      <c r="BC322">
        <f ca="1">ROUND(SQRT((VLOOKUP($A322,városok!$A$2:$C$346,2,0)-VLOOKUP(BC$1,városok!$A$2:$C$346,2,0))^2+(VLOOKUP($A322,városok!$A$2:$C$346,3,0)-VLOOKUP(BC$1,városok!$A$2:$C$346,3,0))^2)/1000,0)</f>
        <v>84</v>
      </c>
      <c r="BD322">
        <f ca="1">ROUND(SQRT((VLOOKUP($A322,városok!$A$2:$C$346,2,0)-VLOOKUP(BD$1,városok!$A$2:$C$346,2,0))^2+(VLOOKUP($A322,városok!$A$2:$C$346,3,0)-VLOOKUP(BD$1,városok!$A$2:$C$346,3,0))^2)/1000,0)</f>
        <v>44</v>
      </c>
      <c r="BE322">
        <f ca="1">ROUND(SQRT((VLOOKUP($A322,városok!$A$2:$C$346,2,0)-VLOOKUP(BE$1,városok!$A$2:$C$346,2,0))^2+(VLOOKUP($A322,városok!$A$2:$C$346,3,0)-VLOOKUP(BE$1,városok!$A$2:$C$346,3,0))^2)/1000,0)</f>
        <v>394</v>
      </c>
      <c r="BF322">
        <f ca="1">ROUND(SQRT((VLOOKUP($A322,városok!$A$2:$C$346,2,0)-VLOOKUP(BF$1,városok!$A$2:$C$346,2,0))^2+(VLOOKUP($A322,városok!$A$2:$C$346,3,0)-VLOOKUP(BF$1,városok!$A$2:$C$346,3,0))^2)/1000,0)</f>
        <v>361</v>
      </c>
      <c r="BG322">
        <f ca="1">ROUND(SQRT((VLOOKUP($A322,városok!$A$2:$C$346,2,0)-VLOOKUP(BG$1,városok!$A$2:$C$346,2,0))^2+(VLOOKUP($A322,városok!$A$2:$C$346,3,0)-VLOOKUP(BG$1,városok!$A$2:$C$346,3,0))^2)/1000,0)</f>
        <v>315</v>
      </c>
      <c r="BH322">
        <f ca="1">ROUND(SQRT((VLOOKUP($A322,városok!$A$2:$C$346,2,0)-VLOOKUP(BH$1,városok!$A$2:$C$346,2,0))^2+(VLOOKUP($A322,városok!$A$2:$C$346,3,0)-VLOOKUP(BH$1,városok!$A$2:$C$346,3,0))^2)/1000,0)</f>
        <v>315</v>
      </c>
      <c r="BI322">
        <f ca="1">ROUND(SQRT((VLOOKUP($A322,városok!$A$2:$C$346,2,0)-VLOOKUP(BI$1,városok!$A$2:$C$346,2,0))^2+(VLOOKUP($A322,városok!$A$2:$C$346,3,0)-VLOOKUP(BI$1,városok!$A$2:$C$346,3,0))^2)/1000,0)</f>
        <v>112</v>
      </c>
      <c r="BJ322">
        <f ca="1">ROUND(SQRT((VLOOKUP($A322,városok!$A$2:$C$346,2,0)-VLOOKUP(BJ$1,városok!$A$2:$C$346,2,0))^2+(VLOOKUP($A322,városok!$A$2:$C$346,3,0)-VLOOKUP(BJ$1,városok!$A$2:$C$346,3,0))^2)/1000,0)</f>
        <v>114</v>
      </c>
      <c r="BK322">
        <f ca="1">ROUND(SQRT((VLOOKUP($A322,városok!$A$2:$C$346,2,0)-VLOOKUP(BK$1,városok!$A$2:$C$346,2,0))^2+(VLOOKUP($A322,városok!$A$2:$C$346,3,0)-VLOOKUP(BK$1,városok!$A$2:$C$346,3,0))^2)/1000,0)</f>
        <v>120</v>
      </c>
      <c r="BL322">
        <f ca="1">ROUND(SQRT((VLOOKUP($A322,városok!$A$2:$C$346,2,0)-VLOOKUP(BL$1,városok!$A$2:$C$346,2,0))^2+(VLOOKUP($A322,városok!$A$2:$C$346,3,0)-VLOOKUP(BL$1,városok!$A$2:$C$346,3,0))^2)/1000,0)</f>
        <v>73</v>
      </c>
      <c r="BM322">
        <f ca="1">ROUND(SQRT((VLOOKUP($A322,városok!$A$2:$C$346,2,0)-VLOOKUP(BM$1,városok!$A$2:$C$346,2,0))^2+(VLOOKUP($A322,városok!$A$2:$C$346,3,0)-VLOOKUP(BM$1,városok!$A$2:$C$346,3,0))^2)/1000,0)</f>
        <v>51</v>
      </c>
      <c r="BN322">
        <f ca="1">ROUND(SQRT((VLOOKUP($A322,városok!$A$2:$C$346,2,0)-VLOOKUP(BN$1,városok!$A$2:$C$346,2,0))^2+(VLOOKUP($A322,városok!$A$2:$C$346,3,0)-VLOOKUP(BN$1,városok!$A$2:$C$346,3,0))^2)/1000,0)</f>
        <v>73</v>
      </c>
      <c r="BO322">
        <f ca="1">ROUND(SQRT((VLOOKUP($A322,városok!$A$2:$C$346,2,0)-VLOOKUP(BO$1,városok!$A$2:$C$346,2,0))^2+(VLOOKUP($A322,városok!$A$2:$C$346,3,0)-VLOOKUP(BO$1,városok!$A$2:$C$346,3,0))^2)/1000,0)</f>
        <v>35</v>
      </c>
      <c r="BP322">
        <f ca="1">ROUND(SQRT((VLOOKUP($A322,városok!$A$2:$C$346,2,0)-VLOOKUP(BP$1,városok!$A$2:$C$346,2,0))^2+(VLOOKUP($A322,városok!$A$2:$C$346,3,0)-VLOOKUP(BP$1,városok!$A$2:$C$346,3,0))^2)/1000,0)</f>
        <v>42</v>
      </c>
      <c r="BQ322">
        <f ca="1">ROUND(SQRT((VLOOKUP($A322,városok!$A$2:$C$346,2,0)-VLOOKUP(BQ$1,városok!$A$2:$C$346,2,0))^2+(VLOOKUP($A322,városok!$A$2:$C$346,3,0)-VLOOKUP(BQ$1,városok!$A$2:$C$346,3,0))^2)/1000,0)</f>
        <v>26</v>
      </c>
      <c r="BR322">
        <f ca="1">ROUND(SQRT((VLOOKUP($A322,városok!$A$2:$C$346,2,0)-VLOOKUP(BR$1,városok!$A$2:$C$346,2,0))^2+(VLOOKUP($A322,városok!$A$2:$C$346,3,0)-VLOOKUP(BR$1,városok!$A$2:$C$346,3,0))^2)/1000,0)</f>
        <v>43</v>
      </c>
      <c r="BS322">
        <f ca="1">ROUND(SQRT((VLOOKUP($A322,városok!$A$2:$C$346,2,0)-VLOOKUP(BS$1,városok!$A$2:$C$346,2,0))^2+(VLOOKUP($A322,városok!$A$2:$C$346,3,0)-VLOOKUP(BS$1,városok!$A$2:$C$346,3,0))^2)/1000,0)</f>
        <v>84</v>
      </c>
      <c r="BT322">
        <f ca="1">ROUND(SQRT((VLOOKUP($A322,városok!$A$2:$C$346,2,0)-VLOOKUP(BT$1,városok!$A$2:$C$346,2,0))^2+(VLOOKUP($A322,városok!$A$2:$C$346,3,0)-VLOOKUP(BT$1,városok!$A$2:$C$346,3,0))^2)/1000,0)</f>
        <v>62</v>
      </c>
    </row>
    <row r="323" spans="1:72" x14ac:dyDescent="0.2">
      <c r="A323" t="str">
        <f>városok!A323</f>
        <v>Badacsonytomaj</v>
      </c>
      <c r="B323">
        <f ca="1">ROUND(SQRT((VLOOKUP($A323,városok!$A$2:$C$346,2,0)-VLOOKUP(B$1,városok!$A$2:$C$346,2,0))^2+(VLOOKUP($A323,városok!$A$2:$C$346,3,0)-VLOOKUP(B$1,városok!$A$2:$C$346,3,0))^2)/1000,0)</f>
        <v>131</v>
      </c>
      <c r="C323">
        <f ca="1">ROUND(SQRT((VLOOKUP($A323,városok!$A$2:$C$346,2,0)-VLOOKUP(C$1,városok!$A$2:$C$346,2,0))^2+(VLOOKUP($A323,városok!$A$2:$C$346,3,0)-VLOOKUP(C$1,városok!$A$2:$C$346,3,0))^2)/1000,0)</f>
        <v>116</v>
      </c>
      <c r="D323">
        <f ca="1">ROUND(SQRT((VLOOKUP($A323,városok!$A$2:$C$346,2,0)-VLOOKUP(D$1,városok!$A$2:$C$346,2,0))^2+(VLOOKUP($A323,városok!$A$2:$C$346,3,0)-VLOOKUP(D$1,városok!$A$2:$C$346,3,0))^2)/1000,0)</f>
        <v>166</v>
      </c>
      <c r="E323">
        <f ca="1">ROUND(SQRT((VLOOKUP($A323,városok!$A$2:$C$346,2,0)-VLOOKUP(E$1,városok!$A$2:$C$346,2,0))^2+(VLOOKUP($A323,városok!$A$2:$C$346,3,0)-VLOOKUP(E$1,városok!$A$2:$C$346,3,0))^2)/1000,0)</f>
        <v>90</v>
      </c>
      <c r="F323">
        <f ca="1">ROUND(SQRT((VLOOKUP($A323,városok!$A$2:$C$346,2,0)-VLOOKUP(F$1,városok!$A$2:$C$346,2,0))^2+(VLOOKUP($A323,városok!$A$2:$C$346,3,0)-VLOOKUP(F$1,városok!$A$2:$C$346,3,0))^2)/1000,0)</f>
        <v>128</v>
      </c>
      <c r="G323">
        <f ca="1">ROUND(SQRT((VLOOKUP($A323,városok!$A$2:$C$346,2,0)-VLOOKUP(G$1,városok!$A$2:$C$346,2,0))^2+(VLOOKUP($A323,városok!$A$2:$C$346,3,0)-VLOOKUP(G$1,városok!$A$2:$C$346,3,0))^2)/1000,0)</f>
        <v>99</v>
      </c>
      <c r="H323">
        <f ca="1">ROUND(SQRT((VLOOKUP($A323,városok!$A$2:$C$346,2,0)-VLOOKUP(H$1,városok!$A$2:$C$346,2,0))^2+(VLOOKUP($A323,városok!$A$2:$C$346,3,0)-VLOOKUP(H$1,városok!$A$2:$C$346,3,0))^2)/1000,0)</f>
        <v>87</v>
      </c>
      <c r="I323">
        <f ca="1">ROUND(SQRT((VLOOKUP($A323,városok!$A$2:$C$346,2,0)-VLOOKUP(I$1,városok!$A$2:$C$346,2,0))^2+(VLOOKUP($A323,városok!$A$2:$C$346,3,0)-VLOOKUP(I$1,városok!$A$2:$C$346,3,0))^2)/1000,0)</f>
        <v>273</v>
      </c>
      <c r="J323">
        <f ca="1">ROUND(SQRT((VLOOKUP($A323,városok!$A$2:$C$346,2,0)-VLOOKUP(J$1,városok!$A$2:$C$346,2,0))^2+(VLOOKUP($A323,városok!$A$2:$C$346,3,0)-VLOOKUP(J$1,városok!$A$2:$C$346,3,0))^2)/1000,0)</f>
        <v>288</v>
      </c>
      <c r="K323">
        <f ca="1">ROUND(SQRT((VLOOKUP($A323,városok!$A$2:$C$346,2,0)-VLOOKUP(K$1,városok!$A$2:$C$346,2,0))^2+(VLOOKUP($A323,városok!$A$2:$C$346,3,0)-VLOOKUP(K$1,városok!$A$2:$C$346,3,0))^2)/1000,0)</f>
        <v>243</v>
      </c>
      <c r="L323">
        <f ca="1">ROUND(SQRT((VLOOKUP($A323,városok!$A$2:$C$346,2,0)-VLOOKUP(L$1,városok!$A$2:$C$346,2,0))^2+(VLOOKUP($A323,városok!$A$2:$C$346,3,0)-VLOOKUP(L$1,városok!$A$2:$C$346,3,0))^2)/1000,0)</f>
        <v>285</v>
      </c>
      <c r="M323">
        <f ca="1">ROUND(SQRT((VLOOKUP($A323,városok!$A$2:$C$346,2,0)-VLOOKUP(M$1,városok!$A$2:$C$346,2,0))^2+(VLOOKUP($A323,városok!$A$2:$C$346,3,0)-VLOOKUP(M$1,városok!$A$2:$C$346,3,0))^2)/1000,0)</f>
        <v>286</v>
      </c>
      <c r="N323">
        <f ca="1">ROUND(SQRT((VLOOKUP($A323,városok!$A$2:$C$346,2,0)-VLOOKUP(N$1,városok!$A$2:$C$346,2,0))^2+(VLOOKUP($A323,városok!$A$2:$C$346,3,0)-VLOOKUP(N$1,városok!$A$2:$C$346,3,0))^2)/1000,0)</f>
        <v>262</v>
      </c>
      <c r="O323">
        <f ca="1">ROUND(SQRT((VLOOKUP($A323,városok!$A$2:$C$346,2,0)-VLOOKUP(O$1,városok!$A$2:$C$346,2,0))^2+(VLOOKUP($A323,városok!$A$2:$C$346,3,0)-VLOOKUP(O$1,városok!$A$2:$C$346,3,0))^2)/1000,0)</f>
        <v>358</v>
      </c>
      <c r="P323">
        <f ca="1">ROUND(SQRT((VLOOKUP($A323,városok!$A$2:$C$346,2,0)-VLOOKUP(P$1,városok!$A$2:$C$346,2,0))^2+(VLOOKUP($A323,városok!$A$2:$C$346,3,0)-VLOOKUP(P$1,városok!$A$2:$C$346,3,0))^2)/1000,0)</f>
        <v>358</v>
      </c>
      <c r="Q323">
        <f ca="1">ROUND(SQRT((VLOOKUP($A323,városok!$A$2:$C$346,2,0)-VLOOKUP(Q$1,városok!$A$2:$C$346,2,0))^2+(VLOOKUP($A323,városok!$A$2:$C$346,3,0)-VLOOKUP(Q$1,városok!$A$2:$C$346,3,0))^2)/1000,0)</f>
        <v>219</v>
      </c>
      <c r="R323">
        <f ca="1">ROUND(SQRT((VLOOKUP($A323,városok!$A$2:$C$346,2,0)-VLOOKUP(R$1,városok!$A$2:$C$346,2,0))^2+(VLOOKUP($A323,városok!$A$2:$C$346,3,0)-VLOOKUP(R$1,városok!$A$2:$C$346,3,0))^2)/1000,0)</f>
        <v>237</v>
      </c>
      <c r="S323">
        <f ca="1">ROUND(SQRT((VLOOKUP($A323,városok!$A$2:$C$346,2,0)-VLOOKUP(S$1,városok!$A$2:$C$346,2,0))^2+(VLOOKUP($A323,városok!$A$2:$C$346,3,0)-VLOOKUP(S$1,városok!$A$2:$C$346,3,0))^2)/1000,0)</f>
        <v>212</v>
      </c>
      <c r="T323">
        <f ca="1">ROUND(SQRT((VLOOKUP($A323,városok!$A$2:$C$346,2,0)-VLOOKUP(T$1,városok!$A$2:$C$346,2,0))^2+(VLOOKUP($A323,városok!$A$2:$C$346,3,0)-VLOOKUP(T$1,városok!$A$2:$C$346,3,0))^2)/1000,0)</f>
        <v>114</v>
      </c>
      <c r="U323">
        <f ca="1">ROUND(SQRT((VLOOKUP($A323,városok!$A$2:$C$346,2,0)-VLOOKUP(U$1,városok!$A$2:$C$346,2,0))^2+(VLOOKUP($A323,városok!$A$2:$C$346,3,0)-VLOOKUP(U$1,városok!$A$2:$C$346,3,0))^2)/1000,0)</f>
        <v>110</v>
      </c>
      <c r="V323">
        <f ca="1">ROUND(SQRT((VLOOKUP($A323,városok!$A$2:$C$346,2,0)-VLOOKUP(V$1,városok!$A$2:$C$346,2,0))^2+(VLOOKUP($A323,városok!$A$2:$C$346,3,0)-VLOOKUP(V$1,városok!$A$2:$C$346,3,0))^2)/1000,0)</f>
        <v>66</v>
      </c>
      <c r="W323">
        <f ca="1">ROUND(SQRT((VLOOKUP($A323,városok!$A$2:$C$346,2,0)-VLOOKUP(W$1,városok!$A$2:$C$346,2,0))^2+(VLOOKUP($A323,városok!$A$2:$C$346,3,0)-VLOOKUP(W$1,városok!$A$2:$C$346,3,0))^2)/1000,0)</f>
        <v>85</v>
      </c>
      <c r="X323">
        <f ca="1">ROUND(SQRT((VLOOKUP($A323,városok!$A$2:$C$346,2,0)-VLOOKUP(X$1,városok!$A$2:$C$346,2,0))^2+(VLOOKUP($A323,városok!$A$2:$C$346,3,0)-VLOOKUP(X$1,városok!$A$2:$C$346,3,0))^2)/1000,0)</f>
        <v>82</v>
      </c>
      <c r="Y323">
        <f ca="1">ROUND(SQRT((VLOOKUP($A323,városok!$A$2:$C$346,2,0)-VLOOKUP(Y$1,városok!$A$2:$C$346,2,0))^2+(VLOOKUP($A323,városok!$A$2:$C$346,3,0)-VLOOKUP(Y$1,városok!$A$2:$C$346,3,0))^2)/1000,0)</f>
        <v>98</v>
      </c>
      <c r="Z323">
        <f ca="1">ROUND(SQRT((VLOOKUP($A323,városok!$A$2:$C$346,2,0)-VLOOKUP(Z$1,városok!$A$2:$C$346,2,0))^2+(VLOOKUP($A323,városok!$A$2:$C$346,3,0)-VLOOKUP(Z$1,városok!$A$2:$C$346,3,0))^2)/1000,0)</f>
        <v>104</v>
      </c>
      <c r="AA323">
        <f ca="1">ROUND(SQRT((VLOOKUP($A323,városok!$A$2:$C$346,2,0)-VLOOKUP(AA$1,városok!$A$2:$C$346,2,0))^2+(VLOOKUP($A323,városok!$A$2:$C$346,3,0)-VLOOKUP(AA$1,városok!$A$2:$C$346,3,0))^2)/1000,0)</f>
        <v>120</v>
      </c>
      <c r="AB323">
        <f ca="1">ROUND(SQRT((VLOOKUP($A323,városok!$A$2:$C$346,2,0)-VLOOKUP(AB$1,városok!$A$2:$C$346,2,0))^2+(VLOOKUP($A323,városok!$A$2:$C$346,3,0)-VLOOKUP(AB$1,városok!$A$2:$C$346,3,0))^2)/1000,0)</f>
        <v>322</v>
      </c>
      <c r="AC323">
        <f ca="1">ROUND(SQRT((VLOOKUP($A323,városok!$A$2:$C$346,2,0)-VLOOKUP(AC$1,városok!$A$2:$C$346,2,0))^2+(VLOOKUP($A323,városok!$A$2:$C$346,3,0)-VLOOKUP(AC$1,városok!$A$2:$C$346,3,0))^2)/1000,0)</f>
        <v>303</v>
      </c>
      <c r="AD323">
        <f ca="1">ROUND(SQRT((VLOOKUP($A323,városok!$A$2:$C$346,2,0)-VLOOKUP(AD$1,városok!$A$2:$C$346,2,0))^2+(VLOOKUP($A323,városok!$A$2:$C$346,3,0)-VLOOKUP(AD$1,városok!$A$2:$C$346,3,0))^2)/1000,0)</f>
        <v>285</v>
      </c>
      <c r="AE323">
        <f ca="1">ROUND(SQRT((VLOOKUP($A323,városok!$A$2:$C$346,2,0)-VLOOKUP(AE$1,városok!$A$2:$C$346,2,0))^2+(VLOOKUP($A323,városok!$A$2:$C$346,3,0)-VLOOKUP(AE$1,városok!$A$2:$C$346,3,0))^2)/1000,0)</f>
        <v>283</v>
      </c>
      <c r="AF323">
        <f ca="1">ROUND(SQRT((VLOOKUP($A323,városok!$A$2:$C$346,2,0)-VLOOKUP(AF$1,városok!$A$2:$C$346,2,0))^2+(VLOOKUP($A323,városok!$A$2:$C$346,3,0)-VLOOKUP(AF$1,városok!$A$2:$C$346,3,0))^2)/1000,0)</f>
        <v>248</v>
      </c>
      <c r="AG323">
        <f ca="1">ROUND(SQRT((VLOOKUP($A323,városok!$A$2:$C$346,2,0)-VLOOKUP(AG$1,városok!$A$2:$C$346,2,0))^2+(VLOOKUP($A323,városok!$A$2:$C$346,3,0)-VLOOKUP(AG$1,városok!$A$2:$C$346,3,0))^2)/1000,0)</f>
        <v>212</v>
      </c>
      <c r="AH323">
        <f ca="1">ROUND(SQRT((VLOOKUP($A323,városok!$A$2:$C$346,2,0)-VLOOKUP(AH$1,városok!$A$2:$C$346,2,0))^2+(VLOOKUP($A323,városok!$A$2:$C$346,3,0)-VLOOKUP(AH$1,városok!$A$2:$C$346,3,0))^2)/1000,0)</f>
        <v>189</v>
      </c>
      <c r="AI323">
        <f ca="1">ROUND(SQRT((VLOOKUP($A323,városok!$A$2:$C$346,2,0)-VLOOKUP(AI$1,városok!$A$2:$C$346,2,0))^2+(VLOOKUP($A323,városok!$A$2:$C$346,3,0)-VLOOKUP(AI$1,városok!$A$2:$C$346,3,0))^2)/1000,0)</f>
        <v>237</v>
      </c>
      <c r="AJ323">
        <f ca="1">ROUND(SQRT((VLOOKUP($A323,városok!$A$2:$C$346,2,0)-VLOOKUP(AJ$1,városok!$A$2:$C$346,2,0))^2+(VLOOKUP($A323,városok!$A$2:$C$346,3,0)-VLOOKUP(AJ$1,városok!$A$2:$C$346,3,0))^2)/1000,0)</f>
        <v>208</v>
      </c>
      <c r="AK323">
        <f ca="1">ROUND(SQRT((VLOOKUP($A323,városok!$A$2:$C$346,2,0)-VLOOKUP(AK$1,városok!$A$2:$C$346,2,0))^2+(VLOOKUP($A323,városok!$A$2:$C$346,3,0)-VLOOKUP(AK$1,városok!$A$2:$C$346,3,0))^2)/1000,0)</f>
        <v>268</v>
      </c>
      <c r="AL323">
        <f ca="1">ROUND(SQRT((VLOOKUP($A323,városok!$A$2:$C$346,2,0)-VLOOKUP(AL$1,városok!$A$2:$C$346,2,0))^2+(VLOOKUP($A323,városok!$A$2:$C$346,3,0)-VLOOKUP(AL$1,városok!$A$2:$C$346,3,0))^2)/1000,0)</f>
        <v>244</v>
      </c>
      <c r="AM323">
        <f ca="1">ROUND(SQRT((VLOOKUP($A323,városok!$A$2:$C$346,2,0)-VLOOKUP(AM$1,városok!$A$2:$C$346,2,0))^2+(VLOOKUP($A323,városok!$A$2:$C$346,3,0)-VLOOKUP(AM$1,városok!$A$2:$C$346,3,0))^2)/1000,0)</f>
        <v>207</v>
      </c>
      <c r="AN323">
        <f ca="1">ROUND(SQRT((VLOOKUP($A323,városok!$A$2:$C$346,2,0)-VLOOKUP(AN$1,városok!$A$2:$C$346,2,0))^2+(VLOOKUP($A323,városok!$A$2:$C$346,3,0)-VLOOKUP(AN$1,városok!$A$2:$C$346,3,0))^2)/1000,0)</f>
        <v>143</v>
      </c>
      <c r="AO323">
        <f ca="1">ROUND(SQRT((VLOOKUP($A323,városok!$A$2:$C$346,2,0)-VLOOKUP(AO$1,városok!$A$2:$C$346,2,0))^2+(VLOOKUP($A323,városok!$A$2:$C$346,3,0)-VLOOKUP(AO$1,városok!$A$2:$C$346,3,0))^2)/1000,0)</f>
        <v>113</v>
      </c>
      <c r="AP323">
        <f ca="1">ROUND(SQRT((VLOOKUP($A323,városok!$A$2:$C$346,2,0)-VLOOKUP(AP$1,városok!$A$2:$C$346,2,0))^2+(VLOOKUP($A323,városok!$A$2:$C$346,3,0)-VLOOKUP(AP$1,városok!$A$2:$C$346,3,0))^2)/1000,0)</f>
        <v>112</v>
      </c>
      <c r="AQ323">
        <f ca="1">ROUND(SQRT((VLOOKUP($A323,városok!$A$2:$C$346,2,0)-VLOOKUP(AQ$1,városok!$A$2:$C$346,2,0))^2+(VLOOKUP($A323,városok!$A$2:$C$346,3,0)-VLOOKUP(AQ$1,városok!$A$2:$C$346,3,0))^2)/1000,0)</f>
        <v>108</v>
      </c>
      <c r="AR323">
        <f ca="1">ROUND(SQRT((VLOOKUP($A323,városok!$A$2:$C$346,2,0)-VLOOKUP(AR$1,városok!$A$2:$C$346,2,0))^2+(VLOOKUP($A323,városok!$A$2:$C$346,3,0)-VLOOKUP(AR$1,városok!$A$2:$C$346,3,0))^2)/1000,0)</f>
        <v>206</v>
      </c>
      <c r="AS323">
        <f ca="1">ROUND(SQRT((VLOOKUP($A323,városok!$A$2:$C$346,2,0)-VLOOKUP(AS$1,városok!$A$2:$C$346,2,0))^2+(VLOOKUP($A323,városok!$A$2:$C$346,3,0)-VLOOKUP(AS$1,városok!$A$2:$C$346,3,0))^2)/1000,0)</f>
        <v>226</v>
      </c>
      <c r="AT323">
        <f ca="1">ROUND(SQRT((VLOOKUP($A323,városok!$A$2:$C$346,2,0)-VLOOKUP(AT$1,városok!$A$2:$C$346,2,0))^2+(VLOOKUP($A323,városok!$A$2:$C$346,3,0)-VLOOKUP(AT$1,városok!$A$2:$C$346,3,0))^2)/1000,0)</f>
        <v>123</v>
      </c>
      <c r="AU323">
        <f ca="1">ROUND(SQRT((VLOOKUP($A323,városok!$A$2:$C$346,2,0)-VLOOKUP(AU$1,városok!$A$2:$C$346,2,0))^2+(VLOOKUP($A323,városok!$A$2:$C$346,3,0)-VLOOKUP(AU$1,városok!$A$2:$C$346,3,0))^2)/1000,0)</f>
        <v>131</v>
      </c>
      <c r="AV323">
        <f ca="1">ROUND(SQRT((VLOOKUP($A323,városok!$A$2:$C$346,2,0)-VLOOKUP(AV$1,városok!$A$2:$C$346,2,0))^2+(VLOOKUP($A323,városok!$A$2:$C$346,3,0)-VLOOKUP(AV$1,városok!$A$2:$C$346,3,0))^2)/1000,0)</f>
        <v>128</v>
      </c>
      <c r="AW323">
        <f ca="1">ROUND(SQRT((VLOOKUP($A323,városok!$A$2:$C$346,2,0)-VLOOKUP(AW$1,városok!$A$2:$C$346,2,0))^2+(VLOOKUP($A323,városok!$A$2:$C$346,3,0)-VLOOKUP(AW$1,városok!$A$2:$C$346,3,0))^2)/1000,0)</f>
        <v>124</v>
      </c>
      <c r="AX323">
        <f ca="1">ROUND(SQRT((VLOOKUP($A323,városok!$A$2:$C$346,2,0)-VLOOKUP(AX$1,városok!$A$2:$C$346,2,0))^2+(VLOOKUP($A323,városok!$A$2:$C$346,3,0)-VLOOKUP(AX$1,városok!$A$2:$C$346,3,0))^2)/1000,0)</f>
        <v>174</v>
      </c>
      <c r="AY323">
        <f ca="1">ROUND(SQRT((VLOOKUP($A323,városok!$A$2:$C$346,2,0)-VLOOKUP(AY$1,városok!$A$2:$C$346,2,0))^2+(VLOOKUP($A323,városok!$A$2:$C$346,3,0)-VLOOKUP(AY$1,városok!$A$2:$C$346,3,0))^2)/1000,0)</f>
        <v>152</v>
      </c>
      <c r="AZ323">
        <f ca="1">ROUND(SQRT((VLOOKUP($A323,városok!$A$2:$C$346,2,0)-VLOOKUP(AZ$1,városok!$A$2:$C$346,2,0))^2+(VLOOKUP($A323,városok!$A$2:$C$346,3,0)-VLOOKUP(AZ$1,városok!$A$2:$C$346,3,0))^2)/1000,0)</f>
        <v>155</v>
      </c>
      <c r="BA323">
        <f ca="1">ROUND(SQRT((VLOOKUP($A323,városok!$A$2:$C$346,2,0)-VLOOKUP(BA$1,városok!$A$2:$C$346,2,0))^2+(VLOOKUP($A323,városok!$A$2:$C$346,3,0)-VLOOKUP(BA$1,városok!$A$2:$C$346,3,0))^2)/1000,0)</f>
        <v>15</v>
      </c>
      <c r="BB323">
        <f ca="1">ROUND(SQRT((VLOOKUP($A323,városok!$A$2:$C$346,2,0)-VLOOKUP(BB$1,városok!$A$2:$C$346,2,0))^2+(VLOOKUP($A323,városok!$A$2:$C$346,3,0)-VLOOKUP(BB$1,városok!$A$2:$C$346,3,0))^2)/1000,0)</f>
        <v>44</v>
      </c>
      <c r="BC323">
        <f ca="1">ROUND(SQRT((VLOOKUP($A323,városok!$A$2:$C$346,2,0)-VLOOKUP(BC$1,városok!$A$2:$C$346,2,0))^2+(VLOOKUP($A323,városok!$A$2:$C$346,3,0)-VLOOKUP(BC$1,városok!$A$2:$C$346,3,0))^2)/1000,0)</f>
        <v>55</v>
      </c>
      <c r="BD323">
        <f ca="1">ROUND(SQRT((VLOOKUP($A323,városok!$A$2:$C$346,2,0)-VLOOKUP(BD$1,városok!$A$2:$C$346,2,0))^2+(VLOOKUP($A323,városok!$A$2:$C$346,3,0)-VLOOKUP(BD$1,városok!$A$2:$C$346,3,0))^2)/1000,0)</f>
        <v>43</v>
      </c>
      <c r="BE323">
        <f ca="1">ROUND(SQRT((VLOOKUP($A323,városok!$A$2:$C$346,2,0)-VLOOKUP(BE$1,városok!$A$2:$C$346,2,0))^2+(VLOOKUP($A323,városok!$A$2:$C$346,3,0)-VLOOKUP(BE$1,városok!$A$2:$C$346,3,0))^2)/1000,0)</f>
        <v>406</v>
      </c>
      <c r="BF323">
        <f ca="1">ROUND(SQRT((VLOOKUP($A323,városok!$A$2:$C$346,2,0)-VLOOKUP(BF$1,városok!$A$2:$C$346,2,0))^2+(VLOOKUP($A323,városok!$A$2:$C$346,3,0)-VLOOKUP(BF$1,városok!$A$2:$C$346,3,0))^2)/1000,0)</f>
        <v>378</v>
      </c>
      <c r="BG323">
        <f ca="1">ROUND(SQRT((VLOOKUP($A323,városok!$A$2:$C$346,2,0)-VLOOKUP(BG$1,városok!$A$2:$C$346,2,0))^2+(VLOOKUP($A323,városok!$A$2:$C$346,3,0)-VLOOKUP(BG$1,városok!$A$2:$C$346,3,0))^2)/1000,0)</f>
        <v>332</v>
      </c>
      <c r="BH323">
        <f ca="1">ROUND(SQRT((VLOOKUP($A323,városok!$A$2:$C$346,2,0)-VLOOKUP(BH$1,városok!$A$2:$C$346,2,0))^2+(VLOOKUP($A323,városok!$A$2:$C$346,3,0)-VLOOKUP(BH$1,városok!$A$2:$C$346,3,0))^2)/1000,0)</f>
        <v>332</v>
      </c>
      <c r="BI323">
        <f ca="1">ROUND(SQRT((VLOOKUP($A323,városok!$A$2:$C$346,2,0)-VLOOKUP(BI$1,városok!$A$2:$C$346,2,0))^2+(VLOOKUP($A323,városok!$A$2:$C$346,3,0)-VLOOKUP(BI$1,városok!$A$2:$C$346,3,0))^2)/1000,0)</f>
        <v>96</v>
      </c>
      <c r="BJ323">
        <f ca="1">ROUND(SQRT((VLOOKUP($A323,városok!$A$2:$C$346,2,0)-VLOOKUP(BJ$1,városok!$A$2:$C$346,2,0))^2+(VLOOKUP($A323,városok!$A$2:$C$346,3,0)-VLOOKUP(BJ$1,városok!$A$2:$C$346,3,0))^2)/1000,0)</f>
        <v>93</v>
      </c>
      <c r="BK323">
        <f ca="1">ROUND(SQRT((VLOOKUP($A323,városok!$A$2:$C$346,2,0)-VLOOKUP(BK$1,városok!$A$2:$C$346,2,0))^2+(VLOOKUP($A323,városok!$A$2:$C$346,3,0)-VLOOKUP(BK$1,városok!$A$2:$C$346,3,0))^2)/1000,0)</f>
        <v>104</v>
      </c>
      <c r="BL323">
        <f ca="1">ROUND(SQRT((VLOOKUP($A323,városok!$A$2:$C$346,2,0)-VLOOKUP(BL$1,városok!$A$2:$C$346,2,0))^2+(VLOOKUP($A323,városok!$A$2:$C$346,3,0)-VLOOKUP(BL$1,városok!$A$2:$C$346,3,0))^2)/1000,0)</f>
        <v>73</v>
      </c>
      <c r="BM323">
        <f ca="1">ROUND(SQRT((VLOOKUP($A323,városok!$A$2:$C$346,2,0)-VLOOKUP(BM$1,városok!$A$2:$C$346,2,0))^2+(VLOOKUP($A323,városok!$A$2:$C$346,3,0)-VLOOKUP(BM$1,városok!$A$2:$C$346,3,0))^2)/1000,0)</f>
        <v>66</v>
      </c>
      <c r="BN323">
        <f ca="1">ROUND(SQRT((VLOOKUP($A323,városok!$A$2:$C$346,2,0)-VLOOKUP(BN$1,városok!$A$2:$C$346,2,0))^2+(VLOOKUP($A323,városok!$A$2:$C$346,3,0)-VLOOKUP(BN$1,városok!$A$2:$C$346,3,0))^2)/1000,0)</f>
        <v>83</v>
      </c>
      <c r="BO323">
        <f ca="1">ROUND(SQRT((VLOOKUP($A323,városok!$A$2:$C$346,2,0)-VLOOKUP(BO$1,városok!$A$2:$C$346,2,0))^2+(VLOOKUP($A323,városok!$A$2:$C$346,3,0)-VLOOKUP(BO$1,városok!$A$2:$C$346,3,0))^2)/1000,0)</f>
        <v>45</v>
      </c>
      <c r="BP323">
        <f ca="1">ROUND(SQRT((VLOOKUP($A323,városok!$A$2:$C$346,2,0)-VLOOKUP(BP$1,városok!$A$2:$C$346,2,0))^2+(VLOOKUP($A323,városok!$A$2:$C$346,3,0)-VLOOKUP(BP$1,városok!$A$2:$C$346,3,0))^2)/1000,0)</f>
        <v>52</v>
      </c>
      <c r="BQ323">
        <f ca="1">ROUND(SQRT((VLOOKUP($A323,városok!$A$2:$C$346,2,0)-VLOOKUP(BQ$1,városok!$A$2:$C$346,2,0))^2+(VLOOKUP($A323,városok!$A$2:$C$346,3,0)-VLOOKUP(BQ$1,városok!$A$2:$C$346,3,0))^2)/1000,0)</f>
        <v>44</v>
      </c>
      <c r="BR323">
        <f ca="1">ROUND(SQRT((VLOOKUP($A323,városok!$A$2:$C$346,2,0)-VLOOKUP(BR$1,városok!$A$2:$C$346,2,0))^2+(VLOOKUP($A323,városok!$A$2:$C$346,3,0)-VLOOKUP(BR$1,városok!$A$2:$C$346,3,0))^2)/1000,0)</f>
        <v>20</v>
      </c>
      <c r="BS323">
        <f ca="1">ROUND(SQRT((VLOOKUP($A323,városok!$A$2:$C$346,2,0)-VLOOKUP(BS$1,városok!$A$2:$C$346,2,0))^2+(VLOOKUP($A323,városok!$A$2:$C$346,3,0)-VLOOKUP(BS$1,városok!$A$2:$C$346,3,0))^2)/1000,0)</f>
        <v>56</v>
      </c>
      <c r="BT323">
        <f ca="1">ROUND(SQRT((VLOOKUP($A323,városok!$A$2:$C$346,2,0)-VLOOKUP(BT$1,városok!$A$2:$C$346,2,0))^2+(VLOOKUP($A323,városok!$A$2:$C$346,3,0)-VLOOKUP(BT$1,városok!$A$2:$C$346,3,0))^2)/1000,0)</f>
        <v>51</v>
      </c>
    </row>
    <row r="324" spans="1:72" x14ac:dyDescent="0.2">
      <c r="A324" t="str">
        <f>városok!A324</f>
        <v>Balatonalmádi</v>
      </c>
      <c r="B324">
        <f ca="1">ROUND(SQRT((VLOOKUP($A324,városok!$A$2:$C$346,2,0)-VLOOKUP(B$1,városok!$A$2:$C$346,2,0))^2+(VLOOKUP($A324,városok!$A$2:$C$346,3,0)-VLOOKUP(B$1,városok!$A$2:$C$346,3,0))^2)/1000,0)</f>
        <v>119</v>
      </c>
      <c r="C324">
        <f ca="1">ROUND(SQRT((VLOOKUP($A324,városok!$A$2:$C$346,2,0)-VLOOKUP(C$1,városok!$A$2:$C$346,2,0))^2+(VLOOKUP($A324,városok!$A$2:$C$346,3,0)-VLOOKUP(C$1,városok!$A$2:$C$346,3,0))^2)/1000,0)</f>
        <v>93</v>
      </c>
      <c r="D324">
        <f ca="1">ROUND(SQRT((VLOOKUP($A324,városok!$A$2:$C$346,2,0)-VLOOKUP(D$1,városok!$A$2:$C$346,2,0))^2+(VLOOKUP($A324,városok!$A$2:$C$346,3,0)-VLOOKUP(D$1,városok!$A$2:$C$346,3,0))^2)/1000,0)</f>
        <v>128</v>
      </c>
      <c r="E324">
        <f ca="1">ROUND(SQRT((VLOOKUP($A324,városok!$A$2:$C$346,2,0)-VLOOKUP(E$1,városok!$A$2:$C$346,2,0))^2+(VLOOKUP($A324,városok!$A$2:$C$346,3,0)-VLOOKUP(E$1,városok!$A$2:$C$346,3,0))^2)/1000,0)</f>
        <v>96</v>
      </c>
      <c r="F324">
        <f ca="1">ROUND(SQRT((VLOOKUP($A324,városok!$A$2:$C$346,2,0)-VLOOKUP(F$1,városok!$A$2:$C$346,2,0))^2+(VLOOKUP($A324,városok!$A$2:$C$346,3,0)-VLOOKUP(F$1,városok!$A$2:$C$346,3,0))^2)/1000,0)</f>
        <v>127</v>
      </c>
      <c r="G324">
        <f ca="1">ROUND(SQRT((VLOOKUP($A324,városok!$A$2:$C$346,2,0)-VLOOKUP(G$1,városok!$A$2:$C$346,2,0))^2+(VLOOKUP($A324,városok!$A$2:$C$346,3,0)-VLOOKUP(G$1,városok!$A$2:$C$346,3,0))^2)/1000,0)</f>
        <v>107</v>
      </c>
      <c r="H324">
        <f ca="1">ROUND(SQRT((VLOOKUP($A324,városok!$A$2:$C$346,2,0)-VLOOKUP(H$1,városok!$A$2:$C$346,2,0))^2+(VLOOKUP($A324,városok!$A$2:$C$346,3,0)-VLOOKUP(H$1,városok!$A$2:$C$346,3,0))^2)/1000,0)</f>
        <v>111</v>
      </c>
      <c r="I324">
        <f ca="1">ROUND(SQRT((VLOOKUP($A324,városok!$A$2:$C$346,2,0)-VLOOKUP(I$1,városok!$A$2:$C$346,2,0))^2+(VLOOKUP($A324,városok!$A$2:$C$346,3,0)-VLOOKUP(I$1,városok!$A$2:$C$346,3,0))^2)/1000,0)</f>
        <v>237</v>
      </c>
      <c r="J324">
        <f ca="1">ROUND(SQRT((VLOOKUP($A324,városok!$A$2:$C$346,2,0)-VLOOKUP(J$1,városok!$A$2:$C$346,2,0))^2+(VLOOKUP($A324,városok!$A$2:$C$346,3,0)-VLOOKUP(J$1,városok!$A$2:$C$346,3,0))^2)/1000,0)</f>
        <v>253</v>
      </c>
      <c r="K324">
        <f ca="1">ROUND(SQRT((VLOOKUP($A324,városok!$A$2:$C$346,2,0)-VLOOKUP(K$1,városok!$A$2:$C$346,2,0))^2+(VLOOKUP($A324,városok!$A$2:$C$346,3,0)-VLOOKUP(K$1,városok!$A$2:$C$346,3,0))^2)/1000,0)</f>
        <v>209</v>
      </c>
      <c r="L324">
        <f ca="1">ROUND(SQRT((VLOOKUP($A324,városok!$A$2:$C$346,2,0)-VLOOKUP(L$1,városok!$A$2:$C$346,2,0))^2+(VLOOKUP($A324,városok!$A$2:$C$346,3,0)-VLOOKUP(L$1,városok!$A$2:$C$346,3,0))^2)/1000,0)</f>
        <v>239</v>
      </c>
      <c r="M324">
        <f ca="1">ROUND(SQRT((VLOOKUP($A324,városok!$A$2:$C$346,2,0)-VLOOKUP(M$1,városok!$A$2:$C$346,2,0))^2+(VLOOKUP($A324,városok!$A$2:$C$346,3,0)-VLOOKUP(M$1,városok!$A$2:$C$346,3,0))^2)/1000,0)</f>
        <v>241</v>
      </c>
      <c r="N324">
        <f ca="1">ROUND(SQRT((VLOOKUP($A324,városok!$A$2:$C$346,2,0)-VLOOKUP(N$1,városok!$A$2:$C$346,2,0))^2+(VLOOKUP($A324,városok!$A$2:$C$346,3,0)-VLOOKUP(N$1,városok!$A$2:$C$346,3,0))^2)/1000,0)</f>
        <v>217</v>
      </c>
      <c r="O324">
        <f ca="1">ROUND(SQRT((VLOOKUP($A324,városok!$A$2:$C$346,2,0)-VLOOKUP(O$1,városok!$A$2:$C$346,2,0))^2+(VLOOKUP($A324,városok!$A$2:$C$346,3,0)-VLOOKUP(O$1,városok!$A$2:$C$346,3,0))^2)/1000,0)</f>
        <v>312</v>
      </c>
      <c r="P324">
        <f ca="1">ROUND(SQRT((VLOOKUP($A324,városok!$A$2:$C$346,2,0)-VLOOKUP(P$1,városok!$A$2:$C$346,2,0))^2+(VLOOKUP($A324,városok!$A$2:$C$346,3,0)-VLOOKUP(P$1,városok!$A$2:$C$346,3,0))^2)/1000,0)</f>
        <v>312</v>
      </c>
      <c r="Q324">
        <f ca="1">ROUND(SQRT((VLOOKUP($A324,városok!$A$2:$C$346,2,0)-VLOOKUP(Q$1,városok!$A$2:$C$346,2,0))^2+(VLOOKUP($A324,városok!$A$2:$C$346,3,0)-VLOOKUP(Q$1,városok!$A$2:$C$346,3,0))^2)/1000,0)</f>
        <v>189</v>
      </c>
      <c r="R324">
        <f ca="1">ROUND(SQRT((VLOOKUP($A324,városok!$A$2:$C$346,2,0)-VLOOKUP(R$1,városok!$A$2:$C$346,2,0))^2+(VLOOKUP($A324,városok!$A$2:$C$346,3,0)-VLOOKUP(R$1,városok!$A$2:$C$346,3,0))^2)/1000,0)</f>
        <v>209</v>
      </c>
      <c r="S324">
        <f ca="1">ROUND(SQRT((VLOOKUP($A324,városok!$A$2:$C$346,2,0)-VLOOKUP(S$1,városok!$A$2:$C$346,2,0))^2+(VLOOKUP($A324,városok!$A$2:$C$346,3,0)-VLOOKUP(S$1,városok!$A$2:$C$346,3,0))^2)/1000,0)</f>
        <v>186</v>
      </c>
      <c r="T324">
        <f ca="1">ROUND(SQRT((VLOOKUP($A324,városok!$A$2:$C$346,2,0)-VLOOKUP(T$1,városok!$A$2:$C$346,2,0))^2+(VLOOKUP($A324,városok!$A$2:$C$346,3,0)-VLOOKUP(T$1,városok!$A$2:$C$346,3,0))^2)/1000,0)</f>
        <v>69</v>
      </c>
      <c r="U324">
        <f ca="1">ROUND(SQRT((VLOOKUP($A324,városok!$A$2:$C$346,2,0)-VLOOKUP(U$1,városok!$A$2:$C$346,2,0))^2+(VLOOKUP($A324,városok!$A$2:$C$346,3,0)-VLOOKUP(U$1,városok!$A$2:$C$346,3,0))^2)/1000,0)</f>
        <v>70</v>
      </c>
      <c r="V324">
        <f ca="1">ROUND(SQRT((VLOOKUP($A324,városok!$A$2:$C$346,2,0)-VLOOKUP(V$1,városok!$A$2:$C$346,2,0))^2+(VLOOKUP($A324,városok!$A$2:$C$346,3,0)-VLOOKUP(V$1,városok!$A$2:$C$346,3,0))^2)/1000,0)</f>
        <v>22</v>
      </c>
      <c r="W324">
        <f ca="1">ROUND(SQRT((VLOOKUP($A324,városok!$A$2:$C$346,2,0)-VLOOKUP(W$1,városok!$A$2:$C$346,2,0))^2+(VLOOKUP($A324,városok!$A$2:$C$346,3,0)-VLOOKUP(W$1,városok!$A$2:$C$346,3,0))^2)/1000,0)</f>
        <v>49</v>
      </c>
      <c r="X324">
        <f ca="1">ROUND(SQRT((VLOOKUP($A324,városok!$A$2:$C$346,2,0)-VLOOKUP(X$1,városok!$A$2:$C$346,2,0))^2+(VLOOKUP($A324,városok!$A$2:$C$346,3,0)-VLOOKUP(X$1,városok!$A$2:$C$346,3,0))^2)/1000,0)</f>
        <v>37</v>
      </c>
      <c r="Y324">
        <f ca="1">ROUND(SQRT((VLOOKUP($A324,városok!$A$2:$C$346,2,0)-VLOOKUP(Y$1,városok!$A$2:$C$346,2,0))^2+(VLOOKUP($A324,városok!$A$2:$C$346,3,0)-VLOOKUP(Y$1,városok!$A$2:$C$346,3,0))^2)/1000,0)</f>
        <v>79</v>
      </c>
      <c r="Z324">
        <f ca="1">ROUND(SQRT((VLOOKUP($A324,városok!$A$2:$C$346,2,0)-VLOOKUP(Z$1,városok!$A$2:$C$346,2,0))^2+(VLOOKUP($A324,városok!$A$2:$C$346,3,0)-VLOOKUP(Z$1,városok!$A$2:$C$346,3,0))^2)/1000,0)</f>
        <v>91</v>
      </c>
      <c r="AA324">
        <f ca="1">ROUND(SQRT((VLOOKUP($A324,városok!$A$2:$C$346,2,0)-VLOOKUP(AA$1,városok!$A$2:$C$346,2,0))^2+(VLOOKUP($A324,városok!$A$2:$C$346,3,0)-VLOOKUP(AA$1,városok!$A$2:$C$346,3,0))^2)/1000,0)</f>
        <v>130</v>
      </c>
      <c r="AB324">
        <f ca="1">ROUND(SQRT((VLOOKUP($A324,városok!$A$2:$C$346,2,0)-VLOOKUP(AB$1,városok!$A$2:$C$346,2,0))^2+(VLOOKUP($A324,városok!$A$2:$C$346,3,0)-VLOOKUP(AB$1,városok!$A$2:$C$346,3,0))^2)/1000,0)</f>
        <v>279</v>
      </c>
      <c r="AC324">
        <f ca="1">ROUND(SQRT((VLOOKUP($A324,városok!$A$2:$C$346,2,0)-VLOOKUP(AC$1,városok!$A$2:$C$346,2,0))^2+(VLOOKUP($A324,városok!$A$2:$C$346,3,0)-VLOOKUP(AC$1,városok!$A$2:$C$346,3,0))^2)/1000,0)</f>
        <v>260</v>
      </c>
      <c r="AD324">
        <f ca="1">ROUND(SQRT((VLOOKUP($A324,városok!$A$2:$C$346,2,0)-VLOOKUP(AD$1,városok!$A$2:$C$346,2,0))^2+(VLOOKUP($A324,városok!$A$2:$C$346,3,0)-VLOOKUP(AD$1,városok!$A$2:$C$346,3,0))^2)/1000,0)</f>
        <v>242</v>
      </c>
      <c r="AE324">
        <f ca="1">ROUND(SQRT((VLOOKUP($A324,városok!$A$2:$C$346,2,0)-VLOOKUP(AE$1,városok!$A$2:$C$346,2,0))^2+(VLOOKUP($A324,városok!$A$2:$C$346,3,0)-VLOOKUP(AE$1,városok!$A$2:$C$346,3,0))^2)/1000,0)</f>
        <v>241</v>
      </c>
      <c r="AF324">
        <f ca="1">ROUND(SQRT((VLOOKUP($A324,városok!$A$2:$C$346,2,0)-VLOOKUP(AF$1,városok!$A$2:$C$346,2,0))^2+(VLOOKUP($A324,városok!$A$2:$C$346,3,0)-VLOOKUP(AF$1,városok!$A$2:$C$346,3,0))^2)/1000,0)</f>
        <v>203</v>
      </c>
      <c r="AG324">
        <f ca="1">ROUND(SQRT((VLOOKUP($A324,városok!$A$2:$C$346,2,0)-VLOOKUP(AG$1,városok!$A$2:$C$346,2,0))^2+(VLOOKUP($A324,városok!$A$2:$C$346,3,0)-VLOOKUP(AG$1,városok!$A$2:$C$346,3,0))^2)/1000,0)</f>
        <v>167</v>
      </c>
      <c r="AH324">
        <f ca="1">ROUND(SQRT((VLOOKUP($A324,városok!$A$2:$C$346,2,0)-VLOOKUP(AH$1,városok!$A$2:$C$346,2,0))^2+(VLOOKUP($A324,városok!$A$2:$C$346,3,0)-VLOOKUP(AH$1,városok!$A$2:$C$346,3,0))^2)/1000,0)</f>
        <v>144</v>
      </c>
      <c r="AI324">
        <f ca="1">ROUND(SQRT((VLOOKUP($A324,városok!$A$2:$C$346,2,0)-VLOOKUP(AI$1,városok!$A$2:$C$346,2,0))^2+(VLOOKUP($A324,városok!$A$2:$C$346,3,0)-VLOOKUP(AI$1,városok!$A$2:$C$346,3,0))^2)/1000,0)</f>
        <v>192</v>
      </c>
      <c r="AJ324">
        <f ca="1">ROUND(SQRT((VLOOKUP($A324,városok!$A$2:$C$346,2,0)-VLOOKUP(AJ$1,városok!$A$2:$C$346,2,0))^2+(VLOOKUP($A324,városok!$A$2:$C$346,3,0)-VLOOKUP(AJ$1,városok!$A$2:$C$346,3,0))^2)/1000,0)</f>
        <v>163</v>
      </c>
      <c r="AK324">
        <f ca="1">ROUND(SQRT((VLOOKUP($A324,városok!$A$2:$C$346,2,0)-VLOOKUP(AK$1,városok!$A$2:$C$346,2,0))^2+(VLOOKUP($A324,városok!$A$2:$C$346,3,0)-VLOOKUP(AK$1,városok!$A$2:$C$346,3,0))^2)/1000,0)</f>
        <v>226</v>
      </c>
      <c r="AL324">
        <f ca="1">ROUND(SQRT((VLOOKUP($A324,városok!$A$2:$C$346,2,0)-VLOOKUP(AL$1,városok!$A$2:$C$346,2,0))^2+(VLOOKUP($A324,városok!$A$2:$C$346,3,0)-VLOOKUP(AL$1,városok!$A$2:$C$346,3,0))^2)/1000,0)</f>
        <v>202</v>
      </c>
      <c r="AM324">
        <f ca="1">ROUND(SQRT((VLOOKUP($A324,városok!$A$2:$C$346,2,0)-VLOOKUP(AM$1,városok!$A$2:$C$346,2,0))^2+(VLOOKUP($A324,városok!$A$2:$C$346,3,0)-VLOOKUP(AM$1,városok!$A$2:$C$346,3,0))^2)/1000,0)</f>
        <v>166</v>
      </c>
      <c r="AN324">
        <f ca="1">ROUND(SQRT((VLOOKUP($A324,városok!$A$2:$C$346,2,0)-VLOOKUP(AN$1,városok!$A$2:$C$346,2,0))^2+(VLOOKUP($A324,városok!$A$2:$C$346,3,0)-VLOOKUP(AN$1,városok!$A$2:$C$346,3,0))^2)/1000,0)</f>
        <v>101</v>
      </c>
      <c r="AO324">
        <f ca="1">ROUND(SQRT((VLOOKUP($A324,városok!$A$2:$C$346,2,0)-VLOOKUP(AO$1,városok!$A$2:$C$346,2,0))^2+(VLOOKUP($A324,városok!$A$2:$C$346,3,0)-VLOOKUP(AO$1,városok!$A$2:$C$346,3,0))^2)/1000,0)</f>
        <v>79</v>
      </c>
      <c r="AP324">
        <f ca="1">ROUND(SQRT((VLOOKUP($A324,városok!$A$2:$C$346,2,0)-VLOOKUP(AP$1,városok!$A$2:$C$346,2,0))^2+(VLOOKUP($A324,városok!$A$2:$C$346,3,0)-VLOOKUP(AP$1,városok!$A$2:$C$346,3,0))^2)/1000,0)</f>
        <v>72</v>
      </c>
      <c r="AQ324">
        <f ca="1">ROUND(SQRT((VLOOKUP($A324,városok!$A$2:$C$346,2,0)-VLOOKUP(AQ$1,városok!$A$2:$C$346,2,0))^2+(VLOOKUP($A324,városok!$A$2:$C$346,3,0)-VLOOKUP(AQ$1,városok!$A$2:$C$346,3,0))^2)/1000,0)</f>
        <v>67</v>
      </c>
      <c r="AR324">
        <f ca="1">ROUND(SQRT((VLOOKUP($A324,városok!$A$2:$C$346,2,0)-VLOOKUP(AR$1,városok!$A$2:$C$346,2,0))^2+(VLOOKUP($A324,városok!$A$2:$C$346,3,0)-VLOOKUP(AR$1,városok!$A$2:$C$346,3,0))^2)/1000,0)</f>
        <v>161</v>
      </c>
      <c r="AS324">
        <f ca="1">ROUND(SQRT((VLOOKUP($A324,városok!$A$2:$C$346,2,0)-VLOOKUP(AS$1,városok!$A$2:$C$346,2,0))^2+(VLOOKUP($A324,városok!$A$2:$C$346,3,0)-VLOOKUP(AS$1,városok!$A$2:$C$346,3,0))^2)/1000,0)</f>
        <v>181</v>
      </c>
      <c r="AT324">
        <f ca="1">ROUND(SQRT((VLOOKUP($A324,városok!$A$2:$C$346,2,0)-VLOOKUP(AT$1,városok!$A$2:$C$346,2,0))^2+(VLOOKUP($A324,városok!$A$2:$C$346,3,0)-VLOOKUP(AT$1,városok!$A$2:$C$346,3,0))^2)/1000,0)</f>
        <v>78</v>
      </c>
      <c r="AU324">
        <f ca="1">ROUND(SQRT((VLOOKUP($A324,városok!$A$2:$C$346,2,0)-VLOOKUP(AU$1,városok!$A$2:$C$346,2,0))^2+(VLOOKUP($A324,városok!$A$2:$C$346,3,0)-VLOOKUP(AU$1,városok!$A$2:$C$346,3,0))^2)/1000,0)</f>
        <v>86</v>
      </c>
      <c r="AV324">
        <f ca="1">ROUND(SQRT((VLOOKUP($A324,városok!$A$2:$C$346,2,0)-VLOOKUP(AV$1,városok!$A$2:$C$346,2,0))^2+(VLOOKUP($A324,városok!$A$2:$C$346,3,0)-VLOOKUP(AV$1,városok!$A$2:$C$346,3,0))^2)/1000,0)</f>
        <v>83</v>
      </c>
      <c r="AW324">
        <f ca="1">ROUND(SQRT((VLOOKUP($A324,városok!$A$2:$C$346,2,0)-VLOOKUP(AW$1,városok!$A$2:$C$346,2,0))^2+(VLOOKUP($A324,városok!$A$2:$C$346,3,0)-VLOOKUP(AW$1,városok!$A$2:$C$346,3,0))^2)/1000,0)</f>
        <v>79</v>
      </c>
      <c r="AX324">
        <f ca="1">ROUND(SQRT((VLOOKUP($A324,városok!$A$2:$C$346,2,0)-VLOOKUP(AX$1,városok!$A$2:$C$346,2,0))^2+(VLOOKUP($A324,városok!$A$2:$C$346,3,0)-VLOOKUP(AX$1,városok!$A$2:$C$346,3,0))^2)/1000,0)</f>
        <v>134</v>
      </c>
      <c r="AY324">
        <f ca="1">ROUND(SQRT((VLOOKUP($A324,városok!$A$2:$C$346,2,0)-VLOOKUP(AY$1,városok!$A$2:$C$346,2,0))^2+(VLOOKUP($A324,városok!$A$2:$C$346,3,0)-VLOOKUP(AY$1,városok!$A$2:$C$346,3,0))^2)/1000,0)</f>
        <v>107</v>
      </c>
      <c r="AZ324">
        <f ca="1">ROUND(SQRT((VLOOKUP($A324,városok!$A$2:$C$346,2,0)-VLOOKUP(AZ$1,városok!$A$2:$C$346,2,0))^2+(VLOOKUP($A324,városok!$A$2:$C$346,3,0)-VLOOKUP(AZ$1,városok!$A$2:$C$346,3,0))^2)/1000,0)</f>
        <v>111</v>
      </c>
      <c r="BA324">
        <f ca="1">ROUND(SQRT((VLOOKUP($A324,városok!$A$2:$C$346,2,0)-VLOOKUP(BA$1,városok!$A$2:$C$346,2,0))^2+(VLOOKUP($A324,városok!$A$2:$C$346,3,0)-VLOOKUP(BA$1,városok!$A$2:$C$346,3,0))^2)/1000,0)</f>
        <v>36</v>
      </c>
      <c r="BB324">
        <f ca="1">ROUND(SQRT((VLOOKUP($A324,városok!$A$2:$C$346,2,0)-VLOOKUP(BB$1,városok!$A$2:$C$346,2,0))^2+(VLOOKUP($A324,városok!$A$2:$C$346,3,0)-VLOOKUP(BB$1,városok!$A$2:$C$346,3,0))^2)/1000,0)</f>
        <v>55</v>
      </c>
      <c r="BC324">
        <f ca="1">ROUND(SQRT((VLOOKUP($A324,városok!$A$2:$C$346,2,0)-VLOOKUP(BC$1,városok!$A$2:$C$346,2,0))^2+(VLOOKUP($A324,városok!$A$2:$C$346,3,0)-VLOOKUP(BC$1,városok!$A$2:$C$346,3,0))^2)/1000,0)</f>
        <v>77</v>
      </c>
      <c r="BD324">
        <f ca="1">ROUND(SQRT((VLOOKUP($A324,városok!$A$2:$C$346,2,0)-VLOOKUP(BD$1,városok!$A$2:$C$346,2,0))^2+(VLOOKUP($A324,városok!$A$2:$C$346,3,0)-VLOOKUP(BD$1,városok!$A$2:$C$346,3,0))^2)/1000,0)</f>
        <v>14</v>
      </c>
      <c r="BE324">
        <f ca="1">ROUND(SQRT((VLOOKUP($A324,városok!$A$2:$C$346,2,0)-VLOOKUP(BE$1,városok!$A$2:$C$346,2,0))^2+(VLOOKUP($A324,városok!$A$2:$C$346,3,0)-VLOOKUP(BE$1,városok!$A$2:$C$346,3,0))^2)/1000,0)</f>
        <v>363</v>
      </c>
      <c r="BF324">
        <f ca="1">ROUND(SQRT((VLOOKUP($A324,városok!$A$2:$C$346,2,0)-VLOOKUP(BF$1,városok!$A$2:$C$346,2,0))^2+(VLOOKUP($A324,városok!$A$2:$C$346,3,0)-VLOOKUP(BF$1,városok!$A$2:$C$346,3,0))^2)/1000,0)</f>
        <v>333</v>
      </c>
      <c r="BG324">
        <f ca="1">ROUND(SQRT((VLOOKUP($A324,városok!$A$2:$C$346,2,0)-VLOOKUP(BG$1,városok!$A$2:$C$346,2,0))^2+(VLOOKUP($A324,városok!$A$2:$C$346,3,0)-VLOOKUP(BG$1,városok!$A$2:$C$346,3,0))^2)/1000,0)</f>
        <v>287</v>
      </c>
      <c r="BH324">
        <f ca="1">ROUND(SQRT((VLOOKUP($A324,városok!$A$2:$C$346,2,0)-VLOOKUP(BH$1,városok!$A$2:$C$346,2,0))^2+(VLOOKUP($A324,városok!$A$2:$C$346,3,0)-VLOOKUP(BH$1,városok!$A$2:$C$346,3,0))^2)/1000,0)</f>
        <v>287</v>
      </c>
      <c r="BI324">
        <f ca="1">ROUND(SQRT((VLOOKUP($A324,városok!$A$2:$C$346,2,0)-VLOOKUP(BI$1,városok!$A$2:$C$346,2,0))^2+(VLOOKUP($A324,városok!$A$2:$C$346,3,0)-VLOOKUP(BI$1,városok!$A$2:$C$346,3,0))^2)/1000,0)</f>
        <v>84</v>
      </c>
      <c r="BJ324">
        <f ca="1">ROUND(SQRT((VLOOKUP($A324,városok!$A$2:$C$346,2,0)-VLOOKUP(BJ$1,városok!$A$2:$C$346,2,0))^2+(VLOOKUP($A324,városok!$A$2:$C$346,3,0)-VLOOKUP(BJ$1,városok!$A$2:$C$346,3,0))^2)/1000,0)</f>
        <v>90</v>
      </c>
      <c r="BK324">
        <f ca="1">ROUND(SQRT((VLOOKUP($A324,városok!$A$2:$C$346,2,0)-VLOOKUP(BK$1,városok!$A$2:$C$346,2,0))^2+(VLOOKUP($A324,városok!$A$2:$C$346,3,0)-VLOOKUP(BK$1,városok!$A$2:$C$346,3,0))^2)/1000,0)</f>
        <v>92</v>
      </c>
      <c r="BL324">
        <f ca="1">ROUND(SQRT((VLOOKUP($A324,városok!$A$2:$C$346,2,0)-VLOOKUP(BL$1,városok!$A$2:$C$346,2,0))^2+(VLOOKUP($A324,városok!$A$2:$C$346,3,0)-VLOOKUP(BL$1,városok!$A$2:$C$346,3,0))^2)/1000,0)</f>
        <v>107</v>
      </c>
      <c r="BM324">
        <f ca="1">ROUND(SQRT((VLOOKUP($A324,városok!$A$2:$C$346,2,0)-VLOOKUP(BM$1,városok!$A$2:$C$346,2,0))^2+(VLOOKUP($A324,városok!$A$2:$C$346,3,0)-VLOOKUP(BM$1,városok!$A$2:$C$346,3,0))^2)/1000,0)</f>
        <v>86</v>
      </c>
      <c r="BN324">
        <f ca="1">ROUND(SQRT((VLOOKUP($A324,városok!$A$2:$C$346,2,0)-VLOOKUP(BN$1,városok!$A$2:$C$346,2,0))^2+(VLOOKUP($A324,városok!$A$2:$C$346,3,0)-VLOOKUP(BN$1,városok!$A$2:$C$346,3,0))^2)/1000,0)</f>
        <v>108</v>
      </c>
      <c r="BO324">
        <f ca="1">ROUND(SQRT((VLOOKUP($A324,városok!$A$2:$C$346,2,0)-VLOOKUP(BO$1,városok!$A$2:$C$346,2,0))^2+(VLOOKUP($A324,városok!$A$2:$C$346,3,0)-VLOOKUP(BO$1,városok!$A$2:$C$346,3,0))^2)/1000,0)</f>
        <v>0</v>
      </c>
      <c r="BP324">
        <f ca="1">ROUND(SQRT((VLOOKUP($A324,városok!$A$2:$C$346,2,0)-VLOOKUP(BP$1,városok!$A$2:$C$346,2,0))^2+(VLOOKUP($A324,városok!$A$2:$C$346,3,0)-VLOOKUP(BP$1,városok!$A$2:$C$346,3,0))^2)/1000,0)</f>
        <v>7</v>
      </c>
      <c r="BQ324">
        <f ca="1">ROUND(SQRT((VLOOKUP($A324,városok!$A$2:$C$346,2,0)-VLOOKUP(BQ$1,városok!$A$2:$C$346,2,0))^2+(VLOOKUP($A324,városok!$A$2:$C$346,3,0)-VLOOKUP(BQ$1,városok!$A$2:$C$346,3,0))^2)/1000,0)</f>
        <v>10</v>
      </c>
      <c r="BR324">
        <f ca="1">ROUND(SQRT((VLOOKUP($A324,városok!$A$2:$C$346,2,0)-VLOOKUP(BR$1,városok!$A$2:$C$346,2,0))^2+(VLOOKUP($A324,városok!$A$2:$C$346,3,0)-VLOOKUP(BR$1,városok!$A$2:$C$346,3,0))^2)/1000,0)</f>
        <v>65</v>
      </c>
      <c r="BS324">
        <f ca="1">ROUND(SQRT((VLOOKUP($A324,városok!$A$2:$C$346,2,0)-VLOOKUP(BS$1,városok!$A$2:$C$346,2,0))^2+(VLOOKUP($A324,városok!$A$2:$C$346,3,0)-VLOOKUP(BS$1,városok!$A$2:$C$346,3,0))^2)/1000,0)</f>
        <v>101</v>
      </c>
      <c r="BT324">
        <f ca="1">ROUND(SQRT((VLOOKUP($A324,városok!$A$2:$C$346,2,0)-VLOOKUP(BT$1,városok!$A$2:$C$346,2,0))^2+(VLOOKUP($A324,városok!$A$2:$C$346,3,0)-VLOOKUP(BT$1,városok!$A$2:$C$346,3,0))^2)/1000,0)</f>
        <v>92</v>
      </c>
    </row>
    <row r="325" spans="1:72" x14ac:dyDescent="0.2">
      <c r="A325" t="str">
        <f>városok!A325</f>
        <v>Balatonfüred</v>
      </c>
      <c r="B325">
        <f ca="1">ROUND(SQRT((VLOOKUP($A325,városok!$A$2:$C$346,2,0)-VLOOKUP(B$1,városok!$A$2:$C$346,2,0))^2+(VLOOKUP($A325,városok!$A$2:$C$346,3,0)-VLOOKUP(B$1,városok!$A$2:$C$346,3,0))^2)/1000,0)</f>
        <v>119</v>
      </c>
      <c r="C325">
        <f ca="1">ROUND(SQRT((VLOOKUP($A325,városok!$A$2:$C$346,2,0)-VLOOKUP(C$1,városok!$A$2:$C$346,2,0))^2+(VLOOKUP($A325,városok!$A$2:$C$346,3,0)-VLOOKUP(C$1,városok!$A$2:$C$346,3,0))^2)/1000,0)</f>
        <v>96</v>
      </c>
      <c r="D325">
        <f ca="1">ROUND(SQRT((VLOOKUP($A325,városok!$A$2:$C$346,2,0)-VLOOKUP(D$1,városok!$A$2:$C$346,2,0))^2+(VLOOKUP($A325,városok!$A$2:$C$346,3,0)-VLOOKUP(D$1,városok!$A$2:$C$346,3,0))^2)/1000,0)</f>
        <v>137</v>
      </c>
      <c r="E325">
        <f ca="1">ROUND(SQRT((VLOOKUP($A325,városok!$A$2:$C$346,2,0)-VLOOKUP(E$1,városok!$A$2:$C$346,2,0))^2+(VLOOKUP($A325,városok!$A$2:$C$346,3,0)-VLOOKUP(E$1,városok!$A$2:$C$346,3,0))^2)/1000,0)</f>
        <v>90</v>
      </c>
      <c r="F325">
        <f ca="1">ROUND(SQRT((VLOOKUP($A325,városok!$A$2:$C$346,2,0)-VLOOKUP(F$1,városok!$A$2:$C$346,2,0))^2+(VLOOKUP($A325,városok!$A$2:$C$346,3,0)-VLOOKUP(F$1,városok!$A$2:$C$346,3,0))^2)/1000,0)</f>
        <v>124</v>
      </c>
      <c r="G325">
        <f ca="1">ROUND(SQRT((VLOOKUP($A325,városok!$A$2:$C$346,2,0)-VLOOKUP(G$1,városok!$A$2:$C$346,2,0))^2+(VLOOKUP($A325,városok!$A$2:$C$346,3,0)-VLOOKUP(G$1,városok!$A$2:$C$346,3,0))^2)/1000,0)</f>
        <v>102</v>
      </c>
      <c r="H325">
        <f ca="1">ROUND(SQRT((VLOOKUP($A325,városok!$A$2:$C$346,2,0)-VLOOKUP(H$1,városok!$A$2:$C$346,2,0))^2+(VLOOKUP($A325,városok!$A$2:$C$346,3,0)-VLOOKUP(H$1,városok!$A$2:$C$346,3,0))^2)/1000,0)</f>
        <v>102</v>
      </c>
      <c r="I325">
        <f ca="1">ROUND(SQRT((VLOOKUP($A325,városok!$A$2:$C$346,2,0)-VLOOKUP(I$1,városok!$A$2:$C$346,2,0))^2+(VLOOKUP($A325,városok!$A$2:$C$346,3,0)-VLOOKUP(I$1,városok!$A$2:$C$346,3,0))^2)/1000,0)</f>
        <v>246</v>
      </c>
      <c r="J325">
        <f ca="1">ROUND(SQRT((VLOOKUP($A325,városok!$A$2:$C$346,2,0)-VLOOKUP(J$1,városok!$A$2:$C$346,2,0))^2+(VLOOKUP($A325,városok!$A$2:$C$346,3,0)-VLOOKUP(J$1,városok!$A$2:$C$346,3,0))^2)/1000,0)</f>
        <v>261</v>
      </c>
      <c r="K325">
        <f ca="1">ROUND(SQRT((VLOOKUP($A325,városok!$A$2:$C$346,2,0)-VLOOKUP(K$1,városok!$A$2:$C$346,2,0))^2+(VLOOKUP($A325,városok!$A$2:$C$346,3,0)-VLOOKUP(K$1,városok!$A$2:$C$346,3,0))^2)/1000,0)</f>
        <v>217</v>
      </c>
      <c r="L325">
        <f ca="1">ROUND(SQRT((VLOOKUP($A325,városok!$A$2:$C$346,2,0)-VLOOKUP(L$1,városok!$A$2:$C$346,2,0))^2+(VLOOKUP($A325,városok!$A$2:$C$346,3,0)-VLOOKUP(L$1,városok!$A$2:$C$346,3,0))^2)/1000,0)</f>
        <v>252</v>
      </c>
      <c r="M325">
        <f ca="1">ROUND(SQRT((VLOOKUP($A325,városok!$A$2:$C$346,2,0)-VLOOKUP(M$1,városok!$A$2:$C$346,2,0))^2+(VLOOKUP($A325,városok!$A$2:$C$346,3,0)-VLOOKUP(M$1,városok!$A$2:$C$346,3,0))^2)/1000,0)</f>
        <v>253</v>
      </c>
      <c r="N325">
        <f ca="1">ROUND(SQRT((VLOOKUP($A325,városok!$A$2:$C$346,2,0)-VLOOKUP(N$1,városok!$A$2:$C$346,2,0))^2+(VLOOKUP($A325,városok!$A$2:$C$346,3,0)-VLOOKUP(N$1,városok!$A$2:$C$346,3,0))^2)/1000,0)</f>
        <v>229</v>
      </c>
      <c r="O325">
        <f ca="1">ROUND(SQRT((VLOOKUP($A325,városok!$A$2:$C$346,2,0)-VLOOKUP(O$1,városok!$A$2:$C$346,2,0))^2+(VLOOKUP($A325,városok!$A$2:$C$346,3,0)-VLOOKUP(O$1,városok!$A$2:$C$346,3,0))^2)/1000,0)</f>
        <v>325</v>
      </c>
      <c r="P325">
        <f ca="1">ROUND(SQRT((VLOOKUP($A325,városok!$A$2:$C$346,2,0)-VLOOKUP(P$1,városok!$A$2:$C$346,2,0))^2+(VLOOKUP($A325,városok!$A$2:$C$346,3,0)-VLOOKUP(P$1,városok!$A$2:$C$346,3,0))^2)/1000,0)</f>
        <v>325</v>
      </c>
      <c r="Q325">
        <f ca="1">ROUND(SQRT((VLOOKUP($A325,városok!$A$2:$C$346,2,0)-VLOOKUP(Q$1,városok!$A$2:$C$346,2,0))^2+(VLOOKUP($A325,városok!$A$2:$C$346,3,0)-VLOOKUP(Q$1,városok!$A$2:$C$346,3,0))^2)/1000,0)</f>
        <v>196</v>
      </c>
      <c r="R325">
        <f ca="1">ROUND(SQRT((VLOOKUP($A325,városok!$A$2:$C$346,2,0)-VLOOKUP(R$1,városok!$A$2:$C$346,2,0))^2+(VLOOKUP($A325,városok!$A$2:$C$346,3,0)-VLOOKUP(R$1,városok!$A$2:$C$346,3,0))^2)/1000,0)</f>
        <v>215</v>
      </c>
      <c r="S325">
        <f ca="1">ROUND(SQRT((VLOOKUP($A325,városok!$A$2:$C$346,2,0)-VLOOKUP(S$1,városok!$A$2:$C$346,2,0))^2+(VLOOKUP($A325,városok!$A$2:$C$346,3,0)-VLOOKUP(S$1,városok!$A$2:$C$346,3,0))^2)/1000,0)</f>
        <v>191</v>
      </c>
      <c r="T325">
        <f ca="1">ROUND(SQRT((VLOOKUP($A325,városok!$A$2:$C$346,2,0)-VLOOKUP(T$1,városok!$A$2:$C$346,2,0))^2+(VLOOKUP($A325,városok!$A$2:$C$346,3,0)-VLOOKUP(T$1,városok!$A$2:$C$346,3,0))^2)/1000,0)</f>
        <v>82</v>
      </c>
      <c r="U325">
        <f ca="1">ROUND(SQRT((VLOOKUP($A325,városok!$A$2:$C$346,2,0)-VLOOKUP(U$1,városok!$A$2:$C$346,2,0))^2+(VLOOKUP($A325,városok!$A$2:$C$346,3,0)-VLOOKUP(U$1,városok!$A$2:$C$346,3,0))^2)/1000,0)</f>
        <v>80</v>
      </c>
      <c r="V325">
        <f ca="1">ROUND(SQRT((VLOOKUP($A325,városok!$A$2:$C$346,2,0)-VLOOKUP(V$1,városok!$A$2:$C$346,2,0))^2+(VLOOKUP($A325,városok!$A$2:$C$346,3,0)-VLOOKUP(V$1,városok!$A$2:$C$346,3,0))^2)/1000,0)</f>
        <v>34</v>
      </c>
      <c r="W325">
        <f ca="1">ROUND(SQRT((VLOOKUP($A325,városok!$A$2:$C$346,2,0)-VLOOKUP(W$1,városok!$A$2:$C$346,2,0))^2+(VLOOKUP($A325,városok!$A$2:$C$346,3,0)-VLOOKUP(W$1,városok!$A$2:$C$346,3,0))^2)/1000,0)</f>
        <v>56</v>
      </c>
      <c r="X325">
        <f ca="1">ROUND(SQRT((VLOOKUP($A325,városok!$A$2:$C$346,2,0)-VLOOKUP(X$1,városok!$A$2:$C$346,2,0))^2+(VLOOKUP($A325,városok!$A$2:$C$346,3,0)-VLOOKUP(X$1,városok!$A$2:$C$346,3,0))^2)/1000,0)</f>
        <v>50</v>
      </c>
      <c r="Y325">
        <f ca="1">ROUND(SQRT((VLOOKUP($A325,városok!$A$2:$C$346,2,0)-VLOOKUP(Y$1,városok!$A$2:$C$346,2,0))^2+(VLOOKUP($A325,városok!$A$2:$C$346,3,0)-VLOOKUP(Y$1,városok!$A$2:$C$346,3,0))^2)/1000,0)</f>
        <v>84</v>
      </c>
      <c r="Z325">
        <f ca="1">ROUND(SQRT((VLOOKUP($A325,városok!$A$2:$C$346,2,0)-VLOOKUP(Z$1,városok!$A$2:$C$346,2,0))^2+(VLOOKUP($A325,városok!$A$2:$C$346,3,0)-VLOOKUP(Z$1,városok!$A$2:$C$346,3,0))^2)/1000,0)</f>
        <v>94</v>
      </c>
      <c r="AA325">
        <f ca="1">ROUND(SQRT((VLOOKUP($A325,városok!$A$2:$C$346,2,0)-VLOOKUP(AA$1,városok!$A$2:$C$346,2,0))^2+(VLOOKUP($A325,városok!$A$2:$C$346,3,0)-VLOOKUP(AA$1,városok!$A$2:$C$346,3,0))^2)/1000,0)</f>
        <v>128</v>
      </c>
      <c r="AB325">
        <f ca="1">ROUND(SQRT((VLOOKUP($A325,városok!$A$2:$C$346,2,0)-VLOOKUP(AB$1,városok!$A$2:$C$346,2,0))^2+(VLOOKUP($A325,városok!$A$2:$C$346,3,0)-VLOOKUP(AB$1,városok!$A$2:$C$346,3,0))^2)/1000,0)</f>
        <v>290</v>
      </c>
      <c r="AC325">
        <f ca="1">ROUND(SQRT((VLOOKUP($A325,városok!$A$2:$C$346,2,0)-VLOOKUP(AC$1,városok!$A$2:$C$346,2,0))^2+(VLOOKUP($A325,városok!$A$2:$C$346,3,0)-VLOOKUP(AC$1,városok!$A$2:$C$346,3,0))^2)/1000,0)</f>
        <v>271</v>
      </c>
      <c r="AD325">
        <f ca="1">ROUND(SQRT((VLOOKUP($A325,városok!$A$2:$C$346,2,0)-VLOOKUP(AD$1,városok!$A$2:$C$346,2,0))^2+(VLOOKUP($A325,városok!$A$2:$C$346,3,0)-VLOOKUP(AD$1,városok!$A$2:$C$346,3,0))^2)/1000,0)</f>
        <v>253</v>
      </c>
      <c r="AE325">
        <f ca="1">ROUND(SQRT((VLOOKUP($A325,városok!$A$2:$C$346,2,0)-VLOOKUP(AE$1,városok!$A$2:$C$346,2,0))^2+(VLOOKUP($A325,városok!$A$2:$C$346,3,0)-VLOOKUP(AE$1,városok!$A$2:$C$346,3,0))^2)/1000,0)</f>
        <v>252</v>
      </c>
      <c r="AF325">
        <f ca="1">ROUND(SQRT((VLOOKUP($A325,városok!$A$2:$C$346,2,0)-VLOOKUP(AF$1,városok!$A$2:$C$346,2,0))^2+(VLOOKUP($A325,városok!$A$2:$C$346,3,0)-VLOOKUP(AF$1,városok!$A$2:$C$346,3,0))^2)/1000,0)</f>
        <v>215</v>
      </c>
      <c r="AG325">
        <f ca="1">ROUND(SQRT((VLOOKUP($A325,városok!$A$2:$C$346,2,0)-VLOOKUP(AG$1,városok!$A$2:$C$346,2,0))^2+(VLOOKUP($A325,városok!$A$2:$C$346,3,0)-VLOOKUP(AG$1,városok!$A$2:$C$346,3,0))^2)/1000,0)</f>
        <v>179</v>
      </c>
      <c r="AH325">
        <f ca="1">ROUND(SQRT((VLOOKUP($A325,városok!$A$2:$C$346,2,0)-VLOOKUP(AH$1,városok!$A$2:$C$346,2,0))^2+(VLOOKUP($A325,városok!$A$2:$C$346,3,0)-VLOOKUP(AH$1,városok!$A$2:$C$346,3,0))^2)/1000,0)</f>
        <v>156</v>
      </c>
      <c r="AI325">
        <f ca="1">ROUND(SQRT((VLOOKUP($A325,városok!$A$2:$C$346,2,0)-VLOOKUP(AI$1,városok!$A$2:$C$346,2,0))^2+(VLOOKUP($A325,városok!$A$2:$C$346,3,0)-VLOOKUP(AI$1,városok!$A$2:$C$346,3,0))^2)/1000,0)</f>
        <v>204</v>
      </c>
      <c r="AJ325">
        <f ca="1">ROUND(SQRT((VLOOKUP($A325,városok!$A$2:$C$346,2,0)-VLOOKUP(AJ$1,városok!$A$2:$C$346,2,0))^2+(VLOOKUP($A325,városok!$A$2:$C$346,3,0)-VLOOKUP(AJ$1,városok!$A$2:$C$346,3,0))^2)/1000,0)</f>
        <v>175</v>
      </c>
      <c r="AK325">
        <f ca="1">ROUND(SQRT((VLOOKUP($A325,városok!$A$2:$C$346,2,0)-VLOOKUP(AK$1,városok!$A$2:$C$346,2,0))^2+(VLOOKUP($A325,városok!$A$2:$C$346,3,0)-VLOOKUP(AK$1,városok!$A$2:$C$346,3,0))^2)/1000,0)</f>
        <v>237</v>
      </c>
      <c r="AL325">
        <f ca="1">ROUND(SQRT((VLOOKUP($A325,városok!$A$2:$C$346,2,0)-VLOOKUP(AL$1,városok!$A$2:$C$346,2,0))^2+(VLOOKUP($A325,városok!$A$2:$C$346,3,0)-VLOOKUP(AL$1,városok!$A$2:$C$346,3,0))^2)/1000,0)</f>
        <v>213</v>
      </c>
      <c r="AM325">
        <f ca="1">ROUND(SQRT((VLOOKUP($A325,városok!$A$2:$C$346,2,0)-VLOOKUP(AM$1,városok!$A$2:$C$346,2,0))^2+(VLOOKUP($A325,városok!$A$2:$C$346,3,0)-VLOOKUP(AM$1,városok!$A$2:$C$346,3,0))^2)/1000,0)</f>
        <v>176</v>
      </c>
      <c r="AN325">
        <f ca="1">ROUND(SQRT((VLOOKUP($A325,városok!$A$2:$C$346,2,0)-VLOOKUP(AN$1,városok!$A$2:$C$346,2,0))^2+(VLOOKUP($A325,városok!$A$2:$C$346,3,0)-VLOOKUP(AN$1,városok!$A$2:$C$346,3,0))^2)/1000,0)</f>
        <v>113</v>
      </c>
      <c r="AO325">
        <f ca="1">ROUND(SQRT((VLOOKUP($A325,városok!$A$2:$C$346,2,0)-VLOOKUP(AO$1,városok!$A$2:$C$346,2,0))^2+(VLOOKUP($A325,városok!$A$2:$C$346,3,0)-VLOOKUP(AO$1,városok!$A$2:$C$346,3,0))^2)/1000,0)</f>
        <v>89</v>
      </c>
      <c r="AP325">
        <f ca="1">ROUND(SQRT((VLOOKUP($A325,városok!$A$2:$C$346,2,0)-VLOOKUP(AP$1,városok!$A$2:$C$346,2,0))^2+(VLOOKUP($A325,városok!$A$2:$C$346,3,0)-VLOOKUP(AP$1,városok!$A$2:$C$346,3,0))^2)/1000,0)</f>
        <v>83</v>
      </c>
      <c r="AQ325">
        <f ca="1">ROUND(SQRT((VLOOKUP($A325,városok!$A$2:$C$346,2,0)-VLOOKUP(AQ$1,városok!$A$2:$C$346,2,0))^2+(VLOOKUP($A325,városok!$A$2:$C$346,3,0)-VLOOKUP(AQ$1,városok!$A$2:$C$346,3,0))^2)/1000,0)</f>
        <v>78</v>
      </c>
      <c r="AR325">
        <f ca="1">ROUND(SQRT((VLOOKUP($A325,városok!$A$2:$C$346,2,0)-VLOOKUP(AR$1,városok!$A$2:$C$346,2,0))^2+(VLOOKUP($A325,városok!$A$2:$C$346,3,0)-VLOOKUP(AR$1,városok!$A$2:$C$346,3,0))^2)/1000,0)</f>
        <v>173</v>
      </c>
      <c r="AS325">
        <f ca="1">ROUND(SQRT((VLOOKUP($A325,városok!$A$2:$C$346,2,0)-VLOOKUP(AS$1,városok!$A$2:$C$346,2,0))^2+(VLOOKUP($A325,városok!$A$2:$C$346,3,0)-VLOOKUP(AS$1,városok!$A$2:$C$346,3,0))^2)/1000,0)</f>
        <v>194</v>
      </c>
      <c r="AT325">
        <f ca="1">ROUND(SQRT((VLOOKUP($A325,városok!$A$2:$C$346,2,0)-VLOOKUP(AT$1,városok!$A$2:$C$346,2,0))^2+(VLOOKUP($A325,városok!$A$2:$C$346,3,0)-VLOOKUP(AT$1,városok!$A$2:$C$346,3,0))^2)/1000,0)</f>
        <v>91</v>
      </c>
      <c r="AU325">
        <f ca="1">ROUND(SQRT((VLOOKUP($A325,városok!$A$2:$C$346,2,0)-VLOOKUP(AU$1,városok!$A$2:$C$346,2,0))^2+(VLOOKUP($A325,városok!$A$2:$C$346,3,0)-VLOOKUP(AU$1,városok!$A$2:$C$346,3,0))^2)/1000,0)</f>
        <v>99</v>
      </c>
      <c r="AV325">
        <f ca="1">ROUND(SQRT((VLOOKUP($A325,városok!$A$2:$C$346,2,0)-VLOOKUP(AV$1,városok!$A$2:$C$346,2,0))^2+(VLOOKUP($A325,városok!$A$2:$C$346,3,0)-VLOOKUP(AV$1,városok!$A$2:$C$346,3,0))^2)/1000,0)</f>
        <v>95</v>
      </c>
      <c r="AW325">
        <f ca="1">ROUND(SQRT((VLOOKUP($A325,városok!$A$2:$C$346,2,0)-VLOOKUP(AW$1,városok!$A$2:$C$346,2,0))^2+(VLOOKUP($A325,városok!$A$2:$C$346,3,0)-VLOOKUP(AW$1,városok!$A$2:$C$346,3,0))^2)/1000,0)</f>
        <v>91</v>
      </c>
      <c r="AX325">
        <f ca="1">ROUND(SQRT((VLOOKUP($A325,városok!$A$2:$C$346,2,0)-VLOOKUP(AX$1,városok!$A$2:$C$346,2,0))^2+(VLOOKUP($A325,városok!$A$2:$C$346,3,0)-VLOOKUP(AX$1,városok!$A$2:$C$346,3,0))^2)/1000,0)</f>
        <v>144</v>
      </c>
      <c r="AY325">
        <f ca="1">ROUND(SQRT((VLOOKUP($A325,városok!$A$2:$C$346,2,0)-VLOOKUP(AY$1,városok!$A$2:$C$346,2,0))^2+(VLOOKUP($A325,városok!$A$2:$C$346,3,0)-VLOOKUP(AY$1,városok!$A$2:$C$346,3,0))^2)/1000,0)</f>
        <v>120</v>
      </c>
      <c r="AZ325">
        <f ca="1">ROUND(SQRT((VLOOKUP($A325,városok!$A$2:$C$346,2,0)-VLOOKUP(AZ$1,városok!$A$2:$C$346,2,0))^2+(VLOOKUP($A325,városok!$A$2:$C$346,3,0)-VLOOKUP(AZ$1,városok!$A$2:$C$346,3,0))^2)/1000,0)</f>
        <v>123</v>
      </c>
      <c r="BA325">
        <f ca="1">ROUND(SQRT((VLOOKUP($A325,városok!$A$2:$C$346,2,0)-VLOOKUP(BA$1,városok!$A$2:$C$346,2,0))^2+(VLOOKUP($A325,városok!$A$2:$C$346,3,0)-VLOOKUP(BA$1,városok!$A$2:$C$346,3,0))^2)/1000,0)</f>
        <v>24</v>
      </c>
      <c r="BB325">
        <f ca="1">ROUND(SQRT((VLOOKUP($A325,városok!$A$2:$C$346,2,0)-VLOOKUP(BB$1,városok!$A$2:$C$346,2,0))^2+(VLOOKUP($A325,városok!$A$2:$C$346,3,0)-VLOOKUP(BB$1,városok!$A$2:$C$346,3,0))^2)/1000,0)</f>
        <v>47</v>
      </c>
      <c r="BC325">
        <f ca="1">ROUND(SQRT((VLOOKUP($A325,városok!$A$2:$C$346,2,0)-VLOOKUP(BC$1,városok!$A$2:$C$346,2,0))^2+(VLOOKUP($A325,városok!$A$2:$C$346,3,0)-VLOOKUP(BC$1,városok!$A$2:$C$346,3,0))^2)/1000,0)</f>
        <v>67</v>
      </c>
      <c r="BD325">
        <f ca="1">ROUND(SQRT((VLOOKUP($A325,városok!$A$2:$C$346,2,0)-VLOOKUP(BD$1,városok!$A$2:$C$346,2,0))^2+(VLOOKUP($A325,városok!$A$2:$C$346,3,0)-VLOOKUP(BD$1,városok!$A$2:$C$346,3,0))^2)/1000,0)</f>
        <v>15</v>
      </c>
      <c r="BE325">
        <f ca="1">ROUND(SQRT((VLOOKUP($A325,városok!$A$2:$C$346,2,0)-VLOOKUP(BE$1,városok!$A$2:$C$346,2,0))^2+(VLOOKUP($A325,városok!$A$2:$C$346,3,0)-VLOOKUP(BE$1,városok!$A$2:$C$346,3,0))^2)/1000,0)</f>
        <v>374</v>
      </c>
      <c r="BF325">
        <f ca="1">ROUND(SQRT((VLOOKUP($A325,városok!$A$2:$C$346,2,0)-VLOOKUP(BF$1,városok!$A$2:$C$346,2,0))^2+(VLOOKUP($A325,városok!$A$2:$C$346,3,0)-VLOOKUP(BF$1,városok!$A$2:$C$346,3,0))^2)/1000,0)</f>
        <v>345</v>
      </c>
      <c r="BG325">
        <f ca="1">ROUND(SQRT((VLOOKUP($A325,városok!$A$2:$C$346,2,0)-VLOOKUP(BG$1,városok!$A$2:$C$346,2,0))^2+(VLOOKUP($A325,városok!$A$2:$C$346,3,0)-VLOOKUP(BG$1,városok!$A$2:$C$346,3,0))^2)/1000,0)</f>
        <v>299</v>
      </c>
      <c r="BH325">
        <f ca="1">ROUND(SQRT((VLOOKUP($A325,városok!$A$2:$C$346,2,0)-VLOOKUP(BH$1,városok!$A$2:$C$346,2,0))^2+(VLOOKUP($A325,városok!$A$2:$C$346,3,0)-VLOOKUP(BH$1,városok!$A$2:$C$346,3,0))^2)/1000,0)</f>
        <v>299</v>
      </c>
      <c r="BI325">
        <f ca="1">ROUND(SQRT((VLOOKUP($A325,városok!$A$2:$C$346,2,0)-VLOOKUP(BI$1,városok!$A$2:$C$346,2,0))^2+(VLOOKUP($A325,városok!$A$2:$C$346,3,0)-VLOOKUP(BI$1,városok!$A$2:$C$346,3,0))^2)/1000,0)</f>
        <v>84</v>
      </c>
      <c r="BJ325">
        <f ca="1">ROUND(SQRT((VLOOKUP($A325,városok!$A$2:$C$346,2,0)-VLOOKUP(BJ$1,városok!$A$2:$C$346,2,0))^2+(VLOOKUP($A325,városok!$A$2:$C$346,3,0)-VLOOKUP(BJ$1,városok!$A$2:$C$346,3,0))^2)/1000,0)</f>
        <v>87</v>
      </c>
      <c r="BK325">
        <f ca="1">ROUND(SQRT((VLOOKUP($A325,városok!$A$2:$C$346,2,0)-VLOOKUP(BK$1,városok!$A$2:$C$346,2,0))^2+(VLOOKUP($A325,városok!$A$2:$C$346,3,0)-VLOOKUP(BK$1,városok!$A$2:$C$346,3,0))^2)/1000,0)</f>
        <v>92</v>
      </c>
      <c r="BL325">
        <f ca="1">ROUND(SQRT((VLOOKUP($A325,városok!$A$2:$C$346,2,0)-VLOOKUP(BL$1,városok!$A$2:$C$346,2,0))^2+(VLOOKUP($A325,városok!$A$2:$C$346,3,0)-VLOOKUP(BL$1,városok!$A$2:$C$346,3,0))^2)/1000,0)</f>
        <v>98</v>
      </c>
      <c r="BM325">
        <f ca="1">ROUND(SQRT((VLOOKUP($A325,városok!$A$2:$C$346,2,0)-VLOOKUP(BM$1,városok!$A$2:$C$346,2,0))^2+(VLOOKUP($A325,városok!$A$2:$C$346,3,0)-VLOOKUP(BM$1,városok!$A$2:$C$346,3,0))^2)/1000,0)</f>
        <v>80</v>
      </c>
      <c r="BN325">
        <f ca="1">ROUND(SQRT((VLOOKUP($A325,városok!$A$2:$C$346,2,0)-VLOOKUP(BN$1,városok!$A$2:$C$346,2,0))^2+(VLOOKUP($A325,városok!$A$2:$C$346,3,0)-VLOOKUP(BN$1,városok!$A$2:$C$346,3,0))^2)/1000,0)</f>
        <v>101</v>
      </c>
      <c r="BO325">
        <f ca="1">ROUND(SQRT((VLOOKUP($A325,városok!$A$2:$C$346,2,0)-VLOOKUP(BO$1,városok!$A$2:$C$346,2,0))^2+(VLOOKUP($A325,városok!$A$2:$C$346,3,0)-VLOOKUP(BO$1,városok!$A$2:$C$346,3,0))^2)/1000,0)</f>
        <v>12</v>
      </c>
      <c r="BP325">
        <f ca="1">ROUND(SQRT((VLOOKUP($A325,városok!$A$2:$C$346,2,0)-VLOOKUP(BP$1,városok!$A$2:$C$346,2,0))^2+(VLOOKUP($A325,városok!$A$2:$C$346,3,0)-VLOOKUP(BP$1,városok!$A$2:$C$346,3,0))^2)/1000,0)</f>
        <v>19</v>
      </c>
      <c r="BQ325">
        <f ca="1">ROUND(SQRT((VLOOKUP($A325,városok!$A$2:$C$346,2,0)-VLOOKUP(BQ$1,városok!$A$2:$C$346,2,0))^2+(VLOOKUP($A325,városok!$A$2:$C$346,3,0)-VLOOKUP(BQ$1,városok!$A$2:$C$346,3,0))^2)/1000,0)</f>
        <v>15</v>
      </c>
      <c r="BR325">
        <f ca="1">ROUND(SQRT((VLOOKUP($A325,városok!$A$2:$C$346,2,0)-VLOOKUP(BR$1,városok!$A$2:$C$346,2,0))^2+(VLOOKUP($A325,városok!$A$2:$C$346,3,0)-VLOOKUP(BR$1,városok!$A$2:$C$346,3,0))^2)/1000,0)</f>
        <v>53</v>
      </c>
      <c r="BS325">
        <f ca="1">ROUND(SQRT((VLOOKUP($A325,városok!$A$2:$C$346,2,0)-VLOOKUP(BS$1,városok!$A$2:$C$346,2,0))^2+(VLOOKUP($A325,városok!$A$2:$C$346,3,0)-VLOOKUP(BS$1,városok!$A$2:$C$346,3,0))^2)/1000,0)</f>
        <v>89</v>
      </c>
      <c r="BT325">
        <f ca="1">ROUND(SQRT((VLOOKUP($A325,városok!$A$2:$C$346,2,0)-VLOOKUP(BT$1,városok!$A$2:$C$346,2,0))^2+(VLOOKUP($A325,városok!$A$2:$C$346,3,0)-VLOOKUP(BT$1,városok!$A$2:$C$346,3,0))^2)/1000,0)</f>
        <v>81</v>
      </c>
    </row>
    <row r="326" spans="1:72" x14ac:dyDescent="0.2">
      <c r="A326" t="str">
        <f>városok!A326</f>
        <v>Balatonfűzfő</v>
      </c>
      <c r="B326">
        <f ca="1">ROUND(SQRT((VLOOKUP($A326,városok!$A$2:$C$346,2,0)-VLOOKUP(B$1,városok!$A$2:$C$346,2,0))^2+(VLOOKUP($A326,városok!$A$2:$C$346,3,0)-VLOOKUP(B$1,városok!$A$2:$C$346,3,0))^2)/1000,0)</f>
        <v>121</v>
      </c>
      <c r="C326">
        <f ca="1">ROUND(SQRT((VLOOKUP($A326,városok!$A$2:$C$346,2,0)-VLOOKUP(C$1,városok!$A$2:$C$346,2,0))^2+(VLOOKUP($A326,városok!$A$2:$C$346,3,0)-VLOOKUP(C$1,városok!$A$2:$C$346,3,0))^2)/1000,0)</f>
        <v>93</v>
      </c>
      <c r="D326">
        <f ca="1">ROUND(SQRT((VLOOKUP($A326,városok!$A$2:$C$346,2,0)-VLOOKUP(D$1,városok!$A$2:$C$346,2,0))^2+(VLOOKUP($A326,városok!$A$2:$C$346,3,0)-VLOOKUP(D$1,városok!$A$2:$C$346,3,0))^2)/1000,0)</f>
        <v>127</v>
      </c>
      <c r="E326">
        <f ca="1">ROUND(SQRT((VLOOKUP($A326,városok!$A$2:$C$346,2,0)-VLOOKUP(E$1,városok!$A$2:$C$346,2,0))^2+(VLOOKUP($A326,városok!$A$2:$C$346,3,0)-VLOOKUP(E$1,városok!$A$2:$C$346,3,0))^2)/1000,0)</f>
        <v>99</v>
      </c>
      <c r="F326">
        <f ca="1">ROUND(SQRT((VLOOKUP($A326,városok!$A$2:$C$346,2,0)-VLOOKUP(F$1,városok!$A$2:$C$346,2,0))^2+(VLOOKUP($A326,városok!$A$2:$C$346,3,0)-VLOOKUP(F$1,városok!$A$2:$C$346,3,0))^2)/1000,0)</f>
        <v>130</v>
      </c>
      <c r="G326">
        <f ca="1">ROUND(SQRT((VLOOKUP($A326,városok!$A$2:$C$346,2,0)-VLOOKUP(G$1,városok!$A$2:$C$346,2,0))^2+(VLOOKUP($A326,városok!$A$2:$C$346,3,0)-VLOOKUP(G$1,városok!$A$2:$C$346,3,0))^2)/1000,0)</f>
        <v>111</v>
      </c>
      <c r="H326">
        <f ca="1">ROUND(SQRT((VLOOKUP($A326,városok!$A$2:$C$346,2,0)-VLOOKUP(H$1,városok!$A$2:$C$346,2,0))^2+(VLOOKUP($A326,városok!$A$2:$C$346,3,0)-VLOOKUP(H$1,városok!$A$2:$C$346,3,0))^2)/1000,0)</f>
        <v>115</v>
      </c>
      <c r="I326">
        <f ca="1">ROUND(SQRT((VLOOKUP($A326,városok!$A$2:$C$346,2,0)-VLOOKUP(I$1,városok!$A$2:$C$346,2,0))^2+(VLOOKUP($A326,városok!$A$2:$C$346,3,0)-VLOOKUP(I$1,városok!$A$2:$C$346,3,0))^2)/1000,0)</f>
        <v>236</v>
      </c>
      <c r="J326">
        <f ca="1">ROUND(SQRT((VLOOKUP($A326,városok!$A$2:$C$346,2,0)-VLOOKUP(J$1,városok!$A$2:$C$346,2,0))^2+(VLOOKUP($A326,városok!$A$2:$C$346,3,0)-VLOOKUP(J$1,városok!$A$2:$C$346,3,0))^2)/1000,0)</f>
        <v>251</v>
      </c>
      <c r="K326">
        <f ca="1">ROUND(SQRT((VLOOKUP($A326,városok!$A$2:$C$346,2,0)-VLOOKUP(K$1,városok!$A$2:$C$346,2,0))^2+(VLOOKUP($A326,városok!$A$2:$C$346,3,0)-VLOOKUP(K$1,városok!$A$2:$C$346,3,0))^2)/1000,0)</f>
        <v>208</v>
      </c>
      <c r="L326">
        <f ca="1">ROUND(SQRT((VLOOKUP($A326,városok!$A$2:$C$346,2,0)-VLOOKUP(L$1,városok!$A$2:$C$346,2,0))^2+(VLOOKUP($A326,városok!$A$2:$C$346,3,0)-VLOOKUP(L$1,városok!$A$2:$C$346,3,0))^2)/1000,0)</f>
        <v>235</v>
      </c>
      <c r="M326">
        <f ca="1">ROUND(SQRT((VLOOKUP($A326,városok!$A$2:$C$346,2,0)-VLOOKUP(M$1,városok!$A$2:$C$346,2,0))^2+(VLOOKUP($A326,városok!$A$2:$C$346,3,0)-VLOOKUP(M$1,városok!$A$2:$C$346,3,0))^2)/1000,0)</f>
        <v>237</v>
      </c>
      <c r="N326">
        <f ca="1">ROUND(SQRT((VLOOKUP($A326,városok!$A$2:$C$346,2,0)-VLOOKUP(N$1,városok!$A$2:$C$346,2,0))^2+(VLOOKUP($A326,városok!$A$2:$C$346,3,0)-VLOOKUP(N$1,városok!$A$2:$C$346,3,0))^2)/1000,0)</f>
        <v>212</v>
      </c>
      <c r="O326">
        <f ca="1">ROUND(SQRT((VLOOKUP($A326,városok!$A$2:$C$346,2,0)-VLOOKUP(O$1,városok!$A$2:$C$346,2,0))^2+(VLOOKUP($A326,városok!$A$2:$C$346,3,0)-VLOOKUP(O$1,városok!$A$2:$C$346,3,0))^2)/1000,0)</f>
        <v>309</v>
      </c>
      <c r="P326">
        <f ca="1">ROUND(SQRT((VLOOKUP($A326,városok!$A$2:$C$346,2,0)-VLOOKUP(P$1,városok!$A$2:$C$346,2,0))^2+(VLOOKUP($A326,városok!$A$2:$C$346,3,0)-VLOOKUP(P$1,városok!$A$2:$C$346,3,0))^2)/1000,0)</f>
        <v>309</v>
      </c>
      <c r="Q326">
        <f ca="1">ROUND(SQRT((VLOOKUP($A326,városok!$A$2:$C$346,2,0)-VLOOKUP(Q$1,városok!$A$2:$C$346,2,0))^2+(VLOOKUP($A326,városok!$A$2:$C$346,3,0)-VLOOKUP(Q$1,városok!$A$2:$C$346,3,0))^2)/1000,0)</f>
        <v>189</v>
      </c>
      <c r="R326">
        <f ca="1">ROUND(SQRT((VLOOKUP($A326,városok!$A$2:$C$346,2,0)-VLOOKUP(R$1,városok!$A$2:$C$346,2,0))^2+(VLOOKUP($A326,városok!$A$2:$C$346,3,0)-VLOOKUP(R$1,városok!$A$2:$C$346,3,0))^2)/1000,0)</f>
        <v>209</v>
      </c>
      <c r="S326">
        <f ca="1">ROUND(SQRT((VLOOKUP($A326,városok!$A$2:$C$346,2,0)-VLOOKUP(S$1,városok!$A$2:$C$346,2,0))^2+(VLOOKUP($A326,városok!$A$2:$C$346,3,0)-VLOOKUP(S$1,városok!$A$2:$C$346,3,0))^2)/1000,0)</f>
        <v>186</v>
      </c>
      <c r="T326">
        <f ca="1">ROUND(SQRT((VLOOKUP($A326,városok!$A$2:$C$346,2,0)-VLOOKUP(T$1,városok!$A$2:$C$346,2,0))^2+(VLOOKUP($A326,városok!$A$2:$C$346,3,0)-VLOOKUP(T$1,városok!$A$2:$C$346,3,0))^2)/1000,0)</f>
        <v>65</v>
      </c>
      <c r="U326">
        <f ca="1">ROUND(SQRT((VLOOKUP($A326,városok!$A$2:$C$346,2,0)-VLOOKUP(U$1,városok!$A$2:$C$346,2,0))^2+(VLOOKUP($A326,városok!$A$2:$C$346,3,0)-VLOOKUP(U$1,városok!$A$2:$C$346,3,0))^2)/1000,0)</f>
        <v>69</v>
      </c>
      <c r="V326">
        <f ca="1">ROUND(SQRT((VLOOKUP($A326,városok!$A$2:$C$346,2,0)-VLOOKUP(V$1,városok!$A$2:$C$346,2,0))^2+(VLOOKUP($A326,városok!$A$2:$C$346,3,0)-VLOOKUP(V$1,városok!$A$2:$C$346,3,0))^2)/1000,0)</f>
        <v>20</v>
      </c>
      <c r="W326">
        <f ca="1">ROUND(SQRT((VLOOKUP($A326,városok!$A$2:$C$346,2,0)-VLOOKUP(W$1,városok!$A$2:$C$346,2,0))^2+(VLOOKUP($A326,városok!$A$2:$C$346,3,0)-VLOOKUP(W$1,városok!$A$2:$C$346,3,0))^2)/1000,0)</f>
        <v>49</v>
      </c>
      <c r="X326">
        <f ca="1">ROUND(SQRT((VLOOKUP($A326,városok!$A$2:$C$346,2,0)-VLOOKUP(X$1,városok!$A$2:$C$346,2,0))^2+(VLOOKUP($A326,városok!$A$2:$C$346,3,0)-VLOOKUP(X$1,városok!$A$2:$C$346,3,0))^2)/1000,0)</f>
        <v>33</v>
      </c>
      <c r="Y326">
        <f ca="1">ROUND(SQRT((VLOOKUP($A326,városok!$A$2:$C$346,2,0)-VLOOKUP(Y$1,városok!$A$2:$C$346,2,0))^2+(VLOOKUP($A326,városok!$A$2:$C$346,3,0)-VLOOKUP(Y$1,városok!$A$2:$C$346,3,0))^2)/1000,0)</f>
        <v>76</v>
      </c>
      <c r="Z326">
        <f ca="1">ROUND(SQRT((VLOOKUP($A326,városok!$A$2:$C$346,2,0)-VLOOKUP(Z$1,városok!$A$2:$C$346,2,0))^2+(VLOOKUP($A326,városok!$A$2:$C$346,3,0)-VLOOKUP(Z$1,városok!$A$2:$C$346,3,0))^2)/1000,0)</f>
        <v>89</v>
      </c>
      <c r="AA326">
        <f ca="1">ROUND(SQRT((VLOOKUP($A326,városok!$A$2:$C$346,2,0)-VLOOKUP(AA$1,városok!$A$2:$C$346,2,0))^2+(VLOOKUP($A326,városok!$A$2:$C$346,3,0)-VLOOKUP(AA$1,városok!$A$2:$C$346,3,0))^2)/1000,0)</f>
        <v>130</v>
      </c>
      <c r="AB326">
        <f ca="1">ROUND(SQRT((VLOOKUP($A326,városok!$A$2:$C$346,2,0)-VLOOKUP(AB$1,városok!$A$2:$C$346,2,0))^2+(VLOOKUP($A326,városok!$A$2:$C$346,3,0)-VLOOKUP(AB$1,városok!$A$2:$C$346,3,0))^2)/1000,0)</f>
        <v>276</v>
      </c>
      <c r="AC326">
        <f ca="1">ROUND(SQRT((VLOOKUP($A326,városok!$A$2:$C$346,2,0)-VLOOKUP(AC$1,városok!$A$2:$C$346,2,0))^2+(VLOOKUP($A326,városok!$A$2:$C$346,3,0)-VLOOKUP(AC$1,városok!$A$2:$C$346,3,0))^2)/1000,0)</f>
        <v>257</v>
      </c>
      <c r="AD326">
        <f ca="1">ROUND(SQRT((VLOOKUP($A326,városok!$A$2:$C$346,2,0)-VLOOKUP(AD$1,városok!$A$2:$C$346,2,0))^2+(VLOOKUP($A326,városok!$A$2:$C$346,3,0)-VLOOKUP(AD$1,városok!$A$2:$C$346,3,0))^2)/1000,0)</f>
        <v>240</v>
      </c>
      <c r="AE326">
        <f ca="1">ROUND(SQRT((VLOOKUP($A326,városok!$A$2:$C$346,2,0)-VLOOKUP(AE$1,városok!$A$2:$C$346,2,0))^2+(VLOOKUP($A326,városok!$A$2:$C$346,3,0)-VLOOKUP(AE$1,városok!$A$2:$C$346,3,0))^2)/1000,0)</f>
        <v>238</v>
      </c>
      <c r="AF326">
        <f ca="1">ROUND(SQRT((VLOOKUP($A326,városok!$A$2:$C$346,2,0)-VLOOKUP(AF$1,városok!$A$2:$C$346,2,0))^2+(VLOOKUP($A326,városok!$A$2:$C$346,3,0)-VLOOKUP(AF$1,városok!$A$2:$C$346,3,0))^2)/1000,0)</f>
        <v>199</v>
      </c>
      <c r="AG326">
        <f ca="1">ROUND(SQRT((VLOOKUP($A326,városok!$A$2:$C$346,2,0)-VLOOKUP(AG$1,városok!$A$2:$C$346,2,0))^2+(VLOOKUP($A326,városok!$A$2:$C$346,3,0)-VLOOKUP(AG$1,városok!$A$2:$C$346,3,0))^2)/1000,0)</f>
        <v>163</v>
      </c>
      <c r="AH326">
        <f ca="1">ROUND(SQRT((VLOOKUP($A326,városok!$A$2:$C$346,2,0)-VLOOKUP(AH$1,városok!$A$2:$C$346,2,0))^2+(VLOOKUP($A326,városok!$A$2:$C$346,3,0)-VLOOKUP(AH$1,városok!$A$2:$C$346,3,0))^2)/1000,0)</f>
        <v>140</v>
      </c>
      <c r="AI326">
        <f ca="1">ROUND(SQRT((VLOOKUP($A326,városok!$A$2:$C$346,2,0)-VLOOKUP(AI$1,városok!$A$2:$C$346,2,0))^2+(VLOOKUP($A326,városok!$A$2:$C$346,3,0)-VLOOKUP(AI$1,városok!$A$2:$C$346,3,0))^2)/1000,0)</f>
        <v>188</v>
      </c>
      <c r="AJ326">
        <f ca="1">ROUND(SQRT((VLOOKUP($A326,városok!$A$2:$C$346,2,0)-VLOOKUP(AJ$1,városok!$A$2:$C$346,2,0))^2+(VLOOKUP($A326,városok!$A$2:$C$346,3,0)-VLOOKUP(AJ$1,városok!$A$2:$C$346,3,0))^2)/1000,0)</f>
        <v>160</v>
      </c>
      <c r="AK326">
        <f ca="1">ROUND(SQRT((VLOOKUP($A326,városok!$A$2:$C$346,2,0)-VLOOKUP(AK$1,városok!$A$2:$C$346,2,0))^2+(VLOOKUP($A326,városok!$A$2:$C$346,3,0)-VLOOKUP(AK$1,városok!$A$2:$C$346,3,0))^2)/1000,0)</f>
        <v>224</v>
      </c>
      <c r="AL326">
        <f ca="1">ROUND(SQRT((VLOOKUP($A326,városok!$A$2:$C$346,2,0)-VLOOKUP(AL$1,városok!$A$2:$C$346,2,0))^2+(VLOOKUP($A326,városok!$A$2:$C$346,3,0)-VLOOKUP(AL$1,városok!$A$2:$C$346,3,0))^2)/1000,0)</f>
        <v>199</v>
      </c>
      <c r="AM326">
        <f ca="1">ROUND(SQRT((VLOOKUP($A326,városok!$A$2:$C$346,2,0)-VLOOKUP(AM$1,városok!$A$2:$C$346,2,0))^2+(VLOOKUP($A326,városok!$A$2:$C$346,3,0)-VLOOKUP(AM$1,városok!$A$2:$C$346,3,0))^2)/1000,0)</f>
        <v>163</v>
      </c>
      <c r="AN326">
        <f ca="1">ROUND(SQRT((VLOOKUP($A326,városok!$A$2:$C$346,2,0)-VLOOKUP(AN$1,városok!$A$2:$C$346,2,0))^2+(VLOOKUP($A326,városok!$A$2:$C$346,3,0)-VLOOKUP(AN$1,városok!$A$2:$C$346,3,0))^2)/1000,0)</f>
        <v>96</v>
      </c>
      <c r="AO326">
        <f ca="1">ROUND(SQRT((VLOOKUP($A326,városok!$A$2:$C$346,2,0)-VLOOKUP(AO$1,városok!$A$2:$C$346,2,0))^2+(VLOOKUP($A326,városok!$A$2:$C$346,3,0)-VLOOKUP(AO$1,városok!$A$2:$C$346,3,0))^2)/1000,0)</f>
        <v>75</v>
      </c>
      <c r="AP326">
        <f ca="1">ROUND(SQRT((VLOOKUP($A326,városok!$A$2:$C$346,2,0)-VLOOKUP(AP$1,városok!$A$2:$C$346,2,0))^2+(VLOOKUP($A326,városok!$A$2:$C$346,3,0)-VLOOKUP(AP$1,városok!$A$2:$C$346,3,0))^2)/1000,0)</f>
        <v>68</v>
      </c>
      <c r="AQ326">
        <f ca="1">ROUND(SQRT((VLOOKUP($A326,városok!$A$2:$C$346,2,0)-VLOOKUP(AQ$1,városok!$A$2:$C$346,2,0))^2+(VLOOKUP($A326,városok!$A$2:$C$346,3,0)-VLOOKUP(AQ$1,városok!$A$2:$C$346,3,0))^2)/1000,0)</f>
        <v>62</v>
      </c>
      <c r="AR326">
        <f ca="1">ROUND(SQRT((VLOOKUP($A326,városok!$A$2:$C$346,2,0)-VLOOKUP(AR$1,városok!$A$2:$C$346,2,0))^2+(VLOOKUP($A326,városok!$A$2:$C$346,3,0)-VLOOKUP(AR$1,városok!$A$2:$C$346,3,0))^2)/1000,0)</f>
        <v>157</v>
      </c>
      <c r="AS326">
        <f ca="1">ROUND(SQRT((VLOOKUP($A326,városok!$A$2:$C$346,2,0)-VLOOKUP(AS$1,városok!$A$2:$C$346,2,0))^2+(VLOOKUP($A326,városok!$A$2:$C$346,3,0)-VLOOKUP(AS$1,városok!$A$2:$C$346,3,0))^2)/1000,0)</f>
        <v>177</v>
      </c>
      <c r="AT326">
        <f ca="1">ROUND(SQRT((VLOOKUP($A326,városok!$A$2:$C$346,2,0)-VLOOKUP(AT$1,városok!$A$2:$C$346,2,0))^2+(VLOOKUP($A326,városok!$A$2:$C$346,3,0)-VLOOKUP(AT$1,városok!$A$2:$C$346,3,0))^2)/1000,0)</f>
        <v>74</v>
      </c>
      <c r="AU326">
        <f ca="1">ROUND(SQRT((VLOOKUP($A326,városok!$A$2:$C$346,2,0)-VLOOKUP(AU$1,városok!$A$2:$C$346,2,0))^2+(VLOOKUP($A326,városok!$A$2:$C$346,3,0)-VLOOKUP(AU$1,városok!$A$2:$C$346,3,0))^2)/1000,0)</f>
        <v>82</v>
      </c>
      <c r="AV326">
        <f ca="1">ROUND(SQRT((VLOOKUP($A326,városok!$A$2:$C$346,2,0)-VLOOKUP(AV$1,városok!$A$2:$C$346,2,0))^2+(VLOOKUP($A326,városok!$A$2:$C$346,3,0)-VLOOKUP(AV$1,városok!$A$2:$C$346,3,0))^2)/1000,0)</f>
        <v>79</v>
      </c>
      <c r="AW326">
        <f ca="1">ROUND(SQRT((VLOOKUP($A326,városok!$A$2:$C$346,2,0)-VLOOKUP(AW$1,városok!$A$2:$C$346,2,0))^2+(VLOOKUP($A326,városok!$A$2:$C$346,3,0)-VLOOKUP(AW$1,városok!$A$2:$C$346,3,0))^2)/1000,0)</f>
        <v>75</v>
      </c>
      <c r="AX326">
        <f ca="1">ROUND(SQRT((VLOOKUP($A326,városok!$A$2:$C$346,2,0)-VLOOKUP(AX$1,városok!$A$2:$C$346,2,0))^2+(VLOOKUP($A326,városok!$A$2:$C$346,3,0)-VLOOKUP(AX$1,városok!$A$2:$C$346,3,0))^2)/1000,0)</f>
        <v>132</v>
      </c>
      <c r="AY326">
        <f ca="1">ROUND(SQRT((VLOOKUP($A326,városok!$A$2:$C$346,2,0)-VLOOKUP(AY$1,városok!$A$2:$C$346,2,0))^2+(VLOOKUP($A326,városok!$A$2:$C$346,3,0)-VLOOKUP(AY$1,városok!$A$2:$C$346,3,0))^2)/1000,0)</f>
        <v>103</v>
      </c>
      <c r="AZ326">
        <f ca="1">ROUND(SQRT((VLOOKUP($A326,városok!$A$2:$C$346,2,0)-VLOOKUP(AZ$1,városok!$A$2:$C$346,2,0))^2+(VLOOKUP($A326,városok!$A$2:$C$346,3,0)-VLOOKUP(AZ$1,városok!$A$2:$C$346,3,0))^2)/1000,0)</f>
        <v>106</v>
      </c>
      <c r="BA326">
        <f ca="1">ROUND(SQRT((VLOOKUP($A326,városok!$A$2:$C$346,2,0)-VLOOKUP(BA$1,városok!$A$2:$C$346,2,0))^2+(VLOOKUP($A326,városok!$A$2:$C$346,3,0)-VLOOKUP(BA$1,városok!$A$2:$C$346,3,0))^2)/1000,0)</f>
        <v>41</v>
      </c>
      <c r="BB326">
        <f ca="1">ROUND(SQRT((VLOOKUP($A326,városok!$A$2:$C$346,2,0)-VLOOKUP(BB$1,városok!$A$2:$C$346,2,0))^2+(VLOOKUP($A326,városok!$A$2:$C$346,3,0)-VLOOKUP(BB$1,városok!$A$2:$C$346,3,0))^2)/1000,0)</f>
        <v>59</v>
      </c>
      <c r="BC326">
        <f ca="1">ROUND(SQRT((VLOOKUP($A326,városok!$A$2:$C$346,2,0)-VLOOKUP(BC$1,városok!$A$2:$C$346,2,0))^2+(VLOOKUP($A326,városok!$A$2:$C$346,3,0)-VLOOKUP(BC$1,városok!$A$2:$C$346,3,0))^2)/1000,0)</f>
        <v>81</v>
      </c>
      <c r="BD326">
        <f ca="1">ROUND(SQRT((VLOOKUP($A326,városok!$A$2:$C$346,2,0)-VLOOKUP(BD$1,városok!$A$2:$C$346,2,0))^2+(VLOOKUP($A326,városok!$A$2:$C$346,3,0)-VLOOKUP(BD$1,városok!$A$2:$C$346,3,0))^2)/1000,0)</f>
        <v>18</v>
      </c>
      <c r="BE326">
        <f ca="1">ROUND(SQRT((VLOOKUP($A326,városok!$A$2:$C$346,2,0)-VLOOKUP(BE$1,városok!$A$2:$C$346,2,0))^2+(VLOOKUP($A326,városok!$A$2:$C$346,3,0)-VLOOKUP(BE$1,városok!$A$2:$C$346,3,0))^2)/1000,0)</f>
        <v>359</v>
      </c>
      <c r="BF326">
        <f ca="1">ROUND(SQRT((VLOOKUP($A326,városok!$A$2:$C$346,2,0)-VLOOKUP(BF$1,városok!$A$2:$C$346,2,0))^2+(VLOOKUP($A326,városok!$A$2:$C$346,3,0)-VLOOKUP(BF$1,városok!$A$2:$C$346,3,0))^2)/1000,0)</f>
        <v>329</v>
      </c>
      <c r="BG326">
        <f ca="1">ROUND(SQRT((VLOOKUP($A326,városok!$A$2:$C$346,2,0)-VLOOKUP(BG$1,városok!$A$2:$C$346,2,0))^2+(VLOOKUP($A326,városok!$A$2:$C$346,3,0)-VLOOKUP(BG$1,városok!$A$2:$C$346,3,0))^2)/1000,0)</f>
        <v>283</v>
      </c>
      <c r="BH326">
        <f ca="1">ROUND(SQRT((VLOOKUP($A326,városok!$A$2:$C$346,2,0)-VLOOKUP(BH$1,városok!$A$2:$C$346,2,0))^2+(VLOOKUP($A326,városok!$A$2:$C$346,3,0)-VLOOKUP(BH$1,városok!$A$2:$C$346,3,0))^2)/1000,0)</f>
        <v>283</v>
      </c>
      <c r="BI326">
        <f ca="1">ROUND(SQRT((VLOOKUP($A326,városok!$A$2:$C$346,2,0)-VLOOKUP(BI$1,városok!$A$2:$C$346,2,0))^2+(VLOOKUP($A326,városok!$A$2:$C$346,3,0)-VLOOKUP(BI$1,városok!$A$2:$C$346,3,0))^2)/1000,0)</f>
        <v>87</v>
      </c>
      <c r="BJ326">
        <f ca="1">ROUND(SQRT((VLOOKUP($A326,városok!$A$2:$C$346,2,0)-VLOOKUP(BJ$1,városok!$A$2:$C$346,2,0))^2+(VLOOKUP($A326,városok!$A$2:$C$346,3,0)-VLOOKUP(BJ$1,városok!$A$2:$C$346,3,0))^2)/1000,0)</f>
        <v>93</v>
      </c>
      <c r="BK326">
        <f ca="1">ROUND(SQRT((VLOOKUP($A326,városok!$A$2:$C$346,2,0)-VLOOKUP(BK$1,városok!$A$2:$C$346,2,0))^2+(VLOOKUP($A326,városok!$A$2:$C$346,3,0)-VLOOKUP(BK$1,városok!$A$2:$C$346,3,0))^2)/1000,0)</f>
        <v>94</v>
      </c>
      <c r="BL326">
        <f ca="1">ROUND(SQRT((VLOOKUP($A326,városok!$A$2:$C$346,2,0)-VLOOKUP(BL$1,városok!$A$2:$C$346,2,0))^2+(VLOOKUP($A326,városok!$A$2:$C$346,3,0)-VLOOKUP(BL$1,városok!$A$2:$C$346,3,0))^2)/1000,0)</f>
        <v>109</v>
      </c>
      <c r="BM326">
        <f ca="1">ROUND(SQRT((VLOOKUP($A326,városok!$A$2:$C$346,2,0)-VLOOKUP(BM$1,városok!$A$2:$C$346,2,0))^2+(VLOOKUP($A326,városok!$A$2:$C$346,3,0)-VLOOKUP(BM$1,városok!$A$2:$C$346,3,0))^2)/1000,0)</f>
        <v>86</v>
      </c>
      <c r="BN326">
        <f ca="1">ROUND(SQRT((VLOOKUP($A326,városok!$A$2:$C$346,2,0)-VLOOKUP(BN$1,városok!$A$2:$C$346,2,0))^2+(VLOOKUP($A326,városok!$A$2:$C$346,3,0)-VLOOKUP(BN$1,városok!$A$2:$C$346,3,0))^2)/1000,0)</f>
        <v>109</v>
      </c>
      <c r="BO326">
        <f ca="1">ROUND(SQRT((VLOOKUP($A326,városok!$A$2:$C$346,2,0)-VLOOKUP(BO$1,városok!$A$2:$C$346,2,0))^2+(VLOOKUP($A326,városok!$A$2:$C$346,3,0)-VLOOKUP(BO$1,városok!$A$2:$C$346,3,0))^2)/1000,0)</f>
        <v>5</v>
      </c>
      <c r="BP326">
        <f ca="1">ROUND(SQRT((VLOOKUP($A326,városok!$A$2:$C$346,2,0)-VLOOKUP(BP$1,városok!$A$2:$C$346,2,0))^2+(VLOOKUP($A326,városok!$A$2:$C$346,3,0)-VLOOKUP(BP$1,városok!$A$2:$C$346,3,0))^2)/1000,0)</f>
        <v>6</v>
      </c>
      <c r="BQ326">
        <f ca="1">ROUND(SQRT((VLOOKUP($A326,városok!$A$2:$C$346,2,0)-VLOOKUP(BQ$1,városok!$A$2:$C$346,2,0))^2+(VLOOKUP($A326,városok!$A$2:$C$346,3,0)-VLOOKUP(BQ$1,városok!$A$2:$C$346,3,0))^2)/1000,0)</f>
        <v>10</v>
      </c>
      <c r="BR326">
        <f ca="1">ROUND(SQRT((VLOOKUP($A326,városok!$A$2:$C$346,2,0)-VLOOKUP(BR$1,városok!$A$2:$C$346,2,0))^2+(VLOOKUP($A326,városok!$A$2:$C$346,3,0)-VLOOKUP(BR$1,városok!$A$2:$C$346,3,0))^2)/1000,0)</f>
        <v>68</v>
      </c>
      <c r="BS326">
        <f ca="1">ROUND(SQRT((VLOOKUP($A326,városok!$A$2:$C$346,2,0)-VLOOKUP(BS$1,városok!$A$2:$C$346,2,0))^2+(VLOOKUP($A326,városok!$A$2:$C$346,3,0)-VLOOKUP(BS$1,városok!$A$2:$C$346,3,0))^2)/1000,0)</f>
        <v>105</v>
      </c>
      <c r="BT326">
        <f ca="1">ROUND(SQRT((VLOOKUP($A326,városok!$A$2:$C$346,2,0)-VLOOKUP(BT$1,városok!$A$2:$C$346,2,0))^2+(VLOOKUP($A326,városok!$A$2:$C$346,3,0)-VLOOKUP(BT$1,városok!$A$2:$C$346,3,0))^2)/1000,0)</f>
        <v>95</v>
      </c>
    </row>
    <row r="327" spans="1:72" x14ac:dyDescent="0.2">
      <c r="A327" t="str">
        <f>városok!A327</f>
        <v>Balatonkenese</v>
      </c>
      <c r="B327">
        <f ca="1">ROUND(SQRT((VLOOKUP($A327,városok!$A$2:$C$346,2,0)-VLOOKUP(B$1,városok!$A$2:$C$346,2,0))^2+(VLOOKUP($A327,városok!$A$2:$C$346,3,0)-VLOOKUP(B$1,városok!$A$2:$C$346,3,0))^2)/1000,0)</f>
        <v>115</v>
      </c>
      <c r="C327">
        <f ca="1">ROUND(SQRT((VLOOKUP($A327,városok!$A$2:$C$346,2,0)-VLOOKUP(C$1,városok!$A$2:$C$346,2,0))^2+(VLOOKUP($A327,városok!$A$2:$C$346,3,0)-VLOOKUP(C$1,városok!$A$2:$C$346,3,0))^2)/1000,0)</f>
        <v>87</v>
      </c>
      <c r="D327">
        <f ca="1">ROUND(SQRT((VLOOKUP($A327,városok!$A$2:$C$346,2,0)-VLOOKUP(D$1,városok!$A$2:$C$346,2,0))^2+(VLOOKUP($A327,városok!$A$2:$C$346,3,0)-VLOOKUP(D$1,városok!$A$2:$C$346,3,0))^2)/1000,0)</f>
        <v>121</v>
      </c>
      <c r="E327">
        <f ca="1">ROUND(SQRT((VLOOKUP($A327,városok!$A$2:$C$346,2,0)-VLOOKUP(E$1,városok!$A$2:$C$346,2,0))^2+(VLOOKUP($A327,városok!$A$2:$C$346,3,0)-VLOOKUP(E$1,városok!$A$2:$C$346,3,0))^2)/1000,0)</f>
        <v>95</v>
      </c>
      <c r="F327">
        <f ca="1">ROUND(SQRT((VLOOKUP($A327,városok!$A$2:$C$346,2,0)-VLOOKUP(F$1,városok!$A$2:$C$346,2,0))^2+(VLOOKUP($A327,városok!$A$2:$C$346,3,0)-VLOOKUP(F$1,városok!$A$2:$C$346,3,0))^2)/1000,0)</f>
        <v>124</v>
      </c>
      <c r="G327">
        <f ca="1">ROUND(SQRT((VLOOKUP($A327,városok!$A$2:$C$346,2,0)-VLOOKUP(G$1,városok!$A$2:$C$346,2,0))^2+(VLOOKUP($A327,városok!$A$2:$C$346,3,0)-VLOOKUP(G$1,városok!$A$2:$C$346,3,0))^2)/1000,0)</f>
        <v>107</v>
      </c>
      <c r="H327">
        <f ca="1">ROUND(SQRT((VLOOKUP($A327,városok!$A$2:$C$346,2,0)-VLOOKUP(H$1,városok!$A$2:$C$346,2,0))^2+(VLOOKUP($A327,városok!$A$2:$C$346,3,0)-VLOOKUP(H$1,városok!$A$2:$C$346,3,0))^2)/1000,0)</f>
        <v>113</v>
      </c>
      <c r="I327">
        <f ca="1">ROUND(SQRT((VLOOKUP($A327,városok!$A$2:$C$346,2,0)-VLOOKUP(I$1,városok!$A$2:$C$346,2,0))^2+(VLOOKUP($A327,városok!$A$2:$C$346,3,0)-VLOOKUP(I$1,városok!$A$2:$C$346,3,0))^2)/1000,0)</f>
        <v>230</v>
      </c>
      <c r="J327">
        <f ca="1">ROUND(SQRT((VLOOKUP($A327,városok!$A$2:$C$346,2,0)-VLOOKUP(J$1,városok!$A$2:$C$346,2,0))^2+(VLOOKUP($A327,városok!$A$2:$C$346,3,0)-VLOOKUP(J$1,városok!$A$2:$C$346,3,0))^2)/1000,0)</f>
        <v>245</v>
      </c>
      <c r="K327">
        <f ca="1">ROUND(SQRT((VLOOKUP($A327,városok!$A$2:$C$346,2,0)-VLOOKUP(K$1,városok!$A$2:$C$346,2,0))^2+(VLOOKUP($A327,városok!$A$2:$C$346,3,0)-VLOOKUP(K$1,városok!$A$2:$C$346,3,0))^2)/1000,0)</f>
        <v>202</v>
      </c>
      <c r="L327">
        <f ca="1">ROUND(SQRT((VLOOKUP($A327,városok!$A$2:$C$346,2,0)-VLOOKUP(L$1,városok!$A$2:$C$346,2,0))^2+(VLOOKUP($A327,városok!$A$2:$C$346,3,0)-VLOOKUP(L$1,városok!$A$2:$C$346,3,0))^2)/1000,0)</f>
        <v>233</v>
      </c>
      <c r="M327">
        <f ca="1">ROUND(SQRT((VLOOKUP($A327,városok!$A$2:$C$346,2,0)-VLOOKUP(M$1,városok!$A$2:$C$346,2,0))^2+(VLOOKUP($A327,városok!$A$2:$C$346,3,0)-VLOOKUP(M$1,városok!$A$2:$C$346,3,0))^2)/1000,0)</f>
        <v>234</v>
      </c>
      <c r="N327">
        <f ca="1">ROUND(SQRT((VLOOKUP($A327,városok!$A$2:$C$346,2,0)-VLOOKUP(N$1,városok!$A$2:$C$346,2,0))^2+(VLOOKUP($A327,városok!$A$2:$C$346,3,0)-VLOOKUP(N$1,városok!$A$2:$C$346,3,0))^2)/1000,0)</f>
        <v>210</v>
      </c>
      <c r="O327">
        <f ca="1">ROUND(SQRT((VLOOKUP($A327,városok!$A$2:$C$346,2,0)-VLOOKUP(O$1,városok!$A$2:$C$346,2,0))^2+(VLOOKUP($A327,városok!$A$2:$C$346,3,0)-VLOOKUP(O$1,városok!$A$2:$C$346,3,0))^2)/1000,0)</f>
        <v>306</v>
      </c>
      <c r="P327">
        <f ca="1">ROUND(SQRT((VLOOKUP($A327,városok!$A$2:$C$346,2,0)-VLOOKUP(P$1,városok!$A$2:$C$346,2,0))^2+(VLOOKUP($A327,városok!$A$2:$C$346,3,0)-VLOOKUP(P$1,városok!$A$2:$C$346,3,0))^2)/1000,0)</f>
        <v>306</v>
      </c>
      <c r="Q327">
        <f ca="1">ROUND(SQRT((VLOOKUP($A327,városok!$A$2:$C$346,2,0)-VLOOKUP(Q$1,városok!$A$2:$C$346,2,0))^2+(VLOOKUP($A327,városok!$A$2:$C$346,3,0)-VLOOKUP(Q$1,városok!$A$2:$C$346,3,0))^2)/1000,0)</f>
        <v>182</v>
      </c>
      <c r="R327">
        <f ca="1">ROUND(SQRT((VLOOKUP($A327,városok!$A$2:$C$346,2,0)-VLOOKUP(R$1,városok!$A$2:$C$346,2,0))^2+(VLOOKUP($A327,városok!$A$2:$C$346,3,0)-VLOOKUP(R$1,városok!$A$2:$C$346,3,0))^2)/1000,0)</f>
        <v>203</v>
      </c>
      <c r="S327">
        <f ca="1">ROUND(SQRT((VLOOKUP($A327,városok!$A$2:$C$346,2,0)-VLOOKUP(S$1,városok!$A$2:$C$346,2,0))^2+(VLOOKUP($A327,városok!$A$2:$C$346,3,0)-VLOOKUP(S$1,városok!$A$2:$C$346,3,0))^2)/1000,0)</f>
        <v>180</v>
      </c>
      <c r="T327">
        <f ca="1">ROUND(SQRT((VLOOKUP($A327,városok!$A$2:$C$346,2,0)-VLOOKUP(T$1,városok!$A$2:$C$346,2,0))^2+(VLOOKUP($A327,városok!$A$2:$C$346,3,0)-VLOOKUP(T$1,városok!$A$2:$C$346,3,0))^2)/1000,0)</f>
        <v>64</v>
      </c>
      <c r="U327">
        <f ca="1">ROUND(SQRT((VLOOKUP($A327,városok!$A$2:$C$346,2,0)-VLOOKUP(U$1,városok!$A$2:$C$346,2,0))^2+(VLOOKUP($A327,városok!$A$2:$C$346,3,0)-VLOOKUP(U$1,városok!$A$2:$C$346,3,0))^2)/1000,0)</f>
        <v>63</v>
      </c>
      <c r="V327">
        <f ca="1">ROUND(SQRT((VLOOKUP($A327,városok!$A$2:$C$346,2,0)-VLOOKUP(V$1,városok!$A$2:$C$346,2,0))^2+(VLOOKUP($A327,városok!$A$2:$C$346,3,0)-VLOOKUP(V$1,városok!$A$2:$C$346,3,0))^2)/1000,0)</f>
        <v>15</v>
      </c>
      <c r="W327">
        <f ca="1">ROUND(SQRT((VLOOKUP($A327,városok!$A$2:$C$346,2,0)-VLOOKUP(W$1,városok!$A$2:$C$346,2,0))^2+(VLOOKUP($A327,városok!$A$2:$C$346,3,0)-VLOOKUP(W$1,városok!$A$2:$C$346,3,0))^2)/1000,0)</f>
        <v>42</v>
      </c>
      <c r="X327">
        <f ca="1">ROUND(SQRT((VLOOKUP($A327,városok!$A$2:$C$346,2,0)-VLOOKUP(X$1,városok!$A$2:$C$346,2,0))^2+(VLOOKUP($A327,városok!$A$2:$C$346,3,0)-VLOOKUP(X$1,városok!$A$2:$C$346,3,0))^2)/1000,0)</f>
        <v>33</v>
      </c>
      <c r="Y327">
        <f ca="1">ROUND(SQRT((VLOOKUP($A327,városok!$A$2:$C$346,2,0)-VLOOKUP(Y$1,városok!$A$2:$C$346,2,0))^2+(VLOOKUP($A327,városok!$A$2:$C$346,3,0)-VLOOKUP(Y$1,városok!$A$2:$C$346,3,0))^2)/1000,0)</f>
        <v>81</v>
      </c>
      <c r="Z327">
        <f ca="1">ROUND(SQRT((VLOOKUP($A327,városok!$A$2:$C$346,2,0)-VLOOKUP(Z$1,városok!$A$2:$C$346,2,0))^2+(VLOOKUP($A327,városok!$A$2:$C$346,3,0)-VLOOKUP(Z$1,városok!$A$2:$C$346,3,0))^2)/1000,0)</f>
        <v>95</v>
      </c>
      <c r="AA327">
        <f ca="1">ROUND(SQRT((VLOOKUP($A327,városok!$A$2:$C$346,2,0)-VLOOKUP(AA$1,városok!$A$2:$C$346,2,0))^2+(VLOOKUP($A327,városok!$A$2:$C$346,3,0)-VLOOKUP(AA$1,városok!$A$2:$C$346,3,0))^2)/1000,0)</f>
        <v>136</v>
      </c>
      <c r="AB327">
        <f ca="1">ROUND(SQRT((VLOOKUP($A327,városok!$A$2:$C$346,2,0)-VLOOKUP(AB$1,városok!$A$2:$C$346,2,0))^2+(VLOOKUP($A327,városok!$A$2:$C$346,3,0)-VLOOKUP(AB$1,városok!$A$2:$C$346,3,0))^2)/1000,0)</f>
        <v>272</v>
      </c>
      <c r="AC327">
        <f ca="1">ROUND(SQRT((VLOOKUP($A327,városok!$A$2:$C$346,2,0)-VLOOKUP(AC$1,városok!$A$2:$C$346,2,0))^2+(VLOOKUP($A327,városok!$A$2:$C$346,3,0)-VLOOKUP(AC$1,városok!$A$2:$C$346,3,0))^2)/1000,0)</f>
        <v>253</v>
      </c>
      <c r="AD327">
        <f ca="1">ROUND(SQRT((VLOOKUP($A327,városok!$A$2:$C$346,2,0)-VLOOKUP(AD$1,városok!$A$2:$C$346,2,0))^2+(VLOOKUP($A327,városok!$A$2:$C$346,3,0)-VLOOKUP(AD$1,városok!$A$2:$C$346,3,0))^2)/1000,0)</f>
        <v>235</v>
      </c>
      <c r="AE327">
        <f ca="1">ROUND(SQRT((VLOOKUP($A327,városok!$A$2:$C$346,2,0)-VLOOKUP(AE$1,városok!$A$2:$C$346,2,0))^2+(VLOOKUP($A327,városok!$A$2:$C$346,3,0)-VLOOKUP(AE$1,városok!$A$2:$C$346,3,0))^2)/1000,0)</f>
        <v>234</v>
      </c>
      <c r="AF327">
        <f ca="1">ROUND(SQRT((VLOOKUP($A327,városok!$A$2:$C$346,2,0)-VLOOKUP(AF$1,városok!$A$2:$C$346,2,0))^2+(VLOOKUP($A327,városok!$A$2:$C$346,3,0)-VLOOKUP(AF$1,városok!$A$2:$C$346,3,0))^2)/1000,0)</f>
        <v>196</v>
      </c>
      <c r="AG327">
        <f ca="1">ROUND(SQRT((VLOOKUP($A327,városok!$A$2:$C$346,2,0)-VLOOKUP(AG$1,városok!$A$2:$C$346,2,0))^2+(VLOOKUP($A327,városok!$A$2:$C$346,3,0)-VLOOKUP(AG$1,városok!$A$2:$C$346,3,0))^2)/1000,0)</f>
        <v>160</v>
      </c>
      <c r="AH327">
        <f ca="1">ROUND(SQRT((VLOOKUP($A327,városok!$A$2:$C$346,2,0)-VLOOKUP(AH$1,városok!$A$2:$C$346,2,0))^2+(VLOOKUP($A327,városok!$A$2:$C$346,3,0)-VLOOKUP(AH$1,városok!$A$2:$C$346,3,0))^2)/1000,0)</f>
        <v>138</v>
      </c>
      <c r="AI327">
        <f ca="1">ROUND(SQRT((VLOOKUP($A327,városok!$A$2:$C$346,2,0)-VLOOKUP(AI$1,városok!$A$2:$C$346,2,0))^2+(VLOOKUP($A327,városok!$A$2:$C$346,3,0)-VLOOKUP(AI$1,városok!$A$2:$C$346,3,0))^2)/1000,0)</f>
        <v>185</v>
      </c>
      <c r="AJ327">
        <f ca="1">ROUND(SQRT((VLOOKUP($A327,városok!$A$2:$C$346,2,0)-VLOOKUP(AJ$1,városok!$A$2:$C$346,2,0))^2+(VLOOKUP($A327,városok!$A$2:$C$346,3,0)-VLOOKUP(AJ$1,városok!$A$2:$C$346,3,0))^2)/1000,0)</f>
        <v>156</v>
      </c>
      <c r="AK327">
        <f ca="1">ROUND(SQRT((VLOOKUP($A327,városok!$A$2:$C$346,2,0)-VLOOKUP(AK$1,városok!$A$2:$C$346,2,0))^2+(VLOOKUP($A327,városok!$A$2:$C$346,3,0)-VLOOKUP(AK$1,városok!$A$2:$C$346,3,0))^2)/1000,0)</f>
        <v>219</v>
      </c>
      <c r="AL327">
        <f ca="1">ROUND(SQRT((VLOOKUP($A327,városok!$A$2:$C$346,2,0)-VLOOKUP(AL$1,városok!$A$2:$C$346,2,0))^2+(VLOOKUP($A327,városok!$A$2:$C$346,3,0)-VLOOKUP(AL$1,városok!$A$2:$C$346,3,0))^2)/1000,0)</f>
        <v>194</v>
      </c>
      <c r="AM327">
        <f ca="1">ROUND(SQRT((VLOOKUP($A327,városok!$A$2:$C$346,2,0)-VLOOKUP(AM$1,városok!$A$2:$C$346,2,0))^2+(VLOOKUP($A327,városok!$A$2:$C$346,3,0)-VLOOKUP(AM$1,városok!$A$2:$C$346,3,0))^2)/1000,0)</f>
        <v>158</v>
      </c>
      <c r="AN327">
        <f ca="1">ROUND(SQRT((VLOOKUP($A327,városok!$A$2:$C$346,2,0)-VLOOKUP(AN$1,városok!$A$2:$C$346,2,0))^2+(VLOOKUP($A327,városok!$A$2:$C$346,3,0)-VLOOKUP(AN$1,városok!$A$2:$C$346,3,0))^2)/1000,0)</f>
        <v>96</v>
      </c>
      <c r="AO327">
        <f ca="1">ROUND(SQRT((VLOOKUP($A327,városok!$A$2:$C$346,2,0)-VLOOKUP(AO$1,városok!$A$2:$C$346,2,0))^2+(VLOOKUP($A327,városok!$A$2:$C$346,3,0)-VLOOKUP(AO$1,városok!$A$2:$C$346,3,0))^2)/1000,0)</f>
        <v>78</v>
      </c>
      <c r="AP327">
        <f ca="1">ROUND(SQRT((VLOOKUP($A327,városok!$A$2:$C$346,2,0)-VLOOKUP(AP$1,városok!$A$2:$C$346,2,0))^2+(VLOOKUP($A327,városok!$A$2:$C$346,3,0)-VLOOKUP(AP$1,városok!$A$2:$C$346,3,0))^2)/1000,0)</f>
        <v>70</v>
      </c>
      <c r="AQ327">
        <f ca="1">ROUND(SQRT((VLOOKUP($A327,városok!$A$2:$C$346,2,0)-VLOOKUP(AQ$1,városok!$A$2:$C$346,2,0))^2+(VLOOKUP($A327,városok!$A$2:$C$346,3,0)-VLOOKUP(AQ$1,városok!$A$2:$C$346,3,0))^2)/1000,0)</f>
        <v>63</v>
      </c>
      <c r="AR327">
        <f ca="1">ROUND(SQRT((VLOOKUP($A327,városok!$A$2:$C$346,2,0)-VLOOKUP(AR$1,városok!$A$2:$C$346,2,0))^2+(VLOOKUP($A327,városok!$A$2:$C$346,3,0)-VLOOKUP(AR$1,városok!$A$2:$C$346,3,0))^2)/1000,0)</f>
        <v>155</v>
      </c>
      <c r="AS327">
        <f ca="1">ROUND(SQRT((VLOOKUP($A327,városok!$A$2:$C$346,2,0)-VLOOKUP(AS$1,városok!$A$2:$C$346,2,0))^2+(VLOOKUP($A327,városok!$A$2:$C$346,3,0)-VLOOKUP(AS$1,városok!$A$2:$C$346,3,0))^2)/1000,0)</f>
        <v>175</v>
      </c>
      <c r="AT327">
        <f ca="1">ROUND(SQRT((VLOOKUP($A327,városok!$A$2:$C$346,2,0)-VLOOKUP(AT$1,városok!$A$2:$C$346,2,0))^2+(VLOOKUP($A327,városok!$A$2:$C$346,3,0)-VLOOKUP(AT$1,városok!$A$2:$C$346,3,0))^2)/1000,0)</f>
        <v>72</v>
      </c>
      <c r="AU327">
        <f ca="1">ROUND(SQRT((VLOOKUP($A327,városok!$A$2:$C$346,2,0)-VLOOKUP(AU$1,városok!$A$2:$C$346,2,0))^2+(VLOOKUP($A327,városok!$A$2:$C$346,3,0)-VLOOKUP(AU$1,városok!$A$2:$C$346,3,0))^2)/1000,0)</f>
        <v>80</v>
      </c>
      <c r="AV327">
        <f ca="1">ROUND(SQRT((VLOOKUP($A327,városok!$A$2:$C$346,2,0)-VLOOKUP(AV$1,városok!$A$2:$C$346,2,0))^2+(VLOOKUP($A327,városok!$A$2:$C$346,3,0)-VLOOKUP(AV$1,városok!$A$2:$C$346,3,0))^2)/1000,0)</f>
        <v>76</v>
      </c>
      <c r="AW327">
        <f ca="1">ROUND(SQRT((VLOOKUP($A327,városok!$A$2:$C$346,2,0)-VLOOKUP(AW$1,városok!$A$2:$C$346,2,0))^2+(VLOOKUP($A327,városok!$A$2:$C$346,3,0)-VLOOKUP(AW$1,városok!$A$2:$C$346,3,0))^2)/1000,0)</f>
        <v>73</v>
      </c>
      <c r="AX327">
        <f ca="1">ROUND(SQRT((VLOOKUP($A327,városok!$A$2:$C$346,2,0)-VLOOKUP(AX$1,városok!$A$2:$C$346,2,0))^2+(VLOOKUP($A327,városok!$A$2:$C$346,3,0)-VLOOKUP(AX$1,városok!$A$2:$C$346,3,0))^2)/1000,0)</f>
        <v>127</v>
      </c>
      <c r="AY327">
        <f ca="1">ROUND(SQRT((VLOOKUP($A327,városok!$A$2:$C$346,2,0)-VLOOKUP(AY$1,városok!$A$2:$C$346,2,0))^2+(VLOOKUP($A327,városok!$A$2:$C$346,3,0)-VLOOKUP(AY$1,városok!$A$2:$C$346,3,0))^2)/1000,0)</f>
        <v>102</v>
      </c>
      <c r="AZ327">
        <f ca="1">ROUND(SQRT((VLOOKUP($A327,városok!$A$2:$C$346,2,0)-VLOOKUP(AZ$1,városok!$A$2:$C$346,2,0))^2+(VLOOKUP($A327,városok!$A$2:$C$346,3,0)-VLOOKUP(AZ$1,városok!$A$2:$C$346,3,0))^2)/1000,0)</f>
        <v>106</v>
      </c>
      <c r="BA327">
        <f ca="1">ROUND(SQRT((VLOOKUP($A327,városok!$A$2:$C$346,2,0)-VLOOKUP(BA$1,városok!$A$2:$C$346,2,0))^2+(VLOOKUP($A327,városok!$A$2:$C$346,3,0)-VLOOKUP(BA$1,városok!$A$2:$C$346,3,0))^2)/1000,0)</f>
        <v>42</v>
      </c>
      <c r="BB327">
        <f ca="1">ROUND(SQRT((VLOOKUP($A327,városok!$A$2:$C$346,2,0)-VLOOKUP(BB$1,városok!$A$2:$C$346,2,0))^2+(VLOOKUP($A327,városok!$A$2:$C$346,3,0)-VLOOKUP(BB$1,városok!$A$2:$C$346,3,0))^2)/1000,0)</f>
        <v>57</v>
      </c>
      <c r="BC327">
        <f ca="1">ROUND(SQRT((VLOOKUP($A327,városok!$A$2:$C$346,2,0)-VLOOKUP(BC$1,városok!$A$2:$C$346,2,0))^2+(VLOOKUP($A327,városok!$A$2:$C$346,3,0)-VLOOKUP(BC$1,városok!$A$2:$C$346,3,0))^2)/1000,0)</f>
        <v>79</v>
      </c>
      <c r="BD327">
        <f ca="1">ROUND(SQRT((VLOOKUP($A327,városok!$A$2:$C$346,2,0)-VLOOKUP(BD$1,városok!$A$2:$C$346,2,0))^2+(VLOOKUP($A327,városok!$A$2:$C$346,3,0)-VLOOKUP(BD$1,városok!$A$2:$C$346,3,0))^2)/1000,0)</f>
        <v>15</v>
      </c>
      <c r="BE327">
        <f ca="1">ROUND(SQRT((VLOOKUP($A327,városok!$A$2:$C$346,2,0)-VLOOKUP(BE$1,városok!$A$2:$C$346,2,0))^2+(VLOOKUP($A327,városok!$A$2:$C$346,3,0)-VLOOKUP(BE$1,városok!$A$2:$C$346,3,0))^2)/1000,0)</f>
        <v>355</v>
      </c>
      <c r="BF327">
        <f ca="1">ROUND(SQRT((VLOOKUP($A327,városok!$A$2:$C$346,2,0)-VLOOKUP(BF$1,városok!$A$2:$C$346,2,0))^2+(VLOOKUP($A327,városok!$A$2:$C$346,3,0)-VLOOKUP(BF$1,városok!$A$2:$C$346,3,0))^2)/1000,0)</f>
        <v>326</v>
      </c>
      <c r="BG327">
        <f ca="1">ROUND(SQRT((VLOOKUP($A327,városok!$A$2:$C$346,2,0)-VLOOKUP(BG$1,városok!$A$2:$C$346,2,0))^2+(VLOOKUP($A327,városok!$A$2:$C$346,3,0)-VLOOKUP(BG$1,városok!$A$2:$C$346,3,0))^2)/1000,0)</f>
        <v>280</v>
      </c>
      <c r="BH327">
        <f ca="1">ROUND(SQRT((VLOOKUP($A327,városok!$A$2:$C$346,2,0)-VLOOKUP(BH$1,városok!$A$2:$C$346,2,0))^2+(VLOOKUP($A327,városok!$A$2:$C$346,3,0)-VLOOKUP(BH$1,városok!$A$2:$C$346,3,0))^2)/1000,0)</f>
        <v>280</v>
      </c>
      <c r="BI327">
        <f ca="1">ROUND(SQRT((VLOOKUP($A327,városok!$A$2:$C$346,2,0)-VLOOKUP(BI$1,városok!$A$2:$C$346,2,0))^2+(VLOOKUP($A327,városok!$A$2:$C$346,3,0)-VLOOKUP(BI$1,városok!$A$2:$C$346,3,0))^2)/1000,0)</f>
        <v>81</v>
      </c>
      <c r="BJ327">
        <f ca="1">ROUND(SQRT((VLOOKUP($A327,városok!$A$2:$C$346,2,0)-VLOOKUP(BJ$1,városok!$A$2:$C$346,2,0))^2+(VLOOKUP($A327,városok!$A$2:$C$346,3,0)-VLOOKUP(BJ$1,városok!$A$2:$C$346,3,0))^2)/1000,0)</f>
        <v>88</v>
      </c>
      <c r="BK327">
        <f ca="1">ROUND(SQRT((VLOOKUP($A327,városok!$A$2:$C$346,2,0)-VLOOKUP(BK$1,városok!$A$2:$C$346,2,0))^2+(VLOOKUP($A327,városok!$A$2:$C$346,3,0)-VLOOKUP(BK$1,városok!$A$2:$C$346,3,0))^2)/1000,0)</f>
        <v>89</v>
      </c>
      <c r="BL327">
        <f ca="1">ROUND(SQRT((VLOOKUP($A327,városok!$A$2:$C$346,2,0)-VLOOKUP(BL$1,városok!$A$2:$C$346,2,0))^2+(VLOOKUP($A327,városok!$A$2:$C$346,3,0)-VLOOKUP(BL$1,városok!$A$2:$C$346,3,0))^2)/1000,0)</f>
        <v>114</v>
      </c>
      <c r="BM327">
        <f ca="1">ROUND(SQRT((VLOOKUP($A327,városok!$A$2:$C$346,2,0)-VLOOKUP(BM$1,városok!$A$2:$C$346,2,0))^2+(VLOOKUP($A327,városok!$A$2:$C$346,3,0)-VLOOKUP(BM$1,városok!$A$2:$C$346,3,0))^2)/1000,0)</f>
        <v>92</v>
      </c>
      <c r="BN327">
        <f ca="1">ROUND(SQRT((VLOOKUP($A327,városok!$A$2:$C$346,2,0)-VLOOKUP(BN$1,városok!$A$2:$C$346,2,0))^2+(VLOOKUP($A327,városok!$A$2:$C$346,3,0)-VLOOKUP(BN$1,városok!$A$2:$C$346,3,0))^2)/1000,0)</f>
        <v>115</v>
      </c>
      <c r="BO327">
        <f ca="1">ROUND(SQRT((VLOOKUP($A327,városok!$A$2:$C$346,2,0)-VLOOKUP(BO$1,városok!$A$2:$C$346,2,0))^2+(VLOOKUP($A327,városok!$A$2:$C$346,3,0)-VLOOKUP(BO$1,városok!$A$2:$C$346,3,0))^2)/1000,0)</f>
        <v>7</v>
      </c>
      <c r="BP327">
        <f ca="1">ROUND(SQRT((VLOOKUP($A327,városok!$A$2:$C$346,2,0)-VLOOKUP(BP$1,városok!$A$2:$C$346,2,0))^2+(VLOOKUP($A327,városok!$A$2:$C$346,3,0)-VLOOKUP(BP$1,városok!$A$2:$C$346,3,0))^2)/1000,0)</f>
        <v>0</v>
      </c>
      <c r="BQ327">
        <f ca="1">ROUND(SQRT((VLOOKUP($A327,városok!$A$2:$C$346,2,0)-VLOOKUP(BQ$1,városok!$A$2:$C$346,2,0))^2+(VLOOKUP($A327,városok!$A$2:$C$346,3,0)-VLOOKUP(BQ$1,városok!$A$2:$C$346,3,0))^2)/1000,0)</f>
        <v>16</v>
      </c>
      <c r="BR327">
        <f ca="1">ROUND(SQRT((VLOOKUP($A327,városok!$A$2:$C$346,2,0)-VLOOKUP(BR$1,városok!$A$2:$C$346,2,0))^2+(VLOOKUP($A327,városok!$A$2:$C$346,3,0)-VLOOKUP(BR$1,városok!$A$2:$C$346,3,0))^2)/1000,0)</f>
        <v>72</v>
      </c>
      <c r="BS327">
        <f ca="1">ROUND(SQRT((VLOOKUP($A327,városok!$A$2:$C$346,2,0)-VLOOKUP(BS$1,városok!$A$2:$C$346,2,0))^2+(VLOOKUP($A327,városok!$A$2:$C$346,3,0)-VLOOKUP(BS$1,városok!$A$2:$C$346,3,0))^2)/1000,0)</f>
        <v>107</v>
      </c>
      <c r="BT327">
        <f ca="1">ROUND(SQRT((VLOOKUP($A327,városok!$A$2:$C$346,2,0)-VLOOKUP(BT$1,városok!$A$2:$C$346,2,0))^2+(VLOOKUP($A327,városok!$A$2:$C$346,3,0)-VLOOKUP(BT$1,városok!$A$2:$C$346,3,0))^2)/1000,0)</f>
        <v>99</v>
      </c>
    </row>
    <row r="328" spans="1:72" x14ac:dyDescent="0.2">
      <c r="A328" t="str">
        <f>városok!A328</f>
        <v>Berhida</v>
      </c>
      <c r="B328">
        <f ca="1">ROUND(SQRT((VLOOKUP($A328,városok!$A$2:$C$346,2,0)-VLOOKUP(B$1,városok!$A$2:$C$346,2,0))^2+(VLOOKUP($A328,városok!$A$2:$C$346,3,0)-VLOOKUP(B$1,városok!$A$2:$C$346,3,0))^2)/1000,0)</f>
        <v>121</v>
      </c>
      <c r="C328">
        <f ca="1">ROUND(SQRT((VLOOKUP($A328,városok!$A$2:$C$346,2,0)-VLOOKUP(C$1,városok!$A$2:$C$346,2,0))^2+(VLOOKUP($A328,városok!$A$2:$C$346,3,0)-VLOOKUP(C$1,városok!$A$2:$C$346,3,0))^2)/1000,0)</f>
        <v>92</v>
      </c>
      <c r="D328">
        <f ca="1">ROUND(SQRT((VLOOKUP($A328,városok!$A$2:$C$346,2,0)-VLOOKUP(D$1,városok!$A$2:$C$346,2,0))^2+(VLOOKUP($A328,városok!$A$2:$C$346,3,0)-VLOOKUP(D$1,városok!$A$2:$C$346,3,0))^2)/1000,0)</f>
        <v>120</v>
      </c>
      <c r="E328">
        <f ca="1">ROUND(SQRT((VLOOKUP($A328,városok!$A$2:$C$346,2,0)-VLOOKUP(E$1,városok!$A$2:$C$346,2,0))^2+(VLOOKUP($A328,városok!$A$2:$C$346,3,0)-VLOOKUP(E$1,városok!$A$2:$C$346,3,0))^2)/1000,0)</f>
        <v>104</v>
      </c>
      <c r="F328">
        <f ca="1">ROUND(SQRT((VLOOKUP($A328,városok!$A$2:$C$346,2,0)-VLOOKUP(F$1,városok!$A$2:$C$346,2,0))^2+(VLOOKUP($A328,városok!$A$2:$C$346,3,0)-VLOOKUP(F$1,városok!$A$2:$C$346,3,0))^2)/1000,0)</f>
        <v>132</v>
      </c>
      <c r="G328">
        <f ca="1">ROUND(SQRT((VLOOKUP($A328,városok!$A$2:$C$346,2,0)-VLOOKUP(G$1,városok!$A$2:$C$346,2,0))^2+(VLOOKUP($A328,városok!$A$2:$C$346,3,0)-VLOOKUP(G$1,városok!$A$2:$C$346,3,0))^2)/1000,0)</f>
        <v>116</v>
      </c>
      <c r="H328">
        <f ca="1">ROUND(SQRT((VLOOKUP($A328,városok!$A$2:$C$346,2,0)-VLOOKUP(H$1,városok!$A$2:$C$346,2,0))^2+(VLOOKUP($A328,városok!$A$2:$C$346,3,0)-VLOOKUP(H$1,városok!$A$2:$C$346,3,0))^2)/1000,0)</f>
        <v>122</v>
      </c>
      <c r="I328">
        <f ca="1">ROUND(SQRT((VLOOKUP($A328,városok!$A$2:$C$346,2,0)-VLOOKUP(I$1,városok!$A$2:$C$346,2,0))^2+(VLOOKUP($A328,városok!$A$2:$C$346,3,0)-VLOOKUP(I$1,városok!$A$2:$C$346,3,0))^2)/1000,0)</f>
        <v>230</v>
      </c>
      <c r="J328">
        <f ca="1">ROUND(SQRT((VLOOKUP($A328,városok!$A$2:$C$346,2,0)-VLOOKUP(J$1,városok!$A$2:$C$346,2,0))^2+(VLOOKUP($A328,városok!$A$2:$C$346,3,0)-VLOOKUP(J$1,városok!$A$2:$C$346,3,0))^2)/1000,0)</f>
        <v>245</v>
      </c>
      <c r="K328">
        <f ca="1">ROUND(SQRT((VLOOKUP($A328,városok!$A$2:$C$346,2,0)-VLOOKUP(K$1,városok!$A$2:$C$346,2,0))^2+(VLOOKUP($A328,városok!$A$2:$C$346,3,0)-VLOOKUP(K$1,városok!$A$2:$C$346,3,0))^2)/1000,0)</f>
        <v>203</v>
      </c>
      <c r="L328">
        <f ca="1">ROUND(SQRT((VLOOKUP($A328,városok!$A$2:$C$346,2,0)-VLOOKUP(L$1,városok!$A$2:$C$346,2,0))^2+(VLOOKUP($A328,városok!$A$2:$C$346,3,0)-VLOOKUP(L$1,városok!$A$2:$C$346,3,0))^2)/1000,0)</f>
        <v>226</v>
      </c>
      <c r="M328">
        <f ca="1">ROUND(SQRT((VLOOKUP($A328,városok!$A$2:$C$346,2,0)-VLOOKUP(M$1,városok!$A$2:$C$346,2,0))^2+(VLOOKUP($A328,városok!$A$2:$C$346,3,0)-VLOOKUP(M$1,városok!$A$2:$C$346,3,0))^2)/1000,0)</f>
        <v>228</v>
      </c>
      <c r="N328">
        <f ca="1">ROUND(SQRT((VLOOKUP($A328,városok!$A$2:$C$346,2,0)-VLOOKUP(N$1,városok!$A$2:$C$346,2,0))^2+(VLOOKUP($A328,városok!$A$2:$C$346,3,0)-VLOOKUP(N$1,városok!$A$2:$C$346,3,0))^2)/1000,0)</f>
        <v>203</v>
      </c>
      <c r="O328">
        <f ca="1">ROUND(SQRT((VLOOKUP($A328,városok!$A$2:$C$346,2,0)-VLOOKUP(O$1,városok!$A$2:$C$346,2,0))^2+(VLOOKUP($A328,városok!$A$2:$C$346,3,0)-VLOOKUP(O$1,városok!$A$2:$C$346,3,0))^2)/1000,0)</f>
        <v>299</v>
      </c>
      <c r="P328">
        <f ca="1">ROUND(SQRT((VLOOKUP($A328,városok!$A$2:$C$346,2,0)-VLOOKUP(P$1,városok!$A$2:$C$346,2,0))^2+(VLOOKUP($A328,városok!$A$2:$C$346,3,0)-VLOOKUP(P$1,városok!$A$2:$C$346,3,0))^2)/1000,0)</f>
        <v>299</v>
      </c>
      <c r="Q328">
        <f ca="1">ROUND(SQRT((VLOOKUP($A328,városok!$A$2:$C$346,2,0)-VLOOKUP(Q$1,városok!$A$2:$C$346,2,0))^2+(VLOOKUP($A328,városok!$A$2:$C$346,3,0)-VLOOKUP(Q$1,városok!$A$2:$C$346,3,0))^2)/1000,0)</f>
        <v>184</v>
      </c>
      <c r="R328">
        <f ca="1">ROUND(SQRT((VLOOKUP($A328,városok!$A$2:$C$346,2,0)-VLOOKUP(R$1,városok!$A$2:$C$346,2,0))^2+(VLOOKUP($A328,városok!$A$2:$C$346,3,0)-VLOOKUP(R$1,városok!$A$2:$C$346,3,0))^2)/1000,0)</f>
        <v>205</v>
      </c>
      <c r="S328">
        <f ca="1">ROUND(SQRT((VLOOKUP($A328,városok!$A$2:$C$346,2,0)-VLOOKUP(S$1,városok!$A$2:$C$346,2,0))^2+(VLOOKUP($A328,városok!$A$2:$C$346,3,0)-VLOOKUP(S$1,városok!$A$2:$C$346,3,0))^2)/1000,0)</f>
        <v>183</v>
      </c>
      <c r="T328">
        <f ca="1">ROUND(SQRT((VLOOKUP($A328,városok!$A$2:$C$346,2,0)-VLOOKUP(T$1,városok!$A$2:$C$346,2,0))^2+(VLOOKUP($A328,városok!$A$2:$C$346,3,0)-VLOOKUP(T$1,városok!$A$2:$C$346,3,0))^2)/1000,0)</f>
        <v>56</v>
      </c>
      <c r="U328">
        <f ca="1">ROUND(SQRT((VLOOKUP($A328,városok!$A$2:$C$346,2,0)-VLOOKUP(U$1,városok!$A$2:$C$346,2,0))^2+(VLOOKUP($A328,városok!$A$2:$C$346,3,0)-VLOOKUP(U$1,városok!$A$2:$C$346,3,0))^2)/1000,0)</f>
        <v>63</v>
      </c>
      <c r="V328">
        <f ca="1">ROUND(SQRT((VLOOKUP($A328,városok!$A$2:$C$346,2,0)-VLOOKUP(V$1,városok!$A$2:$C$346,2,0))^2+(VLOOKUP($A328,városok!$A$2:$C$346,3,0)-VLOOKUP(V$1,városok!$A$2:$C$346,3,0))^2)/1000,0)</f>
        <v>14</v>
      </c>
      <c r="W328">
        <f ca="1">ROUND(SQRT((VLOOKUP($A328,városok!$A$2:$C$346,2,0)-VLOOKUP(W$1,városok!$A$2:$C$346,2,0))^2+(VLOOKUP($A328,városok!$A$2:$C$346,3,0)-VLOOKUP(W$1,városok!$A$2:$C$346,3,0))^2)/1000,0)</f>
        <v>45</v>
      </c>
      <c r="X328">
        <f ca="1">ROUND(SQRT((VLOOKUP($A328,városok!$A$2:$C$346,2,0)-VLOOKUP(X$1,városok!$A$2:$C$346,2,0))^2+(VLOOKUP($A328,városok!$A$2:$C$346,3,0)-VLOOKUP(X$1,városok!$A$2:$C$346,3,0))^2)/1000,0)</f>
        <v>24</v>
      </c>
      <c r="Y328">
        <f ca="1">ROUND(SQRT((VLOOKUP($A328,városok!$A$2:$C$346,2,0)-VLOOKUP(Y$1,városok!$A$2:$C$346,2,0))^2+(VLOOKUP($A328,városok!$A$2:$C$346,3,0)-VLOOKUP(Y$1,városok!$A$2:$C$346,3,0))^2)/1000,0)</f>
        <v>74</v>
      </c>
      <c r="Z328">
        <f ca="1">ROUND(SQRT((VLOOKUP($A328,városok!$A$2:$C$346,2,0)-VLOOKUP(Z$1,városok!$A$2:$C$346,2,0))^2+(VLOOKUP($A328,városok!$A$2:$C$346,3,0)-VLOOKUP(Z$1,városok!$A$2:$C$346,3,0))^2)/1000,0)</f>
        <v>89</v>
      </c>
      <c r="AA328">
        <f ca="1">ROUND(SQRT((VLOOKUP($A328,városok!$A$2:$C$346,2,0)-VLOOKUP(AA$1,városok!$A$2:$C$346,2,0))^2+(VLOOKUP($A328,városok!$A$2:$C$346,3,0)-VLOOKUP(AA$1,városok!$A$2:$C$346,3,0))^2)/1000,0)</f>
        <v>133</v>
      </c>
      <c r="AB328">
        <f ca="1">ROUND(SQRT((VLOOKUP($A328,városok!$A$2:$C$346,2,0)-VLOOKUP(AB$1,városok!$A$2:$C$346,2,0))^2+(VLOOKUP($A328,városok!$A$2:$C$346,3,0)-VLOOKUP(AB$1,városok!$A$2:$C$346,3,0))^2)/1000,0)</f>
        <v>268</v>
      </c>
      <c r="AC328">
        <f ca="1">ROUND(SQRT((VLOOKUP($A328,városok!$A$2:$C$346,2,0)-VLOOKUP(AC$1,városok!$A$2:$C$346,2,0))^2+(VLOOKUP($A328,városok!$A$2:$C$346,3,0)-VLOOKUP(AC$1,városok!$A$2:$C$346,3,0))^2)/1000,0)</f>
        <v>249</v>
      </c>
      <c r="AD328">
        <f ca="1">ROUND(SQRT((VLOOKUP($A328,városok!$A$2:$C$346,2,0)-VLOOKUP(AD$1,városok!$A$2:$C$346,2,0))^2+(VLOOKUP($A328,városok!$A$2:$C$346,3,0)-VLOOKUP(AD$1,városok!$A$2:$C$346,3,0))^2)/1000,0)</f>
        <v>231</v>
      </c>
      <c r="AE328">
        <f ca="1">ROUND(SQRT((VLOOKUP($A328,városok!$A$2:$C$346,2,0)-VLOOKUP(AE$1,városok!$A$2:$C$346,2,0))^2+(VLOOKUP($A328,városok!$A$2:$C$346,3,0)-VLOOKUP(AE$1,városok!$A$2:$C$346,3,0))^2)/1000,0)</f>
        <v>230</v>
      </c>
      <c r="AF328">
        <f ca="1">ROUND(SQRT((VLOOKUP($A328,városok!$A$2:$C$346,2,0)-VLOOKUP(AF$1,városok!$A$2:$C$346,2,0))^2+(VLOOKUP($A328,városok!$A$2:$C$346,3,0)-VLOOKUP(AF$1,városok!$A$2:$C$346,3,0))^2)/1000,0)</f>
        <v>190</v>
      </c>
      <c r="AG328">
        <f ca="1">ROUND(SQRT((VLOOKUP($A328,városok!$A$2:$C$346,2,0)-VLOOKUP(AG$1,városok!$A$2:$C$346,2,0))^2+(VLOOKUP($A328,városok!$A$2:$C$346,3,0)-VLOOKUP(AG$1,városok!$A$2:$C$346,3,0))^2)/1000,0)</f>
        <v>154</v>
      </c>
      <c r="AH328">
        <f ca="1">ROUND(SQRT((VLOOKUP($A328,városok!$A$2:$C$346,2,0)-VLOOKUP(AH$1,városok!$A$2:$C$346,2,0))^2+(VLOOKUP($A328,városok!$A$2:$C$346,3,0)-VLOOKUP(AH$1,városok!$A$2:$C$346,3,0))^2)/1000,0)</f>
        <v>131</v>
      </c>
      <c r="AI328">
        <f ca="1">ROUND(SQRT((VLOOKUP($A328,városok!$A$2:$C$346,2,0)-VLOOKUP(AI$1,városok!$A$2:$C$346,2,0))^2+(VLOOKUP($A328,városok!$A$2:$C$346,3,0)-VLOOKUP(AI$1,városok!$A$2:$C$346,3,0))^2)/1000,0)</f>
        <v>178</v>
      </c>
      <c r="AJ328">
        <f ca="1">ROUND(SQRT((VLOOKUP($A328,városok!$A$2:$C$346,2,0)-VLOOKUP(AJ$1,városok!$A$2:$C$346,2,0))^2+(VLOOKUP($A328,városok!$A$2:$C$346,3,0)-VLOOKUP(AJ$1,városok!$A$2:$C$346,3,0))^2)/1000,0)</f>
        <v>151</v>
      </c>
      <c r="AK328">
        <f ca="1">ROUND(SQRT((VLOOKUP($A328,városok!$A$2:$C$346,2,0)-VLOOKUP(AK$1,városok!$A$2:$C$346,2,0))^2+(VLOOKUP($A328,városok!$A$2:$C$346,3,0)-VLOOKUP(AK$1,városok!$A$2:$C$346,3,0))^2)/1000,0)</f>
        <v>216</v>
      </c>
      <c r="AL328">
        <f ca="1">ROUND(SQRT((VLOOKUP($A328,városok!$A$2:$C$346,2,0)-VLOOKUP(AL$1,városok!$A$2:$C$346,2,0))^2+(VLOOKUP($A328,városok!$A$2:$C$346,3,0)-VLOOKUP(AL$1,városok!$A$2:$C$346,3,0))^2)/1000,0)</f>
        <v>191</v>
      </c>
      <c r="AM328">
        <f ca="1">ROUND(SQRT((VLOOKUP($A328,városok!$A$2:$C$346,2,0)-VLOOKUP(AM$1,városok!$A$2:$C$346,2,0))^2+(VLOOKUP($A328,városok!$A$2:$C$346,3,0)-VLOOKUP(AM$1,városok!$A$2:$C$346,3,0))^2)/1000,0)</f>
        <v>155</v>
      </c>
      <c r="AN328">
        <f ca="1">ROUND(SQRT((VLOOKUP($A328,városok!$A$2:$C$346,2,0)-VLOOKUP(AN$1,városok!$A$2:$C$346,2,0))^2+(VLOOKUP($A328,városok!$A$2:$C$346,3,0)-VLOOKUP(AN$1,városok!$A$2:$C$346,3,0))^2)/1000,0)</f>
        <v>88</v>
      </c>
      <c r="AO328">
        <f ca="1">ROUND(SQRT((VLOOKUP($A328,városok!$A$2:$C$346,2,0)-VLOOKUP(AO$1,városok!$A$2:$C$346,2,0))^2+(VLOOKUP($A328,városok!$A$2:$C$346,3,0)-VLOOKUP(AO$1,városok!$A$2:$C$346,3,0))^2)/1000,0)</f>
        <v>69</v>
      </c>
      <c r="AP328">
        <f ca="1">ROUND(SQRT((VLOOKUP($A328,városok!$A$2:$C$346,2,0)-VLOOKUP(AP$1,városok!$A$2:$C$346,2,0))^2+(VLOOKUP($A328,városok!$A$2:$C$346,3,0)-VLOOKUP(AP$1,városok!$A$2:$C$346,3,0))^2)/1000,0)</f>
        <v>60</v>
      </c>
      <c r="AQ328">
        <f ca="1">ROUND(SQRT((VLOOKUP($A328,városok!$A$2:$C$346,2,0)-VLOOKUP(AQ$1,városok!$A$2:$C$346,2,0))^2+(VLOOKUP($A328,városok!$A$2:$C$346,3,0)-VLOOKUP(AQ$1,városok!$A$2:$C$346,3,0))^2)/1000,0)</f>
        <v>54</v>
      </c>
      <c r="AR328">
        <f ca="1">ROUND(SQRT((VLOOKUP($A328,városok!$A$2:$C$346,2,0)-VLOOKUP(AR$1,városok!$A$2:$C$346,2,0))^2+(VLOOKUP($A328,városok!$A$2:$C$346,3,0)-VLOOKUP(AR$1,városok!$A$2:$C$346,3,0))^2)/1000,0)</f>
        <v>147</v>
      </c>
      <c r="AS328">
        <f ca="1">ROUND(SQRT((VLOOKUP($A328,városok!$A$2:$C$346,2,0)-VLOOKUP(AS$1,városok!$A$2:$C$346,2,0))^2+(VLOOKUP($A328,városok!$A$2:$C$346,3,0)-VLOOKUP(AS$1,városok!$A$2:$C$346,3,0))^2)/1000,0)</f>
        <v>168</v>
      </c>
      <c r="AT328">
        <f ca="1">ROUND(SQRT((VLOOKUP($A328,városok!$A$2:$C$346,2,0)-VLOOKUP(AT$1,városok!$A$2:$C$346,2,0))^2+(VLOOKUP($A328,városok!$A$2:$C$346,3,0)-VLOOKUP(AT$1,városok!$A$2:$C$346,3,0))^2)/1000,0)</f>
        <v>65</v>
      </c>
      <c r="AU328">
        <f ca="1">ROUND(SQRT((VLOOKUP($A328,városok!$A$2:$C$346,2,0)-VLOOKUP(AU$1,városok!$A$2:$C$346,2,0))^2+(VLOOKUP($A328,városok!$A$2:$C$346,3,0)-VLOOKUP(AU$1,városok!$A$2:$C$346,3,0))^2)/1000,0)</f>
        <v>73</v>
      </c>
      <c r="AV328">
        <f ca="1">ROUND(SQRT((VLOOKUP($A328,városok!$A$2:$C$346,2,0)-VLOOKUP(AV$1,városok!$A$2:$C$346,2,0))^2+(VLOOKUP($A328,városok!$A$2:$C$346,3,0)-VLOOKUP(AV$1,városok!$A$2:$C$346,3,0))^2)/1000,0)</f>
        <v>69</v>
      </c>
      <c r="AW328">
        <f ca="1">ROUND(SQRT((VLOOKUP($A328,városok!$A$2:$C$346,2,0)-VLOOKUP(AW$1,városok!$A$2:$C$346,2,0))^2+(VLOOKUP($A328,városok!$A$2:$C$346,3,0)-VLOOKUP(AW$1,városok!$A$2:$C$346,3,0))^2)/1000,0)</f>
        <v>66</v>
      </c>
      <c r="AX328">
        <f ca="1">ROUND(SQRT((VLOOKUP($A328,városok!$A$2:$C$346,2,0)-VLOOKUP(AX$1,városok!$A$2:$C$346,2,0))^2+(VLOOKUP($A328,városok!$A$2:$C$346,3,0)-VLOOKUP(AX$1,városok!$A$2:$C$346,3,0))^2)/1000,0)</f>
        <v>125</v>
      </c>
      <c r="AY328">
        <f ca="1">ROUND(SQRT((VLOOKUP($A328,városok!$A$2:$C$346,2,0)-VLOOKUP(AY$1,városok!$A$2:$C$346,2,0))^2+(VLOOKUP($A328,városok!$A$2:$C$346,3,0)-VLOOKUP(AY$1,városok!$A$2:$C$346,3,0))^2)/1000,0)</f>
        <v>94</v>
      </c>
      <c r="AZ328">
        <f ca="1">ROUND(SQRT((VLOOKUP($A328,városok!$A$2:$C$346,2,0)-VLOOKUP(AZ$1,városok!$A$2:$C$346,2,0))^2+(VLOOKUP($A328,városok!$A$2:$C$346,3,0)-VLOOKUP(AZ$1,városok!$A$2:$C$346,3,0))^2)/1000,0)</f>
        <v>97</v>
      </c>
      <c r="BA328">
        <f ca="1">ROUND(SQRT((VLOOKUP($A328,városok!$A$2:$C$346,2,0)-VLOOKUP(BA$1,városok!$A$2:$C$346,2,0))^2+(VLOOKUP($A328,városok!$A$2:$C$346,3,0)-VLOOKUP(BA$1,városok!$A$2:$C$346,3,0))^2)/1000,0)</f>
        <v>50</v>
      </c>
      <c r="BB328">
        <f ca="1">ROUND(SQRT((VLOOKUP($A328,városok!$A$2:$C$346,2,0)-VLOOKUP(BB$1,városok!$A$2:$C$346,2,0))^2+(VLOOKUP($A328,városok!$A$2:$C$346,3,0)-VLOOKUP(BB$1,városok!$A$2:$C$346,3,0))^2)/1000,0)</f>
        <v>66</v>
      </c>
      <c r="BC328">
        <f ca="1">ROUND(SQRT((VLOOKUP($A328,városok!$A$2:$C$346,2,0)-VLOOKUP(BC$1,városok!$A$2:$C$346,2,0))^2+(VLOOKUP($A328,városok!$A$2:$C$346,3,0)-VLOOKUP(BC$1,városok!$A$2:$C$346,3,0))^2)/1000,0)</f>
        <v>89</v>
      </c>
      <c r="BD328">
        <f ca="1">ROUND(SQRT((VLOOKUP($A328,városok!$A$2:$C$346,2,0)-VLOOKUP(BD$1,városok!$A$2:$C$346,2,0))^2+(VLOOKUP($A328,városok!$A$2:$C$346,3,0)-VLOOKUP(BD$1,városok!$A$2:$C$346,3,0))^2)/1000,0)</f>
        <v>24</v>
      </c>
      <c r="BE328">
        <f ca="1">ROUND(SQRT((VLOOKUP($A328,városok!$A$2:$C$346,2,0)-VLOOKUP(BE$1,városok!$A$2:$C$346,2,0))^2+(VLOOKUP($A328,városok!$A$2:$C$346,3,0)-VLOOKUP(BE$1,városok!$A$2:$C$346,3,0))^2)/1000,0)</f>
        <v>351</v>
      </c>
      <c r="BF328">
        <f ca="1">ROUND(SQRT((VLOOKUP($A328,városok!$A$2:$C$346,2,0)-VLOOKUP(BF$1,városok!$A$2:$C$346,2,0))^2+(VLOOKUP($A328,városok!$A$2:$C$346,3,0)-VLOOKUP(BF$1,városok!$A$2:$C$346,3,0))^2)/1000,0)</f>
        <v>320</v>
      </c>
      <c r="BG328">
        <f ca="1">ROUND(SQRT((VLOOKUP($A328,városok!$A$2:$C$346,2,0)-VLOOKUP(BG$1,városok!$A$2:$C$346,2,0))^2+(VLOOKUP($A328,városok!$A$2:$C$346,3,0)-VLOOKUP(BG$1,városok!$A$2:$C$346,3,0))^2)/1000,0)</f>
        <v>274</v>
      </c>
      <c r="BH328">
        <f ca="1">ROUND(SQRT((VLOOKUP($A328,városok!$A$2:$C$346,2,0)-VLOOKUP(BH$1,városok!$A$2:$C$346,2,0))^2+(VLOOKUP($A328,városok!$A$2:$C$346,3,0)-VLOOKUP(BH$1,városok!$A$2:$C$346,3,0))^2)/1000,0)</f>
        <v>274</v>
      </c>
      <c r="BI328">
        <f ca="1">ROUND(SQRT((VLOOKUP($A328,városok!$A$2:$C$346,2,0)-VLOOKUP(BI$1,városok!$A$2:$C$346,2,0))^2+(VLOOKUP($A328,városok!$A$2:$C$346,3,0)-VLOOKUP(BI$1,városok!$A$2:$C$346,3,0))^2)/1000,0)</f>
        <v>88</v>
      </c>
      <c r="BJ328">
        <f ca="1">ROUND(SQRT((VLOOKUP($A328,városok!$A$2:$C$346,2,0)-VLOOKUP(BJ$1,városok!$A$2:$C$346,2,0))^2+(VLOOKUP($A328,városok!$A$2:$C$346,3,0)-VLOOKUP(BJ$1,városok!$A$2:$C$346,3,0))^2)/1000,0)</f>
        <v>96</v>
      </c>
      <c r="BK328">
        <f ca="1">ROUND(SQRT((VLOOKUP($A328,városok!$A$2:$C$346,2,0)-VLOOKUP(BK$1,városok!$A$2:$C$346,2,0))^2+(VLOOKUP($A328,városok!$A$2:$C$346,3,0)-VLOOKUP(BK$1,városok!$A$2:$C$346,3,0))^2)/1000,0)</f>
        <v>96</v>
      </c>
      <c r="BL328">
        <f ca="1">ROUND(SQRT((VLOOKUP($A328,városok!$A$2:$C$346,2,0)-VLOOKUP(BL$1,városok!$A$2:$C$346,2,0))^2+(VLOOKUP($A328,városok!$A$2:$C$346,3,0)-VLOOKUP(BL$1,városok!$A$2:$C$346,3,0))^2)/1000,0)</f>
        <v>117</v>
      </c>
      <c r="BM328">
        <f ca="1">ROUND(SQRT((VLOOKUP($A328,városok!$A$2:$C$346,2,0)-VLOOKUP(BM$1,városok!$A$2:$C$346,2,0))^2+(VLOOKUP($A328,városok!$A$2:$C$346,3,0)-VLOOKUP(BM$1,városok!$A$2:$C$346,3,0))^2)/1000,0)</f>
        <v>92</v>
      </c>
      <c r="BN328">
        <f ca="1">ROUND(SQRT((VLOOKUP($A328,városok!$A$2:$C$346,2,0)-VLOOKUP(BN$1,városok!$A$2:$C$346,2,0))^2+(VLOOKUP($A328,városok!$A$2:$C$346,3,0)-VLOOKUP(BN$1,városok!$A$2:$C$346,3,0))^2)/1000,0)</f>
        <v>115</v>
      </c>
      <c r="BO328">
        <f ca="1">ROUND(SQRT((VLOOKUP($A328,városok!$A$2:$C$346,2,0)-VLOOKUP(BO$1,városok!$A$2:$C$346,2,0))^2+(VLOOKUP($A328,városok!$A$2:$C$346,3,0)-VLOOKUP(BO$1,városok!$A$2:$C$346,3,0))^2)/1000,0)</f>
        <v>14</v>
      </c>
      <c r="BP328">
        <f ca="1">ROUND(SQRT((VLOOKUP($A328,városok!$A$2:$C$346,2,0)-VLOOKUP(BP$1,városok!$A$2:$C$346,2,0))^2+(VLOOKUP($A328,városok!$A$2:$C$346,3,0)-VLOOKUP(BP$1,városok!$A$2:$C$346,3,0))^2)/1000,0)</f>
        <v>9</v>
      </c>
      <c r="BQ328">
        <f ca="1">ROUND(SQRT((VLOOKUP($A328,városok!$A$2:$C$346,2,0)-VLOOKUP(BQ$1,városok!$A$2:$C$346,2,0))^2+(VLOOKUP($A328,városok!$A$2:$C$346,3,0)-VLOOKUP(BQ$1,városok!$A$2:$C$346,3,0))^2)/1000,0)</f>
        <v>17</v>
      </c>
      <c r="BR328">
        <f ca="1">ROUND(SQRT((VLOOKUP($A328,városok!$A$2:$C$346,2,0)-VLOOKUP(BR$1,városok!$A$2:$C$346,2,0))^2+(VLOOKUP($A328,városok!$A$2:$C$346,3,0)-VLOOKUP(BR$1,városok!$A$2:$C$346,3,0))^2)/1000,0)</f>
        <v>78</v>
      </c>
      <c r="BS328">
        <f ca="1">ROUND(SQRT((VLOOKUP($A328,városok!$A$2:$C$346,2,0)-VLOOKUP(BS$1,városok!$A$2:$C$346,2,0))^2+(VLOOKUP($A328,városok!$A$2:$C$346,3,0)-VLOOKUP(BS$1,városok!$A$2:$C$346,3,0))^2)/1000,0)</f>
        <v>115</v>
      </c>
      <c r="BT328">
        <f ca="1">ROUND(SQRT((VLOOKUP($A328,városok!$A$2:$C$346,2,0)-VLOOKUP(BT$1,városok!$A$2:$C$346,2,0))^2+(VLOOKUP($A328,városok!$A$2:$C$346,3,0)-VLOOKUP(BT$1,városok!$A$2:$C$346,3,0))^2)/1000,0)</f>
        <v>104</v>
      </c>
    </row>
    <row r="329" spans="1:72" x14ac:dyDescent="0.2">
      <c r="A329" t="str">
        <f>városok!A329</f>
        <v>Devecser</v>
      </c>
      <c r="B329">
        <f ca="1">ROUND(SQRT((VLOOKUP($A329,városok!$A$2:$C$346,2,0)-VLOOKUP(B$1,városok!$A$2:$C$346,2,0))^2+(VLOOKUP($A329,városok!$A$2:$C$346,3,0)-VLOOKUP(B$1,városok!$A$2:$C$346,3,0))^2)/1000,0)</f>
        <v>155</v>
      </c>
      <c r="C329">
        <f ca="1">ROUND(SQRT((VLOOKUP($A329,városok!$A$2:$C$346,2,0)-VLOOKUP(C$1,városok!$A$2:$C$346,2,0))^2+(VLOOKUP($A329,városok!$A$2:$C$346,3,0)-VLOOKUP(C$1,városok!$A$2:$C$346,3,0))^2)/1000,0)</f>
        <v>134</v>
      </c>
      <c r="D329">
        <f ca="1">ROUND(SQRT((VLOOKUP($A329,városok!$A$2:$C$346,2,0)-VLOOKUP(D$1,városok!$A$2:$C$346,2,0))^2+(VLOOKUP($A329,városok!$A$2:$C$346,3,0)-VLOOKUP(D$1,városok!$A$2:$C$346,3,0))^2)/1000,0)</f>
        <v>173</v>
      </c>
      <c r="E329">
        <f ca="1">ROUND(SQRT((VLOOKUP($A329,városok!$A$2:$C$346,2,0)-VLOOKUP(E$1,városok!$A$2:$C$346,2,0))^2+(VLOOKUP($A329,városok!$A$2:$C$346,3,0)-VLOOKUP(E$1,városok!$A$2:$C$346,3,0))^2)/1000,0)</f>
        <v>120</v>
      </c>
      <c r="F329">
        <f ca="1">ROUND(SQRT((VLOOKUP($A329,városok!$A$2:$C$346,2,0)-VLOOKUP(F$1,városok!$A$2:$C$346,2,0))^2+(VLOOKUP($A329,városok!$A$2:$C$346,3,0)-VLOOKUP(F$1,városok!$A$2:$C$346,3,0))^2)/1000,0)</f>
        <v>157</v>
      </c>
      <c r="G329">
        <f ca="1">ROUND(SQRT((VLOOKUP($A329,városok!$A$2:$C$346,2,0)-VLOOKUP(G$1,városok!$A$2:$C$346,2,0))^2+(VLOOKUP($A329,városok!$A$2:$C$346,3,0)-VLOOKUP(G$1,városok!$A$2:$C$346,3,0))^2)/1000,0)</f>
        <v>130</v>
      </c>
      <c r="H329">
        <f ca="1">ROUND(SQRT((VLOOKUP($A329,városok!$A$2:$C$346,2,0)-VLOOKUP(H$1,városok!$A$2:$C$346,2,0))^2+(VLOOKUP($A329,városok!$A$2:$C$346,3,0)-VLOOKUP(H$1,városok!$A$2:$C$346,3,0))^2)/1000,0)</f>
        <v>121</v>
      </c>
      <c r="I329">
        <f ca="1">ROUND(SQRT((VLOOKUP($A329,városok!$A$2:$C$346,2,0)-VLOOKUP(I$1,városok!$A$2:$C$346,2,0))^2+(VLOOKUP($A329,városok!$A$2:$C$346,3,0)-VLOOKUP(I$1,városok!$A$2:$C$346,3,0))^2)/1000,0)</f>
        <v>282</v>
      </c>
      <c r="J329">
        <f ca="1">ROUND(SQRT((VLOOKUP($A329,városok!$A$2:$C$346,2,0)-VLOOKUP(J$1,városok!$A$2:$C$346,2,0))^2+(VLOOKUP($A329,városok!$A$2:$C$346,3,0)-VLOOKUP(J$1,városok!$A$2:$C$346,3,0))^2)/1000,0)</f>
        <v>297</v>
      </c>
      <c r="K329">
        <f ca="1">ROUND(SQRT((VLOOKUP($A329,városok!$A$2:$C$346,2,0)-VLOOKUP(K$1,városok!$A$2:$C$346,2,0))^2+(VLOOKUP($A329,városok!$A$2:$C$346,3,0)-VLOOKUP(K$1,városok!$A$2:$C$346,3,0))^2)/1000,0)</f>
        <v>254</v>
      </c>
      <c r="L329">
        <f ca="1">ROUND(SQRT((VLOOKUP($A329,városok!$A$2:$C$346,2,0)-VLOOKUP(L$1,városok!$A$2:$C$346,2,0))^2+(VLOOKUP($A329,városok!$A$2:$C$346,3,0)-VLOOKUP(L$1,városok!$A$2:$C$346,3,0))^2)/1000,0)</f>
        <v>272</v>
      </c>
      <c r="M329">
        <f ca="1">ROUND(SQRT((VLOOKUP($A329,városok!$A$2:$C$346,2,0)-VLOOKUP(M$1,városok!$A$2:$C$346,2,0))^2+(VLOOKUP($A329,városok!$A$2:$C$346,3,0)-VLOOKUP(M$1,városok!$A$2:$C$346,3,0))^2)/1000,0)</f>
        <v>276</v>
      </c>
      <c r="N329">
        <f ca="1">ROUND(SQRT((VLOOKUP($A329,városok!$A$2:$C$346,2,0)-VLOOKUP(N$1,városok!$A$2:$C$346,2,0))^2+(VLOOKUP($A329,városok!$A$2:$C$346,3,0)-VLOOKUP(N$1,városok!$A$2:$C$346,3,0))^2)/1000,0)</f>
        <v>248</v>
      </c>
      <c r="O329">
        <f ca="1">ROUND(SQRT((VLOOKUP($A329,városok!$A$2:$C$346,2,0)-VLOOKUP(O$1,városok!$A$2:$C$346,2,0))^2+(VLOOKUP($A329,városok!$A$2:$C$346,3,0)-VLOOKUP(O$1,városok!$A$2:$C$346,3,0))^2)/1000,0)</f>
        <v>347</v>
      </c>
      <c r="P329">
        <f ca="1">ROUND(SQRT((VLOOKUP($A329,városok!$A$2:$C$346,2,0)-VLOOKUP(P$1,városok!$A$2:$C$346,2,0))^2+(VLOOKUP($A329,városok!$A$2:$C$346,3,0)-VLOOKUP(P$1,városok!$A$2:$C$346,3,0))^2)/1000,0)</f>
        <v>347</v>
      </c>
      <c r="Q329">
        <f ca="1">ROUND(SQRT((VLOOKUP($A329,városok!$A$2:$C$346,2,0)-VLOOKUP(Q$1,városok!$A$2:$C$346,2,0))^2+(VLOOKUP($A329,városok!$A$2:$C$346,3,0)-VLOOKUP(Q$1,városok!$A$2:$C$346,3,0))^2)/1000,0)</f>
        <v>233</v>
      </c>
      <c r="R329">
        <f ca="1">ROUND(SQRT((VLOOKUP($A329,városok!$A$2:$C$346,2,0)-VLOOKUP(R$1,városok!$A$2:$C$346,2,0))^2+(VLOOKUP($A329,városok!$A$2:$C$346,3,0)-VLOOKUP(R$1,városok!$A$2:$C$346,3,0))^2)/1000,0)</f>
        <v>253</v>
      </c>
      <c r="S329">
        <f ca="1">ROUND(SQRT((VLOOKUP($A329,városok!$A$2:$C$346,2,0)-VLOOKUP(S$1,városok!$A$2:$C$346,2,0))^2+(VLOOKUP($A329,városok!$A$2:$C$346,3,0)-VLOOKUP(S$1,városok!$A$2:$C$346,3,0))^2)/1000,0)</f>
        <v>229</v>
      </c>
      <c r="T329">
        <f ca="1">ROUND(SQRT((VLOOKUP($A329,városok!$A$2:$C$346,2,0)-VLOOKUP(T$1,városok!$A$2:$C$346,2,0))^2+(VLOOKUP($A329,városok!$A$2:$C$346,3,0)-VLOOKUP(T$1,városok!$A$2:$C$346,3,0))^2)/1000,0)</f>
        <v>100</v>
      </c>
      <c r="U329">
        <f ca="1">ROUND(SQRT((VLOOKUP($A329,városok!$A$2:$C$346,2,0)-VLOOKUP(U$1,városok!$A$2:$C$346,2,0))^2+(VLOOKUP($A329,városok!$A$2:$C$346,3,0)-VLOOKUP(U$1,városok!$A$2:$C$346,3,0))^2)/1000,0)</f>
        <v>115</v>
      </c>
      <c r="V329">
        <f ca="1">ROUND(SQRT((VLOOKUP($A329,városok!$A$2:$C$346,2,0)-VLOOKUP(V$1,városok!$A$2:$C$346,2,0))^2+(VLOOKUP($A329,városok!$A$2:$C$346,3,0)-VLOOKUP(V$1,városok!$A$2:$C$346,3,0))^2)/1000,0)</f>
        <v>66</v>
      </c>
      <c r="W329">
        <f ca="1">ROUND(SQRT((VLOOKUP($A329,városok!$A$2:$C$346,2,0)-VLOOKUP(W$1,városok!$A$2:$C$346,2,0))^2+(VLOOKUP($A329,városok!$A$2:$C$346,3,0)-VLOOKUP(W$1,városok!$A$2:$C$346,3,0))^2)/1000,0)</f>
        <v>93</v>
      </c>
      <c r="X329">
        <f ca="1">ROUND(SQRT((VLOOKUP($A329,városok!$A$2:$C$346,2,0)-VLOOKUP(X$1,városok!$A$2:$C$346,2,0))^2+(VLOOKUP($A329,városok!$A$2:$C$346,3,0)-VLOOKUP(X$1,városok!$A$2:$C$346,3,0))^2)/1000,0)</f>
        <v>70</v>
      </c>
      <c r="Y329">
        <f ca="1">ROUND(SQRT((VLOOKUP($A329,városok!$A$2:$C$346,2,0)-VLOOKUP(Y$1,városok!$A$2:$C$346,2,0))^2+(VLOOKUP($A329,városok!$A$2:$C$346,3,0)-VLOOKUP(Y$1,városok!$A$2:$C$346,3,0))^2)/1000,0)</f>
        <v>66</v>
      </c>
      <c r="Z329">
        <f ca="1">ROUND(SQRT((VLOOKUP($A329,városok!$A$2:$C$346,2,0)-VLOOKUP(Z$1,városok!$A$2:$C$346,2,0))^2+(VLOOKUP($A329,városok!$A$2:$C$346,3,0)-VLOOKUP(Z$1,városok!$A$2:$C$346,3,0))^2)/1000,0)</f>
        <v>70</v>
      </c>
      <c r="AA329">
        <f ca="1">ROUND(SQRT((VLOOKUP($A329,városok!$A$2:$C$346,2,0)-VLOOKUP(AA$1,városok!$A$2:$C$346,2,0))^2+(VLOOKUP($A329,városok!$A$2:$C$346,3,0)-VLOOKUP(AA$1,városok!$A$2:$C$346,3,0))^2)/1000,0)</f>
        <v>91</v>
      </c>
      <c r="AB329">
        <f ca="1">ROUND(SQRT((VLOOKUP($A329,városok!$A$2:$C$346,2,0)-VLOOKUP(AB$1,városok!$A$2:$C$346,2,0))^2+(VLOOKUP($A329,városok!$A$2:$C$346,3,0)-VLOOKUP(AB$1,városok!$A$2:$C$346,3,0))^2)/1000,0)</f>
        <v>320</v>
      </c>
      <c r="AC329">
        <f ca="1">ROUND(SQRT((VLOOKUP($A329,városok!$A$2:$C$346,2,0)-VLOOKUP(AC$1,városok!$A$2:$C$346,2,0))^2+(VLOOKUP($A329,városok!$A$2:$C$346,3,0)-VLOOKUP(AC$1,városok!$A$2:$C$346,3,0))^2)/1000,0)</f>
        <v>302</v>
      </c>
      <c r="AD329">
        <f ca="1">ROUND(SQRT((VLOOKUP($A329,városok!$A$2:$C$346,2,0)-VLOOKUP(AD$1,városok!$A$2:$C$346,2,0))^2+(VLOOKUP($A329,városok!$A$2:$C$346,3,0)-VLOOKUP(AD$1,városok!$A$2:$C$346,3,0))^2)/1000,0)</f>
        <v>284</v>
      </c>
      <c r="AE329">
        <f ca="1">ROUND(SQRT((VLOOKUP($A329,városok!$A$2:$C$346,2,0)-VLOOKUP(AE$1,városok!$A$2:$C$346,2,0))^2+(VLOOKUP($A329,városok!$A$2:$C$346,3,0)-VLOOKUP(AE$1,városok!$A$2:$C$346,3,0))^2)/1000,0)</f>
        <v>283</v>
      </c>
      <c r="AF329">
        <f ca="1">ROUND(SQRT((VLOOKUP($A329,városok!$A$2:$C$346,2,0)-VLOOKUP(AF$1,városok!$A$2:$C$346,2,0))^2+(VLOOKUP($A329,városok!$A$2:$C$346,3,0)-VLOOKUP(AF$1,városok!$A$2:$C$346,3,0))^2)/1000,0)</f>
        <v>238</v>
      </c>
      <c r="AG329">
        <f ca="1">ROUND(SQRT((VLOOKUP($A329,városok!$A$2:$C$346,2,0)-VLOOKUP(AG$1,városok!$A$2:$C$346,2,0))^2+(VLOOKUP($A329,városok!$A$2:$C$346,3,0)-VLOOKUP(AG$1,városok!$A$2:$C$346,3,0))^2)/1000,0)</f>
        <v>202</v>
      </c>
      <c r="AH329">
        <f ca="1">ROUND(SQRT((VLOOKUP($A329,városok!$A$2:$C$346,2,0)-VLOOKUP(AH$1,városok!$A$2:$C$346,2,0))^2+(VLOOKUP($A329,városok!$A$2:$C$346,3,0)-VLOOKUP(AH$1,városok!$A$2:$C$346,3,0))^2)/1000,0)</f>
        <v>180</v>
      </c>
      <c r="AI329">
        <f ca="1">ROUND(SQRT((VLOOKUP($A329,városok!$A$2:$C$346,2,0)-VLOOKUP(AI$1,városok!$A$2:$C$346,2,0))^2+(VLOOKUP($A329,városok!$A$2:$C$346,3,0)-VLOOKUP(AI$1,városok!$A$2:$C$346,3,0))^2)/1000,0)</f>
        <v>224</v>
      </c>
      <c r="AJ329">
        <f ca="1">ROUND(SQRT((VLOOKUP($A329,városok!$A$2:$C$346,2,0)-VLOOKUP(AJ$1,városok!$A$2:$C$346,2,0))^2+(VLOOKUP($A329,városok!$A$2:$C$346,3,0)-VLOOKUP(AJ$1,városok!$A$2:$C$346,3,0))^2)/1000,0)</f>
        <v>201</v>
      </c>
      <c r="AK329">
        <f ca="1">ROUND(SQRT((VLOOKUP($A329,városok!$A$2:$C$346,2,0)-VLOOKUP(AK$1,városok!$A$2:$C$346,2,0))^2+(VLOOKUP($A329,városok!$A$2:$C$346,3,0)-VLOOKUP(AK$1,városok!$A$2:$C$346,3,0))^2)/1000,0)</f>
        <v>269</v>
      </c>
      <c r="AL329">
        <f ca="1">ROUND(SQRT((VLOOKUP($A329,városok!$A$2:$C$346,2,0)-VLOOKUP(AL$1,városok!$A$2:$C$346,2,0))^2+(VLOOKUP($A329,városok!$A$2:$C$346,3,0)-VLOOKUP(AL$1,városok!$A$2:$C$346,3,0))^2)/1000,0)</f>
        <v>243</v>
      </c>
      <c r="AM329">
        <f ca="1">ROUND(SQRT((VLOOKUP($A329,városok!$A$2:$C$346,2,0)-VLOOKUP(AM$1,városok!$A$2:$C$346,2,0))^2+(VLOOKUP($A329,városok!$A$2:$C$346,3,0)-VLOOKUP(AM$1,városok!$A$2:$C$346,3,0))^2)/1000,0)</f>
        <v>208</v>
      </c>
      <c r="AN329">
        <f ca="1">ROUND(SQRT((VLOOKUP($A329,városok!$A$2:$C$346,2,0)-VLOOKUP(AN$1,városok!$A$2:$C$346,2,0))^2+(VLOOKUP($A329,városok!$A$2:$C$346,3,0)-VLOOKUP(AN$1,városok!$A$2:$C$346,3,0))^2)/1000,0)</f>
        <v>124</v>
      </c>
      <c r="AO329">
        <f ca="1">ROUND(SQRT((VLOOKUP($A329,városok!$A$2:$C$346,2,0)-VLOOKUP(AO$1,városok!$A$2:$C$346,2,0))^2+(VLOOKUP($A329,városok!$A$2:$C$346,3,0)-VLOOKUP(AO$1,városok!$A$2:$C$346,3,0))^2)/1000,0)</f>
        <v>87</v>
      </c>
      <c r="AP329">
        <f ca="1">ROUND(SQRT((VLOOKUP($A329,városok!$A$2:$C$346,2,0)-VLOOKUP(AP$1,városok!$A$2:$C$346,2,0))^2+(VLOOKUP($A329,városok!$A$2:$C$346,3,0)-VLOOKUP(AP$1,városok!$A$2:$C$346,3,0))^2)/1000,0)</f>
        <v>90</v>
      </c>
      <c r="AQ329">
        <f ca="1">ROUND(SQRT((VLOOKUP($A329,városok!$A$2:$C$346,2,0)-VLOOKUP(AQ$1,városok!$A$2:$C$346,2,0))^2+(VLOOKUP($A329,városok!$A$2:$C$346,3,0)-VLOOKUP(AQ$1,városok!$A$2:$C$346,3,0))^2)/1000,0)</f>
        <v>89</v>
      </c>
      <c r="AR329">
        <f ca="1">ROUND(SQRT((VLOOKUP($A329,városok!$A$2:$C$346,2,0)-VLOOKUP(AR$1,városok!$A$2:$C$346,2,0))^2+(VLOOKUP($A329,városok!$A$2:$C$346,3,0)-VLOOKUP(AR$1,városok!$A$2:$C$346,3,0))^2)/1000,0)</f>
        <v>193</v>
      </c>
      <c r="AS329">
        <f ca="1">ROUND(SQRT((VLOOKUP($A329,városok!$A$2:$C$346,2,0)-VLOOKUP(AS$1,városok!$A$2:$C$346,2,0))^2+(VLOOKUP($A329,városok!$A$2:$C$346,3,0)-VLOOKUP(AS$1,városok!$A$2:$C$346,3,0))^2)/1000,0)</f>
        <v>211</v>
      </c>
      <c r="AT329">
        <f ca="1">ROUND(SQRT((VLOOKUP($A329,városok!$A$2:$C$346,2,0)-VLOOKUP(AT$1,városok!$A$2:$C$346,2,0))^2+(VLOOKUP($A329,városok!$A$2:$C$346,3,0)-VLOOKUP(AT$1,városok!$A$2:$C$346,3,0))^2)/1000,0)</f>
        <v>112</v>
      </c>
      <c r="AU329">
        <f ca="1">ROUND(SQRT((VLOOKUP($A329,városok!$A$2:$C$346,2,0)-VLOOKUP(AU$1,városok!$A$2:$C$346,2,0))^2+(VLOOKUP($A329,városok!$A$2:$C$346,3,0)-VLOOKUP(AU$1,városok!$A$2:$C$346,3,0))^2)/1000,0)</f>
        <v>122</v>
      </c>
      <c r="AV329">
        <f ca="1">ROUND(SQRT((VLOOKUP($A329,városok!$A$2:$C$346,2,0)-VLOOKUP(AV$1,városok!$A$2:$C$346,2,0))^2+(VLOOKUP($A329,városok!$A$2:$C$346,3,0)-VLOOKUP(AV$1,városok!$A$2:$C$346,3,0))^2)/1000,0)</f>
        <v>119</v>
      </c>
      <c r="AW329">
        <f ca="1">ROUND(SQRT((VLOOKUP($A329,városok!$A$2:$C$346,2,0)-VLOOKUP(AW$1,városok!$A$2:$C$346,2,0))^2+(VLOOKUP($A329,városok!$A$2:$C$346,3,0)-VLOOKUP(AW$1,városok!$A$2:$C$346,3,0))^2)/1000,0)</f>
        <v>116</v>
      </c>
      <c r="AX329">
        <f ca="1">ROUND(SQRT((VLOOKUP($A329,városok!$A$2:$C$346,2,0)-VLOOKUP(AX$1,városok!$A$2:$C$346,2,0))^2+(VLOOKUP($A329,városok!$A$2:$C$346,3,0)-VLOOKUP(AX$1,városok!$A$2:$C$346,3,0))^2)/1000,0)</f>
        <v>178</v>
      </c>
      <c r="AY329">
        <f ca="1">ROUND(SQRT((VLOOKUP($A329,városok!$A$2:$C$346,2,0)-VLOOKUP(AY$1,városok!$A$2:$C$346,2,0))^2+(VLOOKUP($A329,városok!$A$2:$C$346,3,0)-VLOOKUP(AY$1,városok!$A$2:$C$346,3,0))^2)/1000,0)</f>
        <v>138</v>
      </c>
      <c r="AZ329">
        <f ca="1">ROUND(SQRT((VLOOKUP($A329,városok!$A$2:$C$346,2,0)-VLOOKUP(AZ$1,városok!$A$2:$C$346,2,0))^2+(VLOOKUP($A329,városok!$A$2:$C$346,3,0)-VLOOKUP(AZ$1,városok!$A$2:$C$346,3,0))^2)/1000,0)</f>
        <v>138</v>
      </c>
      <c r="BA329">
        <f ca="1">ROUND(SQRT((VLOOKUP($A329,városok!$A$2:$C$346,2,0)-VLOOKUP(BA$1,városok!$A$2:$C$346,2,0))^2+(VLOOKUP($A329,városok!$A$2:$C$346,3,0)-VLOOKUP(BA$1,városok!$A$2:$C$346,3,0))^2)/1000,0)</f>
        <v>41</v>
      </c>
      <c r="BB329">
        <f ca="1">ROUND(SQRT((VLOOKUP($A329,városok!$A$2:$C$346,2,0)-VLOOKUP(BB$1,városok!$A$2:$C$346,2,0))^2+(VLOOKUP($A329,városok!$A$2:$C$346,3,0)-VLOOKUP(BB$1,városok!$A$2:$C$346,3,0))^2)/1000,0)</f>
        <v>74</v>
      </c>
      <c r="BC329">
        <f ca="1">ROUND(SQRT((VLOOKUP($A329,városok!$A$2:$C$346,2,0)-VLOOKUP(BC$1,városok!$A$2:$C$346,2,0))^2+(VLOOKUP($A329,városok!$A$2:$C$346,3,0)-VLOOKUP(BC$1,városok!$A$2:$C$346,3,0))^2)/1000,0)</f>
        <v>88</v>
      </c>
      <c r="BD329">
        <f ca="1">ROUND(SQRT((VLOOKUP($A329,városok!$A$2:$C$346,2,0)-VLOOKUP(BD$1,városok!$A$2:$C$346,2,0))^2+(VLOOKUP($A329,városok!$A$2:$C$346,3,0)-VLOOKUP(BD$1,városok!$A$2:$C$346,3,0))^2)/1000,0)</f>
        <v>52</v>
      </c>
      <c r="BE329">
        <f ca="1">ROUND(SQRT((VLOOKUP($A329,városok!$A$2:$C$346,2,0)-VLOOKUP(BE$1,városok!$A$2:$C$346,2,0))^2+(VLOOKUP($A329,városok!$A$2:$C$346,3,0)-VLOOKUP(BE$1,városok!$A$2:$C$346,3,0))^2)/1000,0)</f>
        <v>403</v>
      </c>
      <c r="BF329">
        <f ca="1">ROUND(SQRT((VLOOKUP($A329,városok!$A$2:$C$346,2,0)-VLOOKUP(BF$1,városok!$A$2:$C$346,2,0))^2+(VLOOKUP($A329,városok!$A$2:$C$346,3,0)-VLOOKUP(BF$1,városok!$A$2:$C$346,3,0))^2)/1000,0)</f>
        <v>370</v>
      </c>
      <c r="BG329">
        <f ca="1">ROUND(SQRT((VLOOKUP($A329,városok!$A$2:$C$346,2,0)-VLOOKUP(BG$1,városok!$A$2:$C$346,2,0))^2+(VLOOKUP($A329,városok!$A$2:$C$346,3,0)-VLOOKUP(BG$1,városok!$A$2:$C$346,3,0))^2)/1000,0)</f>
        <v>323</v>
      </c>
      <c r="BH329">
        <f ca="1">ROUND(SQRT((VLOOKUP($A329,városok!$A$2:$C$346,2,0)-VLOOKUP(BH$1,városok!$A$2:$C$346,2,0))^2+(VLOOKUP($A329,városok!$A$2:$C$346,3,0)-VLOOKUP(BH$1,városok!$A$2:$C$346,3,0))^2)/1000,0)</f>
        <v>323</v>
      </c>
      <c r="BI329">
        <f ca="1">ROUND(SQRT((VLOOKUP($A329,városok!$A$2:$C$346,2,0)-VLOOKUP(BI$1,városok!$A$2:$C$346,2,0))^2+(VLOOKUP($A329,városok!$A$2:$C$346,3,0)-VLOOKUP(BI$1,városok!$A$2:$C$346,3,0))^2)/1000,0)</f>
        <v>120</v>
      </c>
      <c r="BJ329">
        <f ca="1">ROUND(SQRT((VLOOKUP($A329,városok!$A$2:$C$346,2,0)-VLOOKUP(BJ$1,városok!$A$2:$C$346,2,0))^2+(VLOOKUP($A329,városok!$A$2:$C$346,3,0)-VLOOKUP(BJ$1,városok!$A$2:$C$346,3,0))^2)/1000,0)</f>
        <v>120</v>
      </c>
      <c r="BK329">
        <f ca="1">ROUND(SQRT((VLOOKUP($A329,városok!$A$2:$C$346,2,0)-VLOOKUP(BK$1,városok!$A$2:$C$346,2,0))^2+(VLOOKUP($A329,városok!$A$2:$C$346,3,0)-VLOOKUP(BK$1,városok!$A$2:$C$346,3,0))^2)/1000,0)</f>
        <v>128</v>
      </c>
      <c r="BL329">
        <f ca="1">ROUND(SQRT((VLOOKUP($A329,városok!$A$2:$C$346,2,0)-VLOOKUP(BL$1,városok!$A$2:$C$346,2,0))^2+(VLOOKUP($A329,városok!$A$2:$C$346,3,0)-VLOOKUP(BL$1,városok!$A$2:$C$346,3,0))^2)/1000,0)</f>
        <v>64</v>
      </c>
      <c r="BM329">
        <f ca="1">ROUND(SQRT((VLOOKUP($A329,városok!$A$2:$C$346,2,0)-VLOOKUP(BM$1,városok!$A$2:$C$346,2,0))^2+(VLOOKUP($A329,városok!$A$2:$C$346,3,0)-VLOOKUP(BM$1,városok!$A$2:$C$346,3,0))^2)/1000,0)</f>
        <v>42</v>
      </c>
      <c r="BN329">
        <f ca="1">ROUND(SQRT((VLOOKUP($A329,városok!$A$2:$C$346,2,0)-VLOOKUP(BN$1,városok!$A$2:$C$346,2,0))^2+(VLOOKUP($A329,városok!$A$2:$C$346,3,0)-VLOOKUP(BN$1,városok!$A$2:$C$346,3,0))^2)/1000,0)</f>
        <v>63</v>
      </c>
      <c r="BO329">
        <f ca="1">ROUND(SQRT((VLOOKUP($A329,városok!$A$2:$C$346,2,0)-VLOOKUP(BO$1,városok!$A$2:$C$346,2,0))^2+(VLOOKUP($A329,városok!$A$2:$C$346,3,0)-VLOOKUP(BO$1,városok!$A$2:$C$346,3,0))^2)/1000,0)</f>
        <v>44</v>
      </c>
      <c r="BP329">
        <f ca="1">ROUND(SQRT((VLOOKUP($A329,városok!$A$2:$C$346,2,0)-VLOOKUP(BP$1,városok!$A$2:$C$346,2,0))^2+(VLOOKUP($A329,városok!$A$2:$C$346,3,0)-VLOOKUP(BP$1,városok!$A$2:$C$346,3,0))^2)/1000,0)</f>
        <v>52</v>
      </c>
      <c r="BQ329">
        <f ca="1">ROUND(SQRT((VLOOKUP($A329,városok!$A$2:$C$346,2,0)-VLOOKUP(BQ$1,városok!$A$2:$C$346,2,0))^2+(VLOOKUP($A329,városok!$A$2:$C$346,3,0)-VLOOKUP(BQ$1,városok!$A$2:$C$346,3,0))^2)/1000,0)</f>
        <v>36</v>
      </c>
      <c r="BR329">
        <f ca="1">ROUND(SQRT((VLOOKUP($A329,városok!$A$2:$C$346,2,0)-VLOOKUP(BR$1,városok!$A$2:$C$346,2,0))^2+(VLOOKUP($A329,városok!$A$2:$C$346,3,0)-VLOOKUP(BR$1,városok!$A$2:$C$346,3,0))^2)/1000,0)</f>
        <v>40</v>
      </c>
      <c r="BS329">
        <f ca="1">ROUND(SQRT((VLOOKUP($A329,városok!$A$2:$C$346,2,0)-VLOOKUP(BS$1,városok!$A$2:$C$346,2,0))^2+(VLOOKUP($A329,városok!$A$2:$C$346,3,0)-VLOOKUP(BS$1,városok!$A$2:$C$346,3,0))^2)/1000,0)</f>
        <v>81</v>
      </c>
      <c r="BT329">
        <f ca="1">ROUND(SQRT((VLOOKUP($A329,városok!$A$2:$C$346,2,0)-VLOOKUP(BT$1,városok!$A$2:$C$346,2,0))^2+(VLOOKUP($A329,városok!$A$2:$C$346,3,0)-VLOOKUP(BT$1,városok!$A$2:$C$346,3,0))^2)/1000,0)</f>
        <v>55</v>
      </c>
    </row>
    <row r="330" spans="1:72" x14ac:dyDescent="0.2">
      <c r="A330" t="str">
        <f>városok!A330</f>
        <v>Herend</v>
      </c>
      <c r="B330">
        <f ca="1">ROUND(SQRT((VLOOKUP($A330,városok!$A$2:$C$346,2,0)-VLOOKUP(B$1,városok!$A$2:$C$346,2,0))^2+(VLOOKUP($A330,városok!$A$2:$C$346,3,0)-VLOOKUP(B$1,városok!$A$2:$C$346,3,0))^2)/1000,0)</f>
        <v>140</v>
      </c>
      <c r="C330">
        <f ca="1">ROUND(SQRT((VLOOKUP($A330,városok!$A$2:$C$346,2,0)-VLOOKUP(C$1,városok!$A$2:$C$346,2,0))^2+(VLOOKUP($A330,városok!$A$2:$C$346,3,0)-VLOOKUP(C$1,városok!$A$2:$C$346,3,0))^2)/1000,0)</f>
        <v>115</v>
      </c>
      <c r="D330">
        <f ca="1">ROUND(SQRT((VLOOKUP($A330,városok!$A$2:$C$346,2,0)-VLOOKUP(D$1,városok!$A$2:$C$346,2,0))^2+(VLOOKUP($A330,városok!$A$2:$C$346,3,0)-VLOOKUP(D$1,városok!$A$2:$C$346,3,0))^2)/1000,0)</f>
        <v>149</v>
      </c>
      <c r="E330">
        <f ca="1">ROUND(SQRT((VLOOKUP($A330,városok!$A$2:$C$346,2,0)-VLOOKUP(E$1,városok!$A$2:$C$346,2,0))^2+(VLOOKUP($A330,városok!$A$2:$C$346,3,0)-VLOOKUP(E$1,városok!$A$2:$C$346,3,0))^2)/1000,0)</f>
        <v>112</v>
      </c>
      <c r="F330">
        <f ca="1">ROUND(SQRT((VLOOKUP($A330,városok!$A$2:$C$346,2,0)-VLOOKUP(F$1,városok!$A$2:$C$346,2,0))^2+(VLOOKUP($A330,városok!$A$2:$C$346,3,0)-VLOOKUP(F$1,városok!$A$2:$C$346,3,0))^2)/1000,0)</f>
        <v>146</v>
      </c>
      <c r="G330">
        <f ca="1">ROUND(SQRT((VLOOKUP($A330,városok!$A$2:$C$346,2,0)-VLOOKUP(G$1,városok!$A$2:$C$346,2,0))^2+(VLOOKUP($A330,városok!$A$2:$C$346,3,0)-VLOOKUP(G$1,városok!$A$2:$C$346,3,0))^2)/1000,0)</f>
        <v>123</v>
      </c>
      <c r="H330">
        <f ca="1">ROUND(SQRT((VLOOKUP($A330,városok!$A$2:$C$346,2,0)-VLOOKUP(H$1,városok!$A$2:$C$346,2,0))^2+(VLOOKUP($A330,városok!$A$2:$C$346,3,0)-VLOOKUP(H$1,városok!$A$2:$C$346,3,0))^2)/1000,0)</f>
        <v>121</v>
      </c>
      <c r="I330">
        <f ca="1">ROUND(SQRT((VLOOKUP($A330,városok!$A$2:$C$346,2,0)-VLOOKUP(I$1,városok!$A$2:$C$346,2,0))^2+(VLOOKUP($A330,városok!$A$2:$C$346,3,0)-VLOOKUP(I$1,városok!$A$2:$C$346,3,0))^2)/1000,0)</f>
        <v>258</v>
      </c>
      <c r="J330">
        <f ca="1">ROUND(SQRT((VLOOKUP($A330,városok!$A$2:$C$346,2,0)-VLOOKUP(J$1,városok!$A$2:$C$346,2,0))^2+(VLOOKUP($A330,városok!$A$2:$C$346,3,0)-VLOOKUP(J$1,városok!$A$2:$C$346,3,0))^2)/1000,0)</f>
        <v>274</v>
      </c>
      <c r="K330">
        <f ca="1">ROUND(SQRT((VLOOKUP($A330,városok!$A$2:$C$346,2,0)-VLOOKUP(K$1,városok!$A$2:$C$346,2,0))^2+(VLOOKUP($A330,városok!$A$2:$C$346,3,0)-VLOOKUP(K$1,városok!$A$2:$C$346,3,0))^2)/1000,0)</f>
        <v>231</v>
      </c>
      <c r="L330">
        <f ca="1">ROUND(SQRT((VLOOKUP($A330,városok!$A$2:$C$346,2,0)-VLOOKUP(L$1,városok!$A$2:$C$346,2,0))^2+(VLOOKUP($A330,városok!$A$2:$C$346,3,0)-VLOOKUP(L$1,városok!$A$2:$C$346,3,0))^2)/1000,0)</f>
        <v>250</v>
      </c>
      <c r="M330">
        <f ca="1">ROUND(SQRT((VLOOKUP($A330,városok!$A$2:$C$346,2,0)-VLOOKUP(M$1,városok!$A$2:$C$346,2,0))^2+(VLOOKUP($A330,városok!$A$2:$C$346,3,0)-VLOOKUP(M$1,városok!$A$2:$C$346,3,0))^2)/1000,0)</f>
        <v>253</v>
      </c>
      <c r="N330">
        <f ca="1">ROUND(SQRT((VLOOKUP($A330,városok!$A$2:$C$346,2,0)-VLOOKUP(N$1,városok!$A$2:$C$346,2,0))^2+(VLOOKUP($A330,városok!$A$2:$C$346,3,0)-VLOOKUP(N$1,városok!$A$2:$C$346,3,0))^2)/1000,0)</f>
        <v>226</v>
      </c>
      <c r="O330">
        <f ca="1">ROUND(SQRT((VLOOKUP($A330,városok!$A$2:$C$346,2,0)-VLOOKUP(O$1,városok!$A$2:$C$346,2,0))^2+(VLOOKUP($A330,városok!$A$2:$C$346,3,0)-VLOOKUP(O$1,városok!$A$2:$C$346,3,0))^2)/1000,0)</f>
        <v>324</v>
      </c>
      <c r="P330">
        <f ca="1">ROUND(SQRT((VLOOKUP($A330,városok!$A$2:$C$346,2,0)-VLOOKUP(P$1,városok!$A$2:$C$346,2,0))^2+(VLOOKUP($A330,városok!$A$2:$C$346,3,0)-VLOOKUP(P$1,városok!$A$2:$C$346,3,0))^2)/1000,0)</f>
        <v>324</v>
      </c>
      <c r="Q330">
        <f ca="1">ROUND(SQRT((VLOOKUP($A330,városok!$A$2:$C$346,2,0)-VLOOKUP(Q$1,városok!$A$2:$C$346,2,0))^2+(VLOOKUP($A330,városok!$A$2:$C$346,3,0)-VLOOKUP(Q$1,városok!$A$2:$C$346,3,0))^2)/1000,0)</f>
        <v>211</v>
      </c>
      <c r="R330">
        <f ca="1">ROUND(SQRT((VLOOKUP($A330,városok!$A$2:$C$346,2,0)-VLOOKUP(R$1,városok!$A$2:$C$346,2,0))^2+(VLOOKUP($A330,városok!$A$2:$C$346,3,0)-VLOOKUP(R$1,városok!$A$2:$C$346,3,0))^2)/1000,0)</f>
        <v>232</v>
      </c>
      <c r="S330">
        <f ca="1">ROUND(SQRT((VLOOKUP($A330,városok!$A$2:$C$346,2,0)-VLOOKUP(S$1,városok!$A$2:$C$346,2,0))^2+(VLOOKUP($A330,városok!$A$2:$C$346,3,0)-VLOOKUP(S$1,városok!$A$2:$C$346,3,0))^2)/1000,0)</f>
        <v>209</v>
      </c>
      <c r="T330">
        <f ca="1">ROUND(SQRT((VLOOKUP($A330,városok!$A$2:$C$346,2,0)-VLOOKUP(T$1,városok!$A$2:$C$346,2,0))^2+(VLOOKUP($A330,városok!$A$2:$C$346,3,0)-VLOOKUP(T$1,városok!$A$2:$C$346,3,0))^2)/1000,0)</f>
        <v>77</v>
      </c>
      <c r="U330">
        <f ca="1">ROUND(SQRT((VLOOKUP($A330,városok!$A$2:$C$346,2,0)-VLOOKUP(U$1,városok!$A$2:$C$346,2,0))^2+(VLOOKUP($A330,városok!$A$2:$C$346,3,0)-VLOOKUP(U$1,városok!$A$2:$C$346,3,0))^2)/1000,0)</f>
        <v>92</v>
      </c>
      <c r="V330">
        <f ca="1">ROUND(SQRT((VLOOKUP($A330,városok!$A$2:$C$346,2,0)-VLOOKUP(V$1,városok!$A$2:$C$346,2,0))^2+(VLOOKUP($A330,városok!$A$2:$C$346,3,0)-VLOOKUP(V$1,városok!$A$2:$C$346,3,0))^2)/1000,0)</f>
        <v>42</v>
      </c>
      <c r="W330">
        <f ca="1">ROUND(SQRT((VLOOKUP($A330,városok!$A$2:$C$346,2,0)-VLOOKUP(W$1,városok!$A$2:$C$346,2,0))^2+(VLOOKUP($A330,városok!$A$2:$C$346,3,0)-VLOOKUP(W$1,városok!$A$2:$C$346,3,0))^2)/1000,0)</f>
        <v>71</v>
      </c>
      <c r="X330">
        <f ca="1">ROUND(SQRT((VLOOKUP($A330,városok!$A$2:$C$346,2,0)-VLOOKUP(X$1,városok!$A$2:$C$346,2,0))^2+(VLOOKUP($A330,városok!$A$2:$C$346,3,0)-VLOOKUP(X$1,városok!$A$2:$C$346,3,0))^2)/1000,0)</f>
        <v>47</v>
      </c>
      <c r="Y330">
        <f ca="1">ROUND(SQRT((VLOOKUP($A330,városok!$A$2:$C$346,2,0)-VLOOKUP(Y$1,városok!$A$2:$C$346,2,0))^2+(VLOOKUP($A330,városok!$A$2:$C$346,3,0)-VLOOKUP(Y$1,városok!$A$2:$C$346,3,0))^2)/1000,0)</f>
        <v>62</v>
      </c>
      <c r="Z330">
        <f ca="1">ROUND(SQRT((VLOOKUP($A330,városok!$A$2:$C$346,2,0)-VLOOKUP(Z$1,városok!$A$2:$C$346,2,0))^2+(VLOOKUP($A330,városok!$A$2:$C$346,3,0)-VLOOKUP(Z$1,városok!$A$2:$C$346,3,0))^2)/1000,0)</f>
        <v>72</v>
      </c>
      <c r="AA330">
        <f ca="1">ROUND(SQRT((VLOOKUP($A330,városok!$A$2:$C$346,2,0)-VLOOKUP(AA$1,városok!$A$2:$C$346,2,0))^2+(VLOOKUP($A330,városok!$A$2:$C$346,3,0)-VLOOKUP(AA$1,városok!$A$2:$C$346,3,0))^2)/1000,0)</f>
        <v>108</v>
      </c>
      <c r="AB330">
        <f ca="1">ROUND(SQRT((VLOOKUP($A330,városok!$A$2:$C$346,2,0)-VLOOKUP(AB$1,városok!$A$2:$C$346,2,0))^2+(VLOOKUP($A330,városok!$A$2:$C$346,3,0)-VLOOKUP(AB$1,városok!$A$2:$C$346,3,0))^2)/1000,0)</f>
        <v>296</v>
      </c>
      <c r="AC330">
        <f ca="1">ROUND(SQRT((VLOOKUP($A330,városok!$A$2:$C$346,2,0)-VLOOKUP(AC$1,városok!$A$2:$C$346,2,0))^2+(VLOOKUP($A330,városok!$A$2:$C$346,3,0)-VLOOKUP(AC$1,városok!$A$2:$C$346,3,0))^2)/1000,0)</f>
        <v>278</v>
      </c>
      <c r="AD330">
        <f ca="1">ROUND(SQRT((VLOOKUP($A330,városok!$A$2:$C$346,2,0)-VLOOKUP(AD$1,városok!$A$2:$C$346,2,0))^2+(VLOOKUP($A330,városok!$A$2:$C$346,3,0)-VLOOKUP(AD$1,városok!$A$2:$C$346,3,0))^2)/1000,0)</f>
        <v>260</v>
      </c>
      <c r="AE330">
        <f ca="1">ROUND(SQRT((VLOOKUP($A330,városok!$A$2:$C$346,2,0)-VLOOKUP(AE$1,városok!$A$2:$C$346,2,0))^2+(VLOOKUP($A330,városok!$A$2:$C$346,3,0)-VLOOKUP(AE$1,városok!$A$2:$C$346,3,0))^2)/1000,0)</f>
        <v>259</v>
      </c>
      <c r="AF330">
        <f ca="1">ROUND(SQRT((VLOOKUP($A330,városok!$A$2:$C$346,2,0)-VLOOKUP(AF$1,városok!$A$2:$C$346,2,0))^2+(VLOOKUP($A330,városok!$A$2:$C$346,3,0)-VLOOKUP(AF$1,városok!$A$2:$C$346,3,0))^2)/1000,0)</f>
        <v>215</v>
      </c>
      <c r="AG330">
        <f ca="1">ROUND(SQRT((VLOOKUP($A330,városok!$A$2:$C$346,2,0)-VLOOKUP(AG$1,városok!$A$2:$C$346,2,0))^2+(VLOOKUP($A330,városok!$A$2:$C$346,3,0)-VLOOKUP(AG$1,városok!$A$2:$C$346,3,0))^2)/1000,0)</f>
        <v>179</v>
      </c>
      <c r="AH330">
        <f ca="1">ROUND(SQRT((VLOOKUP($A330,városok!$A$2:$C$346,2,0)-VLOOKUP(AH$1,városok!$A$2:$C$346,2,0))^2+(VLOOKUP($A330,városok!$A$2:$C$346,3,0)-VLOOKUP(AH$1,városok!$A$2:$C$346,3,0))^2)/1000,0)</f>
        <v>157</v>
      </c>
      <c r="AI330">
        <f ca="1">ROUND(SQRT((VLOOKUP($A330,városok!$A$2:$C$346,2,0)-VLOOKUP(AI$1,városok!$A$2:$C$346,2,0))^2+(VLOOKUP($A330,városok!$A$2:$C$346,3,0)-VLOOKUP(AI$1,városok!$A$2:$C$346,3,0))^2)/1000,0)</f>
        <v>202</v>
      </c>
      <c r="AJ330">
        <f ca="1">ROUND(SQRT((VLOOKUP($A330,városok!$A$2:$C$346,2,0)-VLOOKUP(AJ$1,városok!$A$2:$C$346,2,0))^2+(VLOOKUP($A330,városok!$A$2:$C$346,3,0)-VLOOKUP(AJ$1,városok!$A$2:$C$346,3,0))^2)/1000,0)</f>
        <v>177</v>
      </c>
      <c r="AK330">
        <f ca="1">ROUND(SQRT((VLOOKUP($A330,városok!$A$2:$C$346,2,0)-VLOOKUP(AK$1,városok!$A$2:$C$346,2,0))^2+(VLOOKUP($A330,városok!$A$2:$C$346,3,0)-VLOOKUP(AK$1,városok!$A$2:$C$346,3,0))^2)/1000,0)</f>
        <v>244</v>
      </c>
      <c r="AL330">
        <f ca="1">ROUND(SQRT((VLOOKUP($A330,városok!$A$2:$C$346,2,0)-VLOOKUP(AL$1,városok!$A$2:$C$346,2,0))^2+(VLOOKUP($A330,városok!$A$2:$C$346,3,0)-VLOOKUP(AL$1,városok!$A$2:$C$346,3,0))^2)/1000,0)</f>
        <v>219</v>
      </c>
      <c r="AM330">
        <f ca="1">ROUND(SQRT((VLOOKUP($A330,városok!$A$2:$C$346,2,0)-VLOOKUP(AM$1,városok!$A$2:$C$346,2,0))^2+(VLOOKUP($A330,városok!$A$2:$C$346,3,0)-VLOOKUP(AM$1,városok!$A$2:$C$346,3,0))^2)/1000,0)</f>
        <v>184</v>
      </c>
      <c r="AN330">
        <f ca="1">ROUND(SQRT((VLOOKUP($A330,városok!$A$2:$C$346,2,0)-VLOOKUP(AN$1,városok!$A$2:$C$346,2,0))^2+(VLOOKUP($A330,városok!$A$2:$C$346,3,0)-VLOOKUP(AN$1,városok!$A$2:$C$346,3,0))^2)/1000,0)</f>
        <v>104</v>
      </c>
      <c r="AO330">
        <f ca="1">ROUND(SQRT((VLOOKUP($A330,városok!$A$2:$C$346,2,0)-VLOOKUP(AO$1,városok!$A$2:$C$346,2,0))^2+(VLOOKUP($A330,városok!$A$2:$C$346,3,0)-VLOOKUP(AO$1,városok!$A$2:$C$346,3,0))^2)/1000,0)</f>
        <v>73</v>
      </c>
      <c r="AP330">
        <f ca="1">ROUND(SQRT((VLOOKUP($A330,városok!$A$2:$C$346,2,0)-VLOOKUP(AP$1,városok!$A$2:$C$346,2,0))^2+(VLOOKUP($A330,városok!$A$2:$C$346,3,0)-VLOOKUP(AP$1,városok!$A$2:$C$346,3,0))^2)/1000,0)</f>
        <v>72</v>
      </c>
      <c r="AQ330">
        <f ca="1">ROUND(SQRT((VLOOKUP($A330,városok!$A$2:$C$346,2,0)-VLOOKUP(AQ$1,városok!$A$2:$C$346,2,0))^2+(VLOOKUP($A330,városok!$A$2:$C$346,3,0)-VLOOKUP(AQ$1,városok!$A$2:$C$346,3,0))^2)/1000,0)</f>
        <v>69</v>
      </c>
      <c r="AR330">
        <f ca="1">ROUND(SQRT((VLOOKUP($A330,városok!$A$2:$C$346,2,0)-VLOOKUP(AR$1,városok!$A$2:$C$346,2,0))^2+(VLOOKUP($A330,városok!$A$2:$C$346,3,0)-VLOOKUP(AR$1,városok!$A$2:$C$346,3,0))^2)/1000,0)</f>
        <v>170</v>
      </c>
      <c r="AS330">
        <f ca="1">ROUND(SQRT((VLOOKUP($A330,városok!$A$2:$C$346,2,0)-VLOOKUP(AS$1,városok!$A$2:$C$346,2,0))^2+(VLOOKUP($A330,városok!$A$2:$C$346,3,0)-VLOOKUP(AS$1,városok!$A$2:$C$346,3,0))^2)/1000,0)</f>
        <v>189</v>
      </c>
      <c r="AT330">
        <f ca="1">ROUND(SQRT((VLOOKUP($A330,városok!$A$2:$C$346,2,0)-VLOOKUP(AT$1,városok!$A$2:$C$346,2,0))^2+(VLOOKUP($A330,városok!$A$2:$C$346,3,0)-VLOOKUP(AT$1,városok!$A$2:$C$346,3,0))^2)/1000,0)</f>
        <v>89</v>
      </c>
      <c r="AU330">
        <f ca="1">ROUND(SQRT((VLOOKUP($A330,városok!$A$2:$C$346,2,0)-VLOOKUP(AU$1,városok!$A$2:$C$346,2,0))^2+(VLOOKUP($A330,városok!$A$2:$C$346,3,0)-VLOOKUP(AU$1,városok!$A$2:$C$346,3,0))^2)/1000,0)</f>
        <v>98</v>
      </c>
      <c r="AV330">
        <f ca="1">ROUND(SQRT((VLOOKUP($A330,városok!$A$2:$C$346,2,0)-VLOOKUP(AV$1,városok!$A$2:$C$346,2,0))^2+(VLOOKUP($A330,városok!$A$2:$C$346,3,0)-VLOOKUP(AV$1,városok!$A$2:$C$346,3,0))^2)/1000,0)</f>
        <v>95</v>
      </c>
      <c r="AW330">
        <f ca="1">ROUND(SQRT((VLOOKUP($A330,városok!$A$2:$C$346,2,0)-VLOOKUP(AW$1,városok!$A$2:$C$346,2,0))^2+(VLOOKUP($A330,városok!$A$2:$C$346,3,0)-VLOOKUP(AW$1,városok!$A$2:$C$346,3,0))^2)/1000,0)</f>
        <v>92</v>
      </c>
      <c r="AX330">
        <f ca="1">ROUND(SQRT((VLOOKUP($A330,városok!$A$2:$C$346,2,0)-VLOOKUP(AX$1,városok!$A$2:$C$346,2,0))^2+(VLOOKUP($A330,városok!$A$2:$C$346,3,0)-VLOOKUP(AX$1,városok!$A$2:$C$346,3,0))^2)/1000,0)</f>
        <v>154</v>
      </c>
      <c r="AY330">
        <f ca="1">ROUND(SQRT((VLOOKUP($A330,városok!$A$2:$C$346,2,0)-VLOOKUP(AY$1,városok!$A$2:$C$346,2,0))^2+(VLOOKUP($A330,városok!$A$2:$C$346,3,0)-VLOOKUP(AY$1,városok!$A$2:$C$346,3,0))^2)/1000,0)</f>
        <v>116</v>
      </c>
      <c r="AZ330">
        <f ca="1">ROUND(SQRT((VLOOKUP($A330,városok!$A$2:$C$346,2,0)-VLOOKUP(AZ$1,városok!$A$2:$C$346,2,0))^2+(VLOOKUP($A330,városok!$A$2:$C$346,3,0)-VLOOKUP(AZ$1,városok!$A$2:$C$346,3,0))^2)/1000,0)</f>
        <v>117</v>
      </c>
      <c r="BA330">
        <f ca="1">ROUND(SQRT((VLOOKUP($A330,városok!$A$2:$C$346,2,0)-VLOOKUP(BA$1,városok!$A$2:$C$346,2,0))^2+(VLOOKUP($A330,városok!$A$2:$C$346,3,0)-VLOOKUP(BA$1,városok!$A$2:$C$346,3,0))^2)/1000,0)</f>
        <v>39</v>
      </c>
      <c r="BB330">
        <f ca="1">ROUND(SQRT((VLOOKUP($A330,városok!$A$2:$C$346,2,0)-VLOOKUP(BB$1,városok!$A$2:$C$346,2,0))^2+(VLOOKUP($A330,városok!$A$2:$C$346,3,0)-VLOOKUP(BB$1,városok!$A$2:$C$346,3,0))^2)/1000,0)</f>
        <v>68</v>
      </c>
      <c r="BC330">
        <f ca="1">ROUND(SQRT((VLOOKUP($A330,városok!$A$2:$C$346,2,0)-VLOOKUP(BC$1,városok!$A$2:$C$346,2,0))^2+(VLOOKUP($A330,városok!$A$2:$C$346,3,0)-VLOOKUP(BC$1,városok!$A$2:$C$346,3,0))^2)/1000,0)</f>
        <v>86</v>
      </c>
      <c r="BD330">
        <f ca="1">ROUND(SQRT((VLOOKUP($A330,városok!$A$2:$C$346,2,0)-VLOOKUP(BD$1,városok!$A$2:$C$346,2,0))^2+(VLOOKUP($A330,városok!$A$2:$C$346,3,0)-VLOOKUP(BD$1,városok!$A$2:$C$346,3,0))^2)/1000,0)</f>
        <v>34</v>
      </c>
      <c r="BE330">
        <f ca="1">ROUND(SQRT((VLOOKUP($A330,városok!$A$2:$C$346,2,0)-VLOOKUP(BE$1,városok!$A$2:$C$346,2,0))^2+(VLOOKUP($A330,városok!$A$2:$C$346,3,0)-VLOOKUP(BE$1,városok!$A$2:$C$346,3,0))^2)/1000,0)</f>
        <v>378</v>
      </c>
      <c r="BF330">
        <f ca="1">ROUND(SQRT((VLOOKUP($A330,városok!$A$2:$C$346,2,0)-VLOOKUP(BF$1,városok!$A$2:$C$346,2,0))^2+(VLOOKUP($A330,városok!$A$2:$C$346,3,0)-VLOOKUP(BF$1,városok!$A$2:$C$346,3,0))^2)/1000,0)</f>
        <v>346</v>
      </c>
      <c r="BG330">
        <f ca="1">ROUND(SQRT((VLOOKUP($A330,városok!$A$2:$C$346,2,0)-VLOOKUP(BG$1,városok!$A$2:$C$346,2,0))^2+(VLOOKUP($A330,városok!$A$2:$C$346,3,0)-VLOOKUP(BG$1,városok!$A$2:$C$346,3,0))^2)/1000,0)</f>
        <v>300</v>
      </c>
      <c r="BH330">
        <f ca="1">ROUND(SQRT((VLOOKUP($A330,városok!$A$2:$C$346,2,0)-VLOOKUP(BH$1,városok!$A$2:$C$346,2,0))^2+(VLOOKUP($A330,városok!$A$2:$C$346,3,0)-VLOOKUP(BH$1,városok!$A$2:$C$346,3,0))^2)/1000,0)</f>
        <v>300</v>
      </c>
      <c r="BI330">
        <f ca="1">ROUND(SQRT((VLOOKUP($A330,városok!$A$2:$C$346,2,0)-VLOOKUP(BI$1,városok!$A$2:$C$346,2,0))^2+(VLOOKUP($A330,városok!$A$2:$C$346,3,0)-VLOOKUP(BI$1,városok!$A$2:$C$346,3,0))^2)/1000,0)</f>
        <v>105</v>
      </c>
      <c r="BJ330">
        <f ca="1">ROUND(SQRT((VLOOKUP($A330,városok!$A$2:$C$346,2,0)-VLOOKUP(BJ$1,városok!$A$2:$C$346,2,0))^2+(VLOOKUP($A330,városok!$A$2:$C$346,3,0)-VLOOKUP(BJ$1,városok!$A$2:$C$346,3,0))^2)/1000,0)</f>
        <v>109</v>
      </c>
      <c r="BK330">
        <f ca="1">ROUND(SQRT((VLOOKUP($A330,városok!$A$2:$C$346,2,0)-VLOOKUP(BK$1,városok!$A$2:$C$346,2,0))^2+(VLOOKUP($A330,városok!$A$2:$C$346,3,0)-VLOOKUP(BK$1,városok!$A$2:$C$346,3,0))^2)/1000,0)</f>
        <v>113</v>
      </c>
      <c r="BL330">
        <f ca="1">ROUND(SQRT((VLOOKUP($A330,városok!$A$2:$C$346,2,0)-VLOOKUP(BL$1,városok!$A$2:$C$346,2,0))^2+(VLOOKUP($A330,városok!$A$2:$C$346,3,0)-VLOOKUP(BL$1,városok!$A$2:$C$346,3,0))^2)/1000,0)</f>
        <v>88</v>
      </c>
      <c r="BM330">
        <f ca="1">ROUND(SQRT((VLOOKUP($A330,városok!$A$2:$C$346,2,0)-VLOOKUP(BM$1,városok!$A$2:$C$346,2,0))^2+(VLOOKUP($A330,városok!$A$2:$C$346,3,0)-VLOOKUP(BM$1,városok!$A$2:$C$346,3,0))^2)/1000,0)</f>
        <v>64</v>
      </c>
      <c r="BN330">
        <f ca="1">ROUND(SQRT((VLOOKUP($A330,városok!$A$2:$C$346,2,0)-VLOOKUP(BN$1,városok!$A$2:$C$346,2,0))^2+(VLOOKUP($A330,városok!$A$2:$C$346,3,0)-VLOOKUP(BN$1,városok!$A$2:$C$346,3,0))^2)/1000,0)</f>
        <v>86</v>
      </c>
      <c r="BO330">
        <f ca="1">ROUND(SQRT((VLOOKUP($A330,városok!$A$2:$C$346,2,0)-VLOOKUP(BO$1,városok!$A$2:$C$346,2,0))^2+(VLOOKUP($A330,városok!$A$2:$C$346,3,0)-VLOOKUP(BO$1,városok!$A$2:$C$346,3,0))^2)/1000,0)</f>
        <v>23</v>
      </c>
      <c r="BP330">
        <f ca="1">ROUND(SQRT((VLOOKUP($A330,városok!$A$2:$C$346,2,0)-VLOOKUP(BP$1,városok!$A$2:$C$346,2,0))^2+(VLOOKUP($A330,városok!$A$2:$C$346,3,0)-VLOOKUP(BP$1,városok!$A$2:$C$346,3,0))^2)/1000,0)</f>
        <v>29</v>
      </c>
      <c r="BQ330">
        <f ca="1">ROUND(SQRT((VLOOKUP($A330,városok!$A$2:$C$346,2,0)-VLOOKUP(BQ$1,városok!$A$2:$C$346,2,0))^2+(VLOOKUP($A330,városok!$A$2:$C$346,3,0)-VLOOKUP(BQ$1,városok!$A$2:$C$346,3,0))^2)/1000,0)</f>
        <v>13</v>
      </c>
      <c r="BR330">
        <f ca="1">ROUND(SQRT((VLOOKUP($A330,városok!$A$2:$C$346,2,0)-VLOOKUP(BR$1,városok!$A$2:$C$346,2,0))^2+(VLOOKUP($A330,városok!$A$2:$C$346,3,0)-VLOOKUP(BR$1,városok!$A$2:$C$346,3,0))^2)/1000,0)</f>
        <v>55</v>
      </c>
      <c r="BS330">
        <f ca="1">ROUND(SQRT((VLOOKUP($A330,városok!$A$2:$C$346,2,0)-VLOOKUP(BS$1,városok!$A$2:$C$346,2,0))^2+(VLOOKUP($A330,városok!$A$2:$C$346,3,0)-VLOOKUP(BS$1,városok!$A$2:$C$346,3,0))^2)/1000,0)</f>
        <v>96</v>
      </c>
      <c r="BT330">
        <f ca="1">ROUND(SQRT((VLOOKUP($A330,városok!$A$2:$C$346,2,0)-VLOOKUP(BT$1,városok!$A$2:$C$346,2,0))^2+(VLOOKUP($A330,városok!$A$2:$C$346,3,0)-VLOOKUP(BT$1,városok!$A$2:$C$346,3,0))^2)/1000,0)</f>
        <v>77</v>
      </c>
    </row>
    <row r="331" spans="1:72" x14ac:dyDescent="0.2">
      <c r="A331" t="str">
        <f>városok!A331</f>
        <v>Pápa</v>
      </c>
      <c r="B331">
        <f ca="1">ROUND(SQRT((VLOOKUP($A331,városok!$A$2:$C$346,2,0)-VLOOKUP(B$1,városok!$A$2:$C$346,2,0))^2+(VLOOKUP($A331,városok!$A$2:$C$346,3,0)-VLOOKUP(B$1,városok!$A$2:$C$346,3,0))^2)/1000,0)</f>
        <v>171</v>
      </c>
      <c r="C331">
        <f ca="1">ROUND(SQRT((VLOOKUP($A331,városok!$A$2:$C$346,2,0)-VLOOKUP(C$1,városok!$A$2:$C$346,2,0))^2+(VLOOKUP($A331,városok!$A$2:$C$346,3,0)-VLOOKUP(C$1,városok!$A$2:$C$346,3,0))^2)/1000,0)</f>
        <v>145</v>
      </c>
      <c r="D331">
        <f ca="1">ROUND(SQRT((VLOOKUP($A331,városok!$A$2:$C$346,2,0)-VLOOKUP(D$1,városok!$A$2:$C$346,2,0))^2+(VLOOKUP($A331,városok!$A$2:$C$346,3,0)-VLOOKUP(D$1,városok!$A$2:$C$346,3,0))^2)/1000,0)</f>
        <v>175</v>
      </c>
      <c r="E331">
        <f ca="1">ROUND(SQRT((VLOOKUP($A331,városok!$A$2:$C$346,2,0)-VLOOKUP(E$1,városok!$A$2:$C$346,2,0))^2+(VLOOKUP($A331,városok!$A$2:$C$346,3,0)-VLOOKUP(E$1,városok!$A$2:$C$346,3,0))^2)/1000,0)</f>
        <v>140</v>
      </c>
      <c r="F331">
        <f ca="1">ROUND(SQRT((VLOOKUP($A331,városok!$A$2:$C$346,2,0)-VLOOKUP(F$1,városok!$A$2:$C$346,2,0))^2+(VLOOKUP($A331,városok!$A$2:$C$346,3,0)-VLOOKUP(F$1,városok!$A$2:$C$346,3,0))^2)/1000,0)</f>
        <v>175</v>
      </c>
      <c r="G331">
        <f ca="1">ROUND(SQRT((VLOOKUP($A331,városok!$A$2:$C$346,2,0)-VLOOKUP(G$1,városok!$A$2:$C$346,2,0))^2+(VLOOKUP($A331,városok!$A$2:$C$346,3,0)-VLOOKUP(G$1,városok!$A$2:$C$346,3,0))^2)/1000,0)</f>
        <v>151</v>
      </c>
      <c r="H331">
        <f ca="1">ROUND(SQRT((VLOOKUP($A331,városok!$A$2:$C$346,2,0)-VLOOKUP(H$1,városok!$A$2:$C$346,2,0))^2+(VLOOKUP($A331,városok!$A$2:$C$346,3,0)-VLOOKUP(H$1,városok!$A$2:$C$346,3,0))^2)/1000,0)</f>
        <v>145</v>
      </c>
      <c r="I331">
        <f ca="1">ROUND(SQRT((VLOOKUP($A331,városok!$A$2:$C$346,2,0)-VLOOKUP(I$1,városok!$A$2:$C$346,2,0))^2+(VLOOKUP($A331,városok!$A$2:$C$346,3,0)-VLOOKUP(I$1,városok!$A$2:$C$346,3,0))^2)/1000,0)</f>
        <v>284</v>
      </c>
      <c r="J331">
        <f ca="1">ROUND(SQRT((VLOOKUP($A331,városok!$A$2:$C$346,2,0)-VLOOKUP(J$1,városok!$A$2:$C$346,2,0))^2+(VLOOKUP($A331,városok!$A$2:$C$346,3,0)-VLOOKUP(J$1,városok!$A$2:$C$346,3,0))^2)/1000,0)</f>
        <v>299</v>
      </c>
      <c r="K331">
        <f ca="1">ROUND(SQRT((VLOOKUP($A331,városok!$A$2:$C$346,2,0)-VLOOKUP(K$1,városok!$A$2:$C$346,2,0))^2+(VLOOKUP($A331,városok!$A$2:$C$346,3,0)-VLOOKUP(K$1,városok!$A$2:$C$346,3,0))^2)/1000,0)</f>
        <v>258</v>
      </c>
      <c r="L331">
        <f ca="1">ROUND(SQRT((VLOOKUP($A331,városok!$A$2:$C$346,2,0)-VLOOKUP(L$1,városok!$A$2:$C$346,2,0))^2+(VLOOKUP($A331,városok!$A$2:$C$346,3,0)-VLOOKUP(L$1,városok!$A$2:$C$346,3,0))^2)/1000,0)</f>
        <v>258</v>
      </c>
      <c r="M331">
        <f ca="1">ROUND(SQRT((VLOOKUP($A331,városok!$A$2:$C$346,2,0)-VLOOKUP(M$1,városok!$A$2:$C$346,2,0))^2+(VLOOKUP($A331,városok!$A$2:$C$346,3,0)-VLOOKUP(M$1,városok!$A$2:$C$346,3,0))^2)/1000,0)</f>
        <v>264</v>
      </c>
      <c r="N331">
        <f ca="1">ROUND(SQRT((VLOOKUP($A331,városok!$A$2:$C$346,2,0)-VLOOKUP(N$1,városok!$A$2:$C$346,2,0))^2+(VLOOKUP($A331,városok!$A$2:$C$346,3,0)-VLOOKUP(N$1,városok!$A$2:$C$346,3,0))^2)/1000,0)</f>
        <v>234</v>
      </c>
      <c r="O331">
        <f ca="1">ROUND(SQRT((VLOOKUP($A331,városok!$A$2:$C$346,2,0)-VLOOKUP(O$1,városok!$A$2:$C$346,2,0))^2+(VLOOKUP($A331,városok!$A$2:$C$346,3,0)-VLOOKUP(O$1,városok!$A$2:$C$346,3,0))^2)/1000,0)</f>
        <v>334</v>
      </c>
      <c r="P331">
        <f ca="1">ROUND(SQRT((VLOOKUP($A331,városok!$A$2:$C$346,2,0)-VLOOKUP(P$1,városok!$A$2:$C$346,2,0))^2+(VLOOKUP($A331,városok!$A$2:$C$346,3,0)-VLOOKUP(P$1,városok!$A$2:$C$346,3,0))^2)/1000,0)</f>
        <v>334</v>
      </c>
      <c r="Q331">
        <f ca="1">ROUND(SQRT((VLOOKUP($A331,városok!$A$2:$C$346,2,0)-VLOOKUP(Q$1,városok!$A$2:$C$346,2,0))^2+(VLOOKUP($A331,városok!$A$2:$C$346,3,0)-VLOOKUP(Q$1,városok!$A$2:$C$346,3,0))^2)/1000,0)</f>
        <v>240</v>
      </c>
      <c r="R331">
        <f ca="1">ROUND(SQRT((VLOOKUP($A331,városok!$A$2:$C$346,2,0)-VLOOKUP(R$1,városok!$A$2:$C$346,2,0))^2+(VLOOKUP($A331,városok!$A$2:$C$346,3,0)-VLOOKUP(R$1,városok!$A$2:$C$346,3,0))^2)/1000,0)</f>
        <v>261</v>
      </c>
      <c r="S331">
        <f ca="1">ROUND(SQRT((VLOOKUP($A331,városok!$A$2:$C$346,2,0)-VLOOKUP(S$1,városok!$A$2:$C$346,2,0))^2+(VLOOKUP($A331,városok!$A$2:$C$346,3,0)-VLOOKUP(S$1,városok!$A$2:$C$346,3,0))^2)/1000,0)</f>
        <v>238</v>
      </c>
      <c r="T331">
        <f ca="1">ROUND(SQRT((VLOOKUP($A331,városok!$A$2:$C$346,2,0)-VLOOKUP(T$1,városok!$A$2:$C$346,2,0))^2+(VLOOKUP($A331,városok!$A$2:$C$346,3,0)-VLOOKUP(T$1,városok!$A$2:$C$346,3,0))^2)/1000,0)</f>
        <v>90</v>
      </c>
      <c r="U331">
        <f ca="1">ROUND(SQRT((VLOOKUP($A331,városok!$A$2:$C$346,2,0)-VLOOKUP(U$1,városok!$A$2:$C$346,2,0))^2+(VLOOKUP($A331,városok!$A$2:$C$346,3,0)-VLOOKUP(U$1,városok!$A$2:$C$346,3,0))^2)/1000,0)</f>
        <v>118</v>
      </c>
      <c r="V331">
        <f ca="1">ROUND(SQRT((VLOOKUP($A331,városok!$A$2:$C$346,2,0)-VLOOKUP(V$1,városok!$A$2:$C$346,2,0))^2+(VLOOKUP($A331,városok!$A$2:$C$346,3,0)-VLOOKUP(V$1,városok!$A$2:$C$346,3,0))^2)/1000,0)</f>
        <v>70</v>
      </c>
      <c r="W331">
        <f ca="1">ROUND(SQRT((VLOOKUP($A331,városok!$A$2:$C$346,2,0)-VLOOKUP(W$1,városok!$A$2:$C$346,2,0))^2+(VLOOKUP($A331,városok!$A$2:$C$346,3,0)-VLOOKUP(W$1,városok!$A$2:$C$346,3,0))^2)/1000,0)</f>
        <v>100</v>
      </c>
      <c r="X331">
        <f ca="1">ROUND(SQRT((VLOOKUP($A331,városok!$A$2:$C$346,2,0)-VLOOKUP(X$1,városok!$A$2:$C$346,2,0))^2+(VLOOKUP($A331,városok!$A$2:$C$346,3,0)-VLOOKUP(X$1,városok!$A$2:$C$346,3,0))^2)/1000,0)</f>
        <v>65</v>
      </c>
      <c r="Y331">
        <f ca="1">ROUND(SQRT((VLOOKUP($A331,városok!$A$2:$C$346,2,0)-VLOOKUP(Y$1,városok!$A$2:$C$346,2,0))^2+(VLOOKUP($A331,városok!$A$2:$C$346,3,0)-VLOOKUP(Y$1,városok!$A$2:$C$346,3,0))^2)/1000,0)</f>
        <v>42</v>
      </c>
      <c r="Z331">
        <f ca="1">ROUND(SQRT((VLOOKUP($A331,városok!$A$2:$C$346,2,0)-VLOOKUP(Z$1,városok!$A$2:$C$346,2,0))^2+(VLOOKUP($A331,városok!$A$2:$C$346,3,0)-VLOOKUP(Z$1,városok!$A$2:$C$346,3,0))^2)/1000,0)</f>
        <v>46</v>
      </c>
      <c r="AA331">
        <f ca="1">ROUND(SQRT((VLOOKUP($A331,városok!$A$2:$C$346,2,0)-VLOOKUP(AA$1,városok!$A$2:$C$346,2,0))^2+(VLOOKUP($A331,városok!$A$2:$C$346,3,0)-VLOOKUP(AA$1,városok!$A$2:$C$346,3,0))^2)/1000,0)</f>
        <v>78</v>
      </c>
      <c r="AB331">
        <f ca="1">ROUND(SQRT((VLOOKUP($A331,városok!$A$2:$C$346,2,0)-VLOOKUP(AB$1,városok!$A$2:$C$346,2,0))^2+(VLOOKUP($A331,városok!$A$2:$C$346,3,0)-VLOOKUP(AB$1,városok!$A$2:$C$346,3,0))^2)/1000,0)</f>
        <v>315</v>
      </c>
      <c r="AC331">
        <f ca="1">ROUND(SQRT((VLOOKUP($A331,városok!$A$2:$C$346,2,0)-VLOOKUP(AC$1,városok!$A$2:$C$346,2,0))^2+(VLOOKUP($A331,városok!$A$2:$C$346,3,0)-VLOOKUP(AC$1,városok!$A$2:$C$346,3,0))^2)/1000,0)</f>
        <v>297</v>
      </c>
      <c r="AD331">
        <f ca="1">ROUND(SQRT((VLOOKUP($A331,városok!$A$2:$C$346,2,0)-VLOOKUP(AD$1,városok!$A$2:$C$346,2,0))^2+(VLOOKUP($A331,városok!$A$2:$C$346,3,0)-VLOOKUP(AD$1,városok!$A$2:$C$346,3,0))^2)/1000,0)</f>
        <v>279</v>
      </c>
      <c r="AE331">
        <f ca="1">ROUND(SQRT((VLOOKUP($A331,városok!$A$2:$C$346,2,0)-VLOOKUP(AE$1,városok!$A$2:$C$346,2,0))^2+(VLOOKUP($A331,városok!$A$2:$C$346,3,0)-VLOOKUP(AE$1,városok!$A$2:$C$346,3,0))^2)/1000,0)</f>
        <v>280</v>
      </c>
      <c r="AF331">
        <f ca="1">ROUND(SQRT((VLOOKUP($A331,városok!$A$2:$C$346,2,0)-VLOOKUP(AF$1,városok!$A$2:$C$346,2,0))^2+(VLOOKUP($A331,városok!$A$2:$C$346,3,0)-VLOOKUP(AF$1,városok!$A$2:$C$346,3,0))^2)/1000,0)</f>
        <v>227</v>
      </c>
      <c r="AG331">
        <f ca="1">ROUND(SQRT((VLOOKUP($A331,városok!$A$2:$C$346,2,0)-VLOOKUP(AG$1,városok!$A$2:$C$346,2,0))^2+(VLOOKUP($A331,városok!$A$2:$C$346,3,0)-VLOOKUP(AG$1,városok!$A$2:$C$346,3,0))^2)/1000,0)</f>
        <v>191</v>
      </c>
      <c r="AH331">
        <f ca="1">ROUND(SQRT((VLOOKUP($A331,városok!$A$2:$C$346,2,0)-VLOOKUP(AH$1,városok!$A$2:$C$346,2,0))^2+(VLOOKUP($A331,városok!$A$2:$C$346,3,0)-VLOOKUP(AH$1,városok!$A$2:$C$346,3,0))^2)/1000,0)</f>
        <v>170</v>
      </c>
      <c r="AI331">
        <f ca="1">ROUND(SQRT((VLOOKUP($A331,városok!$A$2:$C$346,2,0)-VLOOKUP(AI$1,városok!$A$2:$C$346,2,0))^2+(VLOOKUP($A331,városok!$A$2:$C$346,3,0)-VLOOKUP(AI$1,városok!$A$2:$C$346,3,0))^2)/1000,0)</f>
        <v>212</v>
      </c>
      <c r="AJ331">
        <f ca="1">ROUND(SQRT((VLOOKUP($A331,városok!$A$2:$C$346,2,0)-VLOOKUP(AJ$1,városok!$A$2:$C$346,2,0))^2+(VLOOKUP($A331,városok!$A$2:$C$346,3,0)-VLOOKUP(AJ$1,városok!$A$2:$C$346,3,0))^2)/1000,0)</f>
        <v>192</v>
      </c>
      <c r="AK331">
        <f ca="1">ROUND(SQRT((VLOOKUP($A331,városok!$A$2:$C$346,2,0)-VLOOKUP(AK$1,városok!$A$2:$C$346,2,0))^2+(VLOOKUP($A331,városok!$A$2:$C$346,3,0)-VLOOKUP(AK$1,városok!$A$2:$C$346,3,0))^2)/1000,0)</f>
        <v>265</v>
      </c>
      <c r="AL331">
        <f ca="1">ROUND(SQRT((VLOOKUP($A331,városok!$A$2:$C$346,2,0)-VLOOKUP(AL$1,városok!$A$2:$C$346,2,0))^2+(VLOOKUP($A331,városok!$A$2:$C$346,3,0)-VLOOKUP(AL$1,városok!$A$2:$C$346,3,0))^2)/1000,0)</f>
        <v>238</v>
      </c>
      <c r="AM331">
        <f ca="1">ROUND(SQRT((VLOOKUP($A331,városok!$A$2:$C$346,2,0)-VLOOKUP(AM$1,városok!$A$2:$C$346,2,0))^2+(VLOOKUP($A331,városok!$A$2:$C$346,3,0)-VLOOKUP(AM$1,városok!$A$2:$C$346,3,0))^2)/1000,0)</f>
        <v>206</v>
      </c>
      <c r="AN331">
        <f ca="1">ROUND(SQRT((VLOOKUP($A331,városok!$A$2:$C$346,2,0)-VLOOKUP(AN$1,városok!$A$2:$C$346,2,0))^2+(VLOOKUP($A331,városok!$A$2:$C$346,3,0)-VLOOKUP(AN$1,városok!$A$2:$C$346,3,0))^2)/1000,0)</f>
        <v>109</v>
      </c>
      <c r="AO331">
        <f ca="1">ROUND(SQRT((VLOOKUP($A331,városok!$A$2:$C$346,2,0)-VLOOKUP(AO$1,városok!$A$2:$C$346,2,0))^2+(VLOOKUP($A331,városok!$A$2:$C$346,3,0)-VLOOKUP(AO$1,városok!$A$2:$C$346,3,0))^2)/1000,0)</f>
        <v>67</v>
      </c>
      <c r="AP331">
        <f ca="1">ROUND(SQRT((VLOOKUP($A331,városok!$A$2:$C$346,2,0)-VLOOKUP(AP$1,városok!$A$2:$C$346,2,0))^2+(VLOOKUP($A331,városok!$A$2:$C$346,3,0)-VLOOKUP(AP$1,városok!$A$2:$C$346,3,0))^2)/1000,0)</f>
        <v>74</v>
      </c>
      <c r="AQ331">
        <f ca="1">ROUND(SQRT((VLOOKUP($A331,városok!$A$2:$C$346,2,0)-VLOOKUP(AQ$1,városok!$A$2:$C$346,2,0))^2+(VLOOKUP($A331,városok!$A$2:$C$346,3,0)-VLOOKUP(AQ$1,városok!$A$2:$C$346,3,0))^2)/1000,0)</f>
        <v>76</v>
      </c>
      <c r="AR331">
        <f ca="1">ROUND(SQRT((VLOOKUP($A331,városok!$A$2:$C$346,2,0)-VLOOKUP(AR$1,városok!$A$2:$C$346,2,0))^2+(VLOOKUP($A331,városok!$A$2:$C$346,3,0)-VLOOKUP(AR$1,városok!$A$2:$C$346,3,0))^2)/1000,0)</f>
        <v>180</v>
      </c>
      <c r="AS331">
        <f ca="1">ROUND(SQRT((VLOOKUP($A331,városok!$A$2:$C$346,2,0)-VLOOKUP(AS$1,városok!$A$2:$C$346,2,0))^2+(VLOOKUP($A331,városok!$A$2:$C$346,3,0)-VLOOKUP(AS$1,városok!$A$2:$C$346,3,0))^2)/1000,0)</f>
        <v>196</v>
      </c>
      <c r="AT331">
        <f ca="1">ROUND(SQRT((VLOOKUP($A331,városok!$A$2:$C$346,2,0)-VLOOKUP(AT$1,városok!$A$2:$C$346,2,0))^2+(VLOOKUP($A331,városok!$A$2:$C$346,3,0)-VLOOKUP(AT$1,városok!$A$2:$C$346,3,0))^2)/1000,0)</f>
        <v>103</v>
      </c>
      <c r="AU331">
        <f ca="1">ROUND(SQRT((VLOOKUP($A331,városok!$A$2:$C$346,2,0)-VLOOKUP(AU$1,városok!$A$2:$C$346,2,0))^2+(VLOOKUP($A331,városok!$A$2:$C$346,3,0)-VLOOKUP(AU$1,városok!$A$2:$C$346,3,0))^2)/1000,0)</f>
        <v>113</v>
      </c>
      <c r="AV331">
        <f ca="1">ROUND(SQRT((VLOOKUP($A331,városok!$A$2:$C$346,2,0)-VLOOKUP(AV$1,városok!$A$2:$C$346,2,0))^2+(VLOOKUP($A331,városok!$A$2:$C$346,3,0)-VLOOKUP(AV$1,városok!$A$2:$C$346,3,0))^2)/1000,0)</f>
        <v>112</v>
      </c>
      <c r="AW331">
        <f ca="1">ROUND(SQRT((VLOOKUP($A331,városok!$A$2:$C$346,2,0)-VLOOKUP(AW$1,városok!$A$2:$C$346,2,0))^2+(VLOOKUP($A331,városok!$A$2:$C$346,3,0)-VLOOKUP(AW$1,városok!$A$2:$C$346,3,0))^2)/1000,0)</f>
        <v>109</v>
      </c>
      <c r="AX331">
        <f ca="1">ROUND(SQRT((VLOOKUP($A331,városok!$A$2:$C$346,2,0)-VLOOKUP(AX$1,városok!$A$2:$C$346,2,0))^2+(VLOOKUP($A331,városok!$A$2:$C$346,3,0)-VLOOKUP(AX$1,városok!$A$2:$C$346,3,0))^2)/1000,0)</f>
        <v>178</v>
      </c>
      <c r="AY331">
        <f ca="1">ROUND(SQRT((VLOOKUP($A331,városok!$A$2:$C$346,2,0)-VLOOKUP(AY$1,városok!$A$2:$C$346,2,0))^2+(VLOOKUP($A331,városok!$A$2:$C$346,3,0)-VLOOKUP(AY$1,városok!$A$2:$C$346,3,0))^2)/1000,0)</f>
        <v>126</v>
      </c>
      <c r="AZ331">
        <f ca="1">ROUND(SQRT((VLOOKUP($A331,városok!$A$2:$C$346,2,0)-VLOOKUP(AZ$1,városok!$A$2:$C$346,2,0))^2+(VLOOKUP($A331,városok!$A$2:$C$346,3,0)-VLOOKUP(AZ$1,városok!$A$2:$C$346,3,0))^2)/1000,0)</f>
        <v>124</v>
      </c>
      <c r="BA331">
        <f ca="1">ROUND(SQRT((VLOOKUP($A331,városok!$A$2:$C$346,2,0)-VLOOKUP(BA$1,városok!$A$2:$C$346,2,0))^2+(VLOOKUP($A331,városok!$A$2:$C$346,3,0)-VLOOKUP(BA$1,városok!$A$2:$C$346,3,0))^2)/1000,0)</f>
        <v>63</v>
      </c>
      <c r="BB331">
        <f ca="1">ROUND(SQRT((VLOOKUP($A331,városok!$A$2:$C$346,2,0)-VLOOKUP(BB$1,városok!$A$2:$C$346,2,0))^2+(VLOOKUP($A331,városok!$A$2:$C$346,3,0)-VLOOKUP(BB$1,városok!$A$2:$C$346,3,0))^2)/1000,0)</f>
        <v>95</v>
      </c>
      <c r="BC331">
        <f ca="1">ROUND(SQRT((VLOOKUP($A331,városok!$A$2:$C$346,2,0)-VLOOKUP(BC$1,városok!$A$2:$C$346,2,0))^2+(VLOOKUP($A331,városok!$A$2:$C$346,3,0)-VLOOKUP(BC$1,városok!$A$2:$C$346,3,0))^2)/1000,0)</f>
        <v>111</v>
      </c>
      <c r="BD331">
        <f ca="1">ROUND(SQRT((VLOOKUP($A331,városok!$A$2:$C$346,2,0)-VLOOKUP(BD$1,városok!$A$2:$C$346,2,0))^2+(VLOOKUP($A331,városok!$A$2:$C$346,3,0)-VLOOKUP(BD$1,városok!$A$2:$C$346,3,0))^2)/1000,0)</f>
        <v>65</v>
      </c>
      <c r="BE331">
        <f ca="1">ROUND(SQRT((VLOOKUP($A331,városok!$A$2:$C$346,2,0)-VLOOKUP(BE$1,városok!$A$2:$C$346,2,0))^2+(VLOOKUP($A331,városok!$A$2:$C$346,3,0)-VLOOKUP(BE$1,városok!$A$2:$C$346,3,0))^2)/1000,0)</f>
        <v>395</v>
      </c>
      <c r="BF331">
        <f ca="1">ROUND(SQRT((VLOOKUP($A331,városok!$A$2:$C$346,2,0)-VLOOKUP(BF$1,városok!$A$2:$C$346,2,0))^2+(VLOOKUP($A331,városok!$A$2:$C$346,3,0)-VLOOKUP(BF$1,városok!$A$2:$C$346,3,0))^2)/1000,0)</f>
        <v>359</v>
      </c>
      <c r="BG331">
        <f ca="1">ROUND(SQRT((VLOOKUP($A331,városok!$A$2:$C$346,2,0)-VLOOKUP(BG$1,városok!$A$2:$C$346,2,0))^2+(VLOOKUP($A331,városok!$A$2:$C$346,3,0)-VLOOKUP(BG$1,városok!$A$2:$C$346,3,0))^2)/1000,0)</f>
        <v>312</v>
      </c>
      <c r="BH331">
        <f ca="1">ROUND(SQRT((VLOOKUP($A331,városok!$A$2:$C$346,2,0)-VLOOKUP(BH$1,városok!$A$2:$C$346,2,0))^2+(VLOOKUP($A331,városok!$A$2:$C$346,3,0)-VLOOKUP(BH$1,városok!$A$2:$C$346,3,0))^2)/1000,0)</f>
        <v>312</v>
      </c>
      <c r="BI331">
        <f ca="1">ROUND(SQRT((VLOOKUP($A331,városok!$A$2:$C$346,2,0)-VLOOKUP(BI$1,városok!$A$2:$C$346,2,0))^2+(VLOOKUP($A331,városok!$A$2:$C$346,3,0)-VLOOKUP(BI$1,városok!$A$2:$C$346,3,0))^2)/1000,0)</f>
        <v>136</v>
      </c>
      <c r="BJ331">
        <f ca="1">ROUND(SQRT((VLOOKUP($A331,városok!$A$2:$C$346,2,0)-VLOOKUP(BJ$1,városok!$A$2:$C$346,2,0))^2+(VLOOKUP($A331,városok!$A$2:$C$346,3,0)-VLOOKUP(BJ$1,városok!$A$2:$C$346,3,0))^2)/1000,0)</f>
        <v>138</v>
      </c>
      <c r="BK331">
        <f ca="1">ROUND(SQRT((VLOOKUP($A331,városok!$A$2:$C$346,2,0)-VLOOKUP(BK$1,városok!$A$2:$C$346,2,0))^2+(VLOOKUP($A331,városok!$A$2:$C$346,3,0)-VLOOKUP(BK$1,városok!$A$2:$C$346,3,0))^2)/1000,0)</f>
        <v>144</v>
      </c>
      <c r="BL331">
        <f ca="1">ROUND(SQRT((VLOOKUP($A331,városok!$A$2:$C$346,2,0)-VLOOKUP(BL$1,városok!$A$2:$C$346,2,0))^2+(VLOOKUP($A331,városok!$A$2:$C$346,3,0)-VLOOKUP(BL$1,városok!$A$2:$C$346,3,0))^2)/1000,0)</f>
        <v>74</v>
      </c>
      <c r="BM331">
        <f ca="1">ROUND(SQRT((VLOOKUP($A331,városok!$A$2:$C$346,2,0)-VLOOKUP(BM$1,városok!$A$2:$C$346,2,0))^2+(VLOOKUP($A331,városok!$A$2:$C$346,3,0)-VLOOKUP(BM$1,városok!$A$2:$C$346,3,0))^2)/1000,0)</f>
        <v>42</v>
      </c>
      <c r="BN331">
        <f ca="1">ROUND(SQRT((VLOOKUP($A331,városok!$A$2:$C$346,2,0)-VLOOKUP(BN$1,városok!$A$2:$C$346,2,0))^2+(VLOOKUP($A331,városok!$A$2:$C$346,3,0)-VLOOKUP(BN$1,városok!$A$2:$C$346,3,0))^2)/1000,0)</f>
        <v>65</v>
      </c>
      <c r="BO331">
        <f ca="1">ROUND(SQRT((VLOOKUP($A331,városok!$A$2:$C$346,2,0)-VLOOKUP(BO$1,városok!$A$2:$C$346,2,0))^2+(VLOOKUP($A331,városok!$A$2:$C$346,3,0)-VLOOKUP(BO$1,városok!$A$2:$C$346,3,0))^2)/1000,0)</f>
        <v>53</v>
      </c>
      <c r="BP331">
        <f ca="1">ROUND(SQRT((VLOOKUP($A331,városok!$A$2:$C$346,2,0)-VLOOKUP(BP$1,városok!$A$2:$C$346,2,0))^2+(VLOOKUP($A331,városok!$A$2:$C$346,3,0)-VLOOKUP(BP$1,városok!$A$2:$C$346,3,0))^2)/1000,0)</f>
        <v>58</v>
      </c>
      <c r="BQ331">
        <f ca="1">ROUND(SQRT((VLOOKUP($A331,városok!$A$2:$C$346,2,0)-VLOOKUP(BQ$1,városok!$A$2:$C$346,2,0))^2+(VLOOKUP($A331,városok!$A$2:$C$346,3,0)-VLOOKUP(BQ$1,városok!$A$2:$C$346,3,0))^2)/1000,0)</f>
        <v>42</v>
      </c>
      <c r="BR331">
        <f ca="1">ROUND(SQRT((VLOOKUP($A331,városok!$A$2:$C$346,2,0)-VLOOKUP(BR$1,városok!$A$2:$C$346,2,0))^2+(VLOOKUP($A331,városok!$A$2:$C$346,3,0)-VLOOKUP(BR$1,városok!$A$2:$C$346,3,0))^2)/1000,0)</f>
        <v>64</v>
      </c>
      <c r="BS331">
        <f ca="1">ROUND(SQRT((VLOOKUP($A331,városok!$A$2:$C$346,2,0)-VLOOKUP(BS$1,városok!$A$2:$C$346,2,0))^2+(VLOOKUP($A331,városok!$A$2:$C$346,3,0)-VLOOKUP(BS$1,városok!$A$2:$C$346,3,0))^2)/1000,0)</f>
        <v>104</v>
      </c>
      <c r="BT331">
        <f ca="1">ROUND(SQRT((VLOOKUP($A331,városok!$A$2:$C$346,2,0)-VLOOKUP(BT$1,városok!$A$2:$C$346,2,0))^2+(VLOOKUP($A331,városok!$A$2:$C$346,3,0)-VLOOKUP(BT$1,városok!$A$2:$C$346,3,0))^2)/1000,0)</f>
        <v>73</v>
      </c>
    </row>
    <row r="332" spans="1:72" x14ac:dyDescent="0.2">
      <c r="A332" t="str">
        <f>városok!A332</f>
        <v>Sümeg</v>
      </c>
      <c r="B332">
        <f ca="1">ROUND(SQRT((VLOOKUP($A332,városok!$A$2:$C$346,2,0)-VLOOKUP(B$1,városok!$A$2:$C$346,2,0))^2+(VLOOKUP($A332,városok!$A$2:$C$346,3,0)-VLOOKUP(B$1,városok!$A$2:$C$346,3,0))^2)/1000,0)</f>
        <v>156</v>
      </c>
      <c r="C332">
        <f ca="1">ROUND(SQRT((VLOOKUP($A332,városok!$A$2:$C$346,2,0)-VLOOKUP(C$1,városok!$A$2:$C$346,2,0))^2+(VLOOKUP($A332,városok!$A$2:$C$346,3,0)-VLOOKUP(C$1,városok!$A$2:$C$346,3,0))^2)/1000,0)</f>
        <v>139</v>
      </c>
      <c r="D332">
        <f ca="1">ROUND(SQRT((VLOOKUP($A332,városok!$A$2:$C$346,2,0)-VLOOKUP(D$1,városok!$A$2:$C$346,2,0))^2+(VLOOKUP($A332,városok!$A$2:$C$346,3,0)-VLOOKUP(D$1,városok!$A$2:$C$346,3,0))^2)/1000,0)</f>
        <v>183</v>
      </c>
      <c r="E332">
        <f ca="1">ROUND(SQRT((VLOOKUP($A332,városok!$A$2:$C$346,2,0)-VLOOKUP(E$1,városok!$A$2:$C$346,2,0))^2+(VLOOKUP($A332,városok!$A$2:$C$346,3,0)-VLOOKUP(E$1,városok!$A$2:$C$346,3,0))^2)/1000,0)</f>
        <v>115</v>
      </c>
      <c r="F332">
        <f ca="1">ROUND(SQRT((VLOOKUP($A332,városok!$A$2:$C$346,2,0)-VLOOKUP(F$1,városok!$A$2:$C$346,2,0))^2+(VLOOKUP($A332,városok!$A$2:$C$346,3,0)-VLOOKUP(F$1,városok!$A$2:$C$346,3,0))^2)/1000,0)</f>
        <v>154</v>
      </c>
      <c r="G332">
        <f ca="1">ROUND(SQRT((VLOOKUP($A332,városok!$A$2:$C$346,2,0)-VLOOKUP(G$1,városok!$A$2:$C$346,2,0))^2+(VLOOKUP($A332,városok!$A$2:$C$346,3,0)-VLOOKUP(G$1,városok!$A$2:$C$346,3,0))^2)/1000,0)</f>
        <v>124</v>
      </c>
      <c r="H332">
        <f ca="1">ROUND(SQRT((VLOOKUP($A332,városok!$A$2:$C$346,2,0)-VLOOKUP(H$1,városok!$A$2:$C$346,2,0))^2+(VLOOKUP($A332,városok!$A$2:$C$346,3,0)-VLOOKUP(H$1,városok!$A$2:$C$346,3,0))^2)/1000,0)</f>
        <v>111</v>
      </c>
      <c r="I332">
        <f ca="1">ROUND(SQRT((VLOOKUP($A332,városok!$A$2:$C$346,2,0)-VLOOKUP(I$1,városok!$A$2:$C$346,2,0))^2+(VLOOKUP($A332,városok!$A$2:$C$346,3,0)-VLOOKUP(I$1,városok!$A$2:$C$346,3,0))^2)/1000,0)</f>
        <v>291</v>
      </c>
      <c r="J332">
        <f ca="1">ROUND(SQRT((VLOOKUP($A332,városok!$A$2:$C$346,2,0)-VLOOKUP(J$1,városok!$A$2:$C$346,2,0))^2+(VLOOKUP($A332,városok!$A$2:$C$346,3,0)-VLOOKUP(J$1,városok!$A$2:$C$346,3,0))^2)/1000,0)</f>
        <v>307</v>
      </c>
      <c r="K332">
        <f ca="1">ROUND(SQRT((VLOOKUP($A332,városok!$A$2:$C$346,2,0)-VLOOKUP(K$1,városok!$A$2:$C$346,2,0))^2+(VLOOKUP($A332,városok!$A$2:$C$346,3,0)-VLOOKUP(K$1,városok!$A$2:$C$346,3,0))^2)/1000,0)</f>
        <v>262</v>
      </c>
      <c r="L332">
        <f ca="1">ROUND(SQRT((VLOOKUP($A332,városok!$A$2:$C$346,2,0)-VLOOKUP(L$1,városok!$A$2:$C$346,2,0))^2+(VLOOKUP($A332,városok!$A$2:$C$346,3,0)-VLOOKUP(L$1,városok!$A$2:$C$346,3,0))^2)/1000,0)</f>
        <v>289</v>
      </c>
      <c r="M332">
        <f ca="1">ROUND(SQRT((VLOOKUP($A332,városok!$A$2:$C$346,2,0)-VLOOKUP(M$1,városok!$A$2:$C$346,2,0))^2+(VLOOKUP($A332,városok!$A$2:$C$346,3,0)-VLOOKUP(M$1,városok!$A$2:$C$346,3,0))^2)/1000,0)</f>
        <v>292</v>
      </c>
      <c r="N332">
        <f ca="1">ROUND(SQRT((VLOOKUP($A332,városok!$A$2:$C$346,2,0)-VLOOKUP(N$1,városok!$A$2:$C$346,2,0))^2+(VLOOKUP($A332,városok!$A$2:$C$346,3,0)-VLOOKUP(N$1,városok!$A$2:$C$346,3,0))^2)/1000,0)</f>
        <v>265</v>
      </c>
      <c r="O332">
        <f ca="1">ROUND(SQRT((VLOOKUP($A332,városok!$A$2:$C$346,2,0)-VLOOKUP(O$1,városok!$A$2:$C$346,2,0))^2+(VLOOKUP($A332,városok!$A$2:$C$346,3,0)-VLOOKUP(O$1,városok!$A$2:$C$346,3,0))^2)/1000,0)</f>
        <v>364</v>
      </c>
      <c r="P332">
        <f ca="1">ROUND(SQRT((VLOOKUP($A332,városok!$A$2:$C$346,2,0)-VLOOKUP(P$1,városok!$A$2:$C$346,2,0))^2+(VLOOKUP($A332,városok!$A$2:$C$346,3,0)-VLOOKUP(P$1,városok!$A$2:$C$346,3,0))^2)/1000,0)</f>
        <v>364</v>
      </c>
      <c r="Q332">
        <f ca="1">ROUND(SQRT((VLOOKUP($A332,városok!$A$2:$C$346,2,0)-VLOOKUP(Q$1,városok!$A$2:$C$346,2,0))^2+(VLOOKUP($A332,városok!$A$2:$C$346,3,0)-VLOOKUP(Q$1,városok!$A$2:$C$346,3,0))^2)/1000,0)</f>
        <v>240</v>
      </c>
      <c r="R332">
        <f ca="1">ROUND(SQRT((VLOOKUP($A332,városok!$A$2:$C$346,2,0)-VLOOKUP(R$1,városok!$A$2:$C$346,2,0))^2+(VLOOKUP($A332,városok!$A$2:$C$346,3,0)-VLOOKUP(R$1,városok!$A$2:$C$346,3,0))^2)/1000,0)</f>
        <v>259</v>
      </c>
      <c r="S332">
        <f ca="1">ROUND(SQRT((VLOOKUP($A332,városok!$A$2:$C$346,2,0)-VLOOKUP(S$1,városok!$A$2:$C$346,2,0))^2+(VLOOKUP($A332,városok!$A$2:$C$346,3,0)-VLOOKUP(S$1,városok!$A$2:$C$346,3,0))^2)/1000,0)</f>
        <v>235</v>
      </c>
      <c r="T332">
        <f ca="1">ROUND(SQRT((VLOOKUP($A332,városok!$A$2:$C$346,2,0)-VLOOKUP(T$1,városok!$A$2:$C$346,2,0))^2+(VLOOKUP($A332,városok!$A$2:$C$346,3,0)-VLOOKUP(T$1,városok!$A$2:$C$346,3,0))^2)/1000,0)</f>
        <v>117</v>
      </c>
      <c r="U332">
        <f ca="1">ROUND(SQRT((VLOOKUP($A332,városok!$A$2:$C$346,2,0)-VLOOKUP(U$1,városok!$A$2:$C$346,2,0))^2+(VLOOKUP($A332,városok!$A$2:$C$346,3,0)-VLOOKUP(U$1,városok!$A$2:$C$346,3,0))^2)/1000,0)</f>
        <v>125</v>
      </c>
      <c r="V332">
        <f ca="1">ROUND(SQRT((VLOOKUP($A332,városok!$A$2:$C$346,2,0)-VLOOKUP(V$1,városok!$A$2:$C$346,2,0))^2+(VLOOKUP($A332,városok!$A$2:$C$346,3,0)-VLOOKUP(V$1,városok!$A$2:$C$346,3,0))^2)/1000,0)</f>
        <v>78</v>
      </c>
      <c r="W332">
        <f ca="1">ROUND(SQRT((VLOOKUP($A332,városok!$A$2:$C$346,2,0)-VLOOKUP(W$1,városok!$A$2:$C$346,2,0))^2+(VLOOKUP($A332,városok!$A$2:$C$346,3,0)-VLOOKUP(W$1,városok!$A$2:$C$346,3,0))^2)/1000,0)</f>
        <v>102</v>
      </c>
      <c r="X332">
        <f ca="1">ROUND(SQRT((VLOOKUP($A332,városok!$A$2:$C$346,2,0)-VLOOKUP(X$1,városok!$A$2:$C$346,2,0))^2+(VLOOKUP($A332,városok!$A$2:$C$346,3,0)-VLOOKUP(X$1,városok!$A$2:$C$346,3,0))^2)/1000,0)</f>
        <v>86</v>
      </c>
      <c r="Y332">
        <f ca="1">ROUND(SQRT((VLOOKUP($A332,városok!$A$2:$C$346,2,0)-VLOOKUP(Y$1,városok!$A$2:$C$346,2,0))^2+(VLOOKUP($A332,városok!$A$2:$C$346,3,0)-VLOOKUP(Y$1,városok!$A$2:$C$346,3,0))^2)/1000,0)</f>
        <v>83</v>
      </c>
      <c r="Z332">
        <f ca="1">ROUND(SQRT((VLOOKUP($A332,városok!$A$2:$C$346,2,0)-VLOOKUP(Z$1,városok!$A$2:$C$346,2,0))^2+(VLOOKUP($A332,városok!$A$2:$C$346,3,0)-VLOOKUP(Z$1,városok!$A$2:$C$346,3,0))^2)/1000,0)</f>
        <v>85</v>
      </c>
      <c r="AA332">
        <f ca="1">ROUND(SQRT((VLOOKUP($A332,városok!$A$2:$C$346,2,0)-VLOOKUP(AA$1,városok!$A$2:$C$346,2,0))^2+(VLOOKUP($A332,városok!$A$2:$C$346,3,0)-VLOOKUP(AA$1,városok!$A$2:$C$346,3,0))^2)/1000,0)</f>
        <v>95</v>
      </c>
      <c r="AB332">
        <f ca="1">ROUND(SQRT((VLOOKUP($A332,városok!$A$2:$C$346,2,0)-VLOOKUP(AB$1,városok!$A$2:$C$346,2,0))^2+(VLOOKUP($A332,városok!$A$2:$C$346,3,0)-VLOOKUP(AB$1,városok!$A$2:$C$346,3,0))^2)/1000,0)</f>
        <v>335</v>
      </c>
      <c r="AC332">
        <f ca="1">ROUND(SQRT((VLOOKUP($A332,városok!$A$2:$C$346,2,0)-VLOOKUP(AC$1,városok!$A$2:$C$346,2,0))^2+(VLOOKUP($A332,városok!$A$2:$C$346,3,0)-VLOOKUP(AC$1,városok!$A$2:$C$346,3,0))^2)/1000,0)</f>
        <v>316</v>
      </c>
      <c r="AD332">
        <f ca="1">ROUND(SQRT((VLOOKUP($A332,városok!$A$2:$C$346,2,0)-VLOOKUP(AD$1,városok!$A$2:$C$346,2,0))^2+(VLOOKUP($A332,városok!$A$2:$C$346,3,0)-VLOOKUP(AD$1,városok!$A$2:$C$346,3,0))^2)/1000,0)</f>
        <v>298</v>
      </c>
      <c r="AE332">
        <f ca="1">ROUND(SQRT((VLOOKUP($A332,városok!$A$2:$C$346,2,0)-VLOOKUP(AE$1,városok!$A$2:$C$346,2,0))^2+(VLOOKUP($A332,városok!$A$2:$C$346,3,0)-VLOOKUP(AE$1,városok!$A$2:$C$346,3,0))^2)/1000,0)</f>
        <v>296</v>
      </c>
      <c r="AF332">
        <f ca="1">ROUND(SQRT((VLOOKUP($A332,városok!$A$2:$C$346,2,0)-VLOOKUP(AF$1,városok!$A$2:$C$346,2,0))^2+(VLOOKUP($A332,városok!$A$2:$C$346,3,0)-VLOOKUP(AF$1,városok!$A$2:$C$346,3,0))^2)/1000,0)</f>
        <v>255</v>
      </c>
      <c r="AG332">
        <f ca="1">ROUND(SQRT((VLOOKUP($A332,városok!$A$2:$C$346,2,0)-VLOOKUP(AG$1,városok!$A$2:$C$346,2,0))^2+(VLOOKUP($A332,városok!$A$2:$C$346,3,0)-VLOOKUP(AG$1,városok!$A$2:$C$346,3,0))^2)/1000,0)</f>
        <v>218</v>
      </c>
      <c r="AH332">
        <f ca="1">ROUND(SQRT((VLOOKUP($A332,városok!$A$2:$C$346,2,0)-VLOOKUP(AH$1,városok!$A$2:$C$346,2,0))^2+(VLOOKUP($A332,városok!$A$2:$C$346,3,0)-VLOOKUP(AH$1,városok!$A$2:$C$346,3,0))^2)/1000,0)</f>
        <v>196</v>
      </c>
      <c r="AI332">
        <f ca="1">ROUND(SQRT((VLOOKUP($A332,városok!$A$2:$C$346,2,0)-VLOOKUP(AI$1,városok!$A$2:$C$346,2,0))^2+(VLOOKUP($A332,városok!$A$2:$C$346,3,0)-VLOOKUP(AI$1,városok!$A$2:$C$346,3,0))^2)/1000,0)</f>
        <v>241</v>
      </c>
      <c r="AJ332">
        <f ca="1">ROUND(SQRT((VLOOKUP($A332,városok!$A$2:$C$346,2,0)-VLOOKUP(AJ$1,városok!$A$2:$C$346,2,0))^2+(VLOOKUP($A332,városok!$A$2:$C$346,3,0)-VLOOKUP(AJ$1,városok!$A$2:$C$346,3,0))^2)/1000,0)</f>
        <v>216</v>
      </c>
      <c r="AK332">
        <f ca="1">ROUND(SQRT((VLOOKUP($A332,városok!$A$2:$C$346,2,0)-VLOOKUP(AK$1,városok!$A$2:$C$346,2,0))^2+(VLOOKUP($A332,városok!$A$2:$C$346,3,0)-VLOOKUP(AK$1,városok!$A$2:$C$346,3,0))^2)/1000,0)</f>
        <v>282</v>
      </c>
      <c r="AL332">
        <f ca="1">ROUND(SQRT((VLOOKUP($A332,városok!$A$2:$C$346,2,0)-VLOOKUP(AL$1,városok!$A$2:$C$346,2,0))^2+(VLOOKUP($A332,városok!$A$2:$C$346,3,0)-VLOOKUP(AL$1,városok!$A$2:$C$346,3,0))^2)/1000,0)</f>
        <v>257</v>
      </c>
      <c r="AM332">
        <f ca="1">ROUND(SQRT((VLOOKUP($A332,városok!$A$2:$C$346,2,0)-VLOOKUP(AM$1,városok!$A$2:$C$346,2,0))^2+(VLOOKUP($A332,városok!$A$2:$C$346,3,0)-VLOOKUP(AM$1,városok!$A$2:$C$346,3,0))^2)/1000,0)</f>
        <v>221</v>
      </c>
      <c r="AN332">
        <f ca="1">ROUND(SQRT((VLOOKUP($A332,városok!$A$2:$C$346,2,0)-VLOOKUP(AN$1,városok!$A$2:$C$346,2,0))^2+(VLOOKUP($A332,városok!$A$2:$C$346,3,0)-VLOOKUP(AN$1,városok!$A$2:$C$346,3,0))^2)/1000,0)</f>
        <v>142</v>
      </c>
      <c r="AO332">
        <f ca="1">ROUND(SQRT((VLOOKUP($A332,városok!$A$2:$C$346,2,0)-VLOOKUP(AO$1,városok!$A$2:$C$346,2,0))^2+(VLOOKUP($A332,városok!$A$2:$C$346,3,0)-VLOOKUP(AO$1,városok!$A$2:$C$346,3,0))^2)/1000,0)</f>
        <v>106</v>
      </c>
      <c r="AP332">
        <f ca="1">ROUND(SQRT((VLOOKUP($A332,városok!$A$2:$C$346,2,0)-VLOOKUP(AP$1,városok!$A$2:$C$346,2,0))^2+(VLOOKUP($A332,városok!$A$2:$C$346,3,0)-VLOOKUP(AP$1,városok!$A$2:$C$346,3,0))^2)/1000,0)</f>
        <v>108</v>
      </c>
      <c r="AQ332">
        <f ca="1">ROUND(SQRT((VLOOKUP($A332,városok!$A$2:$C$346,2,0)-VLOOKUP(AQ$1,városok!$A$2:$C$346,2,0))^2+(VLOOKUP($A332,városok!$A$2:$C$346,3,0)-VLOOKUP(AQ$1,városok!$A$2:$C$346,3,0))^2)/1000,0)</f>
        <v>107</v>
      </c>
      <c r="AR332">
        <f ca="1">ROUND(SQRT((VLOOKUP($A332,városok!$A$2:$C$346,2,0)-VLOOKUP(AR$1,városok!$A$2:$C$346,2,0))^2+(VLOOKUP($A332,városok!$A$2:$C$346,3,0)-VLOOKUP(AR$1,városok!$A$2:$C$346,3,0))^2)/1000,0)</f>
        <v>210</v>
      </c>
      <c r="AS332">
        <f ca="1">ROUND(SQRT((VLOOKUP($A332,városok!$A$2:$C$346,2,0)-VLOOKUP(AS$1,városok!$A$2:$C$346,2,0))^2+(VLOOKUP($A332,városok!$A$2:$C$346,3,0)-VLOOKUP(AS$1,városok!$A$2:$C$346,3,0))^2)/1000,0)</f>
        <v>228</v>
      </c>
      <c r="AT332">
        <f ca="1">ROUND(SQRT((VLOOKUP($A332,városok!$A$2:$C$346,2,0)-VLOOKUP(AT$1,városok!$A$2:$C$346,2,0))^2+(VLOOKUP($A332,városok!$A$2:$C$346,3,0)-VLOOKUP(AT$1,városok!$A$2:$C$346,3,0))^2)/1000,0)</f>
        <v>128</v>
      </c>
      <c r="AU332">
        <f ca="1">ROUND(SQRT((VLOOKUP($A332,városok!$A$2:$C$346,2,0)-VLOOKUP(AU$1,városok!$A$2:$C$346,2,0))^2+(VLOOKUP($A332,városok!$A$2:$C$346,3,0)-VLOOKUP(AU$1,városok!$A$2:$C$346,3,0))^2)/1000,0)</f>
        <v>138</v>
      </c>
      <c r="AV332">
        <f ca="1">ROUND(SQRT((VLOOKUP($A332,városok!$A$2:$C$346,2,0)-VLOOKUP(AV$1,városok!$A$2:$C$346,2,0))^2+(VLOOKUP($A332,városok!$A$2:$C$346,3,0)-VLOOKUP(AV$1,városok!$A$2:$C$346,3,0))^2)/1000,0)</f>
        <v>135</v>
      </c>
      <c r="AW332">
        <f ca="1">ROUND(SQRT((VLOOKUP($A332,városok!$A$2:$C$346,2,0)-VLOOKUP(AW$1,városok!$A$2:$C$346,2,0))^2+(VLOOKUP($A332,városok!$A$2:$C$346,3,0)-VLOOKUP(AW$1,városok!$A$2:$C$346,3,0))^2)/1000,0)</f>
        <v>131</v>
      </c>
      <c r="AX332">
        <f ca="1">ROUND(SQRT((VLOOKUP($A332,városok!$A$2:$C$346,2,0)-VLOOKUP(AX$1,városok!$A$2:$C$346,2,0))^2+(VLOOKUP($A332,városok!$A$2:$C$346,3,0)-VLOOKUP(AX$1,városok!$A$2:$C$346,3,0))^2)/1000,0)</f>
        <v>190</v>
      </c>
      <c r="AY332">
        <f ca="1">ROUND(SQRT((VLOOKUP($A332,városok!$A$2:$C$346,2,0)-VLOOKUP(AY$1,városok!$A$2:$C$346,2,0))^2+(VLOOKUP($A332,városok!$A$2:$C$346,3,0)-VLOOKUP(AY$1,városok!$A$2:$C$346,3,0))^2)/1000,0)</f>
        <v>155</v>
      </c>
      <c r="AZ332">
        <f ca="1">ROUND(SQRT((VLOOKUP($A332,városok!$A$2:$C$346,2,0)-VLOOKUP(AZ$1,városok!$A$2:$C$346,2,0))^2+(VLOOKUP($A332,városok!$A$2:$C$346,3,0)-VLOOKUP(AZ$1,városok!$A$2:$C$346,3,0))^2)/1000,0)</f>
        <v>156</v>
      </c>
      <c r="BA332">
        <f ca="1">ROUND(SQRT((VLOOKUP($A332,városok!$A$2:$C$346,2,0)-VLOOKUP(BA$1,városok!$A$2:$C$346,2,0))^2+(VLOOKUP($A332,városok!$A$2:$C$346,3,0)-VLOOKUP(BA$1,városok!$A$2:$C$346,3,0))^2)/1000,0)</f>
        <v>39</v>
      </c>
      <c r="BB332">
        <f ca="1">ROUND(SQRT((VLOOKUP($A332,városok!$A$2:$C$346,2,0)-VLOOKUP(BB$1,városok!$A$2:$C$346,2,0))^2+(VLOOKUP($A332,városok!$A$2:$C$346,3,0)-VLOOKUP(BB$1,városok!$A$2:$C$346,3,0))^2)/1000,0)</f>
        <v>70</v>
      </c>
      <c r="BC332">
        <f ca="1">ROUND(SQRT((VLOOKUP($A332,városok!$A$2:$C$346,2,0)-VLOOKUP(BC$1,városok!$A$2:$C$346,2,0))^2+(VLOOKUP($A332,városok!$A$2:$C$346,3,0)-VLOOKUP(BC$1,városok!$A$2:$C$346,3,0))^2)/1000,0)</f>
        <v>79</v>
      </c>
      <c r="BD332">
        <f ca="1">ROUND(SQRT((VLOOKUP($A332,városok!$A$2:$C$346,2,0)-VLOOKUP(BD$1,városok!$A$2:$C$346,2,0))^2+(VLOOKUP($A332,városok!$A$2:$C$346,3,0)-VLOOKUP(BD$1,városok!$A$2:$C$346,3,0))^2)/1000,0)</f>
        <v>60</v>
      </c>
      <c r="BE332">
        <f ca="1">ROUND(SQRT((VLOOKUP($A332,városok!$A$2:$C$346,2,0)-VLOOKUP(BE$1,városok!$A$2:$C$346,2,0))^2+(VLOOKUP($A332,városok!$A$2:$C$346,3,0)-VLOOKUP(BE$1,városok!$A$2:$C$346,3,0))^2)/1000,0)</f>
        <v>417</v>
      </c>
      <c r="BF332">
        <f ca="1">ROUND(SQRT((VLOOKUP($A332,városok!$A$2:$C$346,2,0)-VLOOKUP(BF$1,városok!$A$2:$C$346,2,0))^2+(VLOOKUP($A332,városok!$A$2:$C$346,3,0)-VLOOKUP(BF$1,városok!$A$2:$C$346,3,0))^2)/1000,0)</f>
        <v>386</v>
      </c>
      <c r="BG332">
        <f ca="1">ROUND(SQRT((VLOOKUP($A332,városok!$A$2:$C$346,2,0)-VLOOKUP(BG$1,városok!$A$2:$C$346,2,0))^2+(VLOOKUP($A332,városok!$A$2:$C$346,3,0)-VLOOKUP(BG$1,városok!$A$2:$C$346,3,0))^2)/1000,0)</f>
        <v>339</v>
      </c>
      <c r="BH332">
        <f ca="1">ROUND(SQRT((VLOOKUP($A332,városok!$A$2:$C$346,2,0)-VLOOKUP(BH$1,városok!$A$2:$C$346,2,0))^2+(VLOOKUP($A332,városok!$A$2:$C$346,3,0)-VLOOKUP(BH$1,városok!$A$2:$C$346,3,0))^2)/1000,0)</f>
        <v>339</v>
      </c>
      <c r="BI332">
        <f ca="1">ROUND(SQRT((VLOOKUP($A332,városok!$A$2:$C$346,2,0)-VLOOKUP(BI$1,városok!$A$2:$C$346,2,0))^2+(VLOOKUP($A332,városok!$A$2:$C$346,3,0)-VLOOKUP(BI$1,városok!$A$2:$C$346,3,0))^2)/1000,0)</f>
        <v>121</v>
      </c>
      <c r="BJ332">
        <f ca="1">ROUND(SQRT((VLOOKUP($A332,városok!$A$2:$C$346,2,0)-VLOOKUP(BJ$1,városok!$A$2:$C$346,2,0))^2+(VLOOKUP($A332,városok!$A$2:$C$346,3,0)-VLOOKUP(BJ$1,városok!$A$2:$C$346,3,0))^2)/1000,0)</f>
        <v>118</v>
      </c>
      <c r="BK332">
        <f ca="1">ROUND(SQRT((VLOOKUP($A332,városok!$A$2:$C$346,2,0)-VLOOKUP(BK$1,városok!$A$2:$C$346,2,0))^2+(VLOOKUP($A332,városok!$A$2:$C$346,3,0)-VLOOKUP(BK$1,városok!$A$2:$C$346,3,0))^2)/1000,0)</f>
        <v>129</v>
      </c>
      <c r="BL332">
        <f ca="1">ROUND(SQRT((VLOOKUP($A332,városok!$A$2:$C$346,2,0)-VLOOKUP(BL$1,városok!$A$2:$C$346,2,0))^2+(VLOOKUP($A332,városok!$A$2:$C$346,3,0)-VLOOKUP(BL$1,városok!$A$2:$C$346,3,0))^2)/1000,0)</f>
        <v>52</v>
      </c>
      <c r="BM332">
        <f ca="1">ROUND(SQRT((VLOOKUP($A332,városok!$A$2:$C$346,2,0)-VLOOKUP(BM$1,városok!$A$2:$C$346,2,0))^2+(VLOOKUP($A332,városok!$A$2:$C$346,3,0)-VLOOKUP(BM$1,városok!$A$2:$C$346,3,0))^2)/1000,0)</f>
        <v>41</v>
      </c>
      <c r="BN332">
        <f ca="1">ROUND(SQRT((VLOOKUP($A332,városok!$A$2:$C$346,2,0)-VLOOKUP(BN$1,városok!$A$2:$C$346,2,0))^2+(VLOOKUP($A332,városok!$A$2:$C$346,3,0)-VLOOKUP(BN$1,városok!$A$2:$C$346,3,0))^2)/1000,0)</f>
        <v>58</v>
      </c>
      <c r="BO332">
        <f ca="1">ROUND(SQRT((VLOOKUP($A332,városok!$A$2:$C$346,2,0)-VLOOKUP(BO$1,városok!$A$2:$C$346,2,0))^2+(VLOOKUP($A332,városok!$A$2:$C$346,3,0)-VLOOKUP(BO$1,városok!$A$2:$C$346,3,0))^2)/1000,0)</f>
        <v>56</v>
      </c>
      <c r="BP332">
        <f ca="1">ROUND(SQRT((VLOOKUP($A332,városok!$A$2:$C$346,2,0)-VLOOKUP(BP$1,városok!$A$2:$C$346,2,0))^2+(VLOOKUP($A332,városok!$A$2:$C$346,3,0)-VLOOKUP(BP$1,városok!$A$2:$C$346,3,0))^2)/1000,0)</f>
        <v>63</v>
      </c>
      <c r="BQ332">
        <f ca="1">ROUND(SQRT((VLOOKUP($A332,városok!$A$2:$C$346,2,0)-VLOOKUP(BQ$1,városok!$A$2:$C$346,2,0))^2+(VLOOKUP($A332,városok!$A$2:$C$346,3,0)-VLOOKUP(BQ$1,városok!$A$2:$C$346,3,0))^2)/1000,0)</f>
        <v>49</v>
      </c>
      <c r="BR332">
        <f ca="1">ROUND(SQRT((VLOOKUP($A332,városok!$A$2:$C$346,2,0)-VLOOKUP(BR$1,városok!$A$2:$C$346,2,0))^2+(VLOOKUP($A332,városok!$A$2:$C$346,3,0)-VLOOKUP(BR$1,városok!$A$2:$C$346,3,0))^2)/1000,0)</f>
        <v>23</v>
      </c>
      <c r="BS332">
        <f ca="1">ROUND(SQRT((VLOOKUP($A332,városok!$A$2:$C$346,2,0)-VLOOKUP(BS$1,városok!$A$2:$C$346,2,0))^2+(VLOOKUP($A332,városok!$A$2:$C$346,3,0)-VLOOKUP(BS$1,városok!$A$2:$C$346,3,0))^2)/1000,0)</f>
        <v>63</v>
      </c>
      <c r="BT332">
        <f ca="1">ROUND(SQRT((VLOOKUP($A332,városok!$A$2:$C$346,2,0)-VLOOKUP(BT$1,városok!$A$2:$C$346,2,0))^2+(VLOOKUP($A332,városok!$A$2:$C$346,3,0)-VLOOKUP(BT$1,városok!$A$2:$C$346,3,0))^2)/1000,0)</f>
        <v>38</v>
      </c>
    </row>
    <row r="333" spans="1:72" x14ac:dyDescent="0.2">
      <c r="A333" t="str">
        <f>városok!A333</f>
        <v>Tapolca</v>
      </c>
      <c r="B333">
        <f ca="1">ROUND(SQRT((VLOOKUP($A333,városok!$A$2:$C$346,2,0)-VLOOKUP(B$1,városok!$A$2:$C$346,2,0))^2+(VLOOKUP($A333,városok!$A$2:$C$346,3,0)-VLOOKUP(B$1,városok!$A$2:$C$346,3,0))^2)/1000,0)</f>
        <v>140</v>
      </c>
      <c r="C333">
        <f ca="1">ROUND(SQRT((VLOOKUP($A333,városok!$A$2:$C$346,2,0)-VLOOKUP(C$1,városok!$A$2:$C$346,2,0))^2+(VLOOKUP($A333,városok!$A$2:$C$346,3,0)-VLOOKUP(C$1,városok!$A$2:$C$346,3,0))^2)/1000,0)</f>
        <v>124</v>
      </c>
      <c r="D333">
        <f ca="1">ROUND(SQRT((VLOOKUP($A333,városok!$A$2:$C$346,2,0)-VLOOKUP(D$1,városok!$A$2:$C$346,2,0))^2+(VLOOKUP($A333,városok!$A$2:$C$346,3,0)-VLOOKUP(D$1,városok!$A$2:$C$346,3,0))^2)/1000,0)</f>
        <v>171</v>
      </c>
      <c r="E333">
        <f ca="1">ROUND(SQRT((VLOOKUP($A333,városok!$A$2:$C$346,2,0)-VLOOKUP(E$1,városok!$A$2:$C$346,2,0))^2+(VLOOKUP($A333,városok!$A$2:$C$346,3,0)-VLOOKUP(E$1,városok!$A$2:$C$346,3,0))^2)/1000,0)</f>
        <v>100</v>
      </c>
      <c r="F333">
        <f ca="1">ROUND(SQRT((VLOOKUP($A333,városok!$A$2:$C$346,2,0)-VLOOKUP(F$1,városok!$A$2:$C$346,2,0))^2+(VLOOKUP($A333,városok!$A$2:$C$346,3,0)-VLOOKUP(F$1,városok!$A$2:$C$346,3,0))^2)/1000,0)</f>
        <v>138</v>
      </c>
      <c r="G333">
        <f ca="1">ROUND(SQRT((VLOOKUP($A333,városok!$A$2:$C$346,2,0)-VLOOKUP(G$1,városok!$A$2:$C$346,2,0))^2+(VLOOKUP($A333,városok!$A$2:$C$346,3,0)-VLOOKUP(G$1,városok!$A$2:$C$346,3,0))^2)/1000,0)</f>
        <v>109</v>
      </c>
      <c r="H333">
        <f ca="1">ROUND(SQRT((VLOOKUP($A333,városok!$A$2:$C$346,2,0)-VLOOKUP(H$1,városok!$A$2:$C$346,2,0))^2+(VLOOKUP($A333,városok!$A$2:$C$346,3,0)-VLOOKUP(H$1,városok!$A$2:$C$346,3,0))^2)/1000,0)</f>
        <v>97</v>
      </c>
      <c r="I333">
        <f ca="1">ROUND(SQRT((VLOOKUP($A333,városok!$A$2:$C$346,2,0)-VLOOKUP(I$1,városok!$A$2:$C$346,2,0))^2+(VLOOKUP($A333,városok!$A$2:$C$346,3,0)-VLOOKUP(I$1,városok!$A$2:$C$346,3,0))^2)/1000,0)</f>
        <v>279</v>
      </c>
      <c r="J333">
        <f ca="1">ROUND(SQRT((VLOOKUP($A333,városok!$A$2:$C$346,2,0)-VLOOKUP(J$1,városok!$A$2:$C$346,2,0))^2+(VLOOKUP($A333,városok!$A$2:$C$346,3,0)-VLOOKUP(J$1,városok!$A$2:$C$346,3,0))^2)/1000,0)</f>
        <v>294</v>
      </c>
      <c r="K333">
        <f ca="1">ROUND(SQRT((VLOOKUP($A333,városok!$A$2:$C$346,2,0)-VLOOKUP(K$1,városok!$A$2:$C$346,2,0))^2+(VLOOKUP($A333,városok!$A$2:$C$346,3,0)-VLOOKUP(K$1,városok!$A$2:$C$346,3,0))^2)/1000,0)</f>
        <v>249</v>
      </c>
      <c r="L333">
        <f ca="1">ROUND(SQRT((VLOOKUP($A333,városok!$A$2:$C$346,2,0)-VLOOKUP(L$1,városok!$A$2:$C$346,2,0))^2+(VLOOKUP($A333,városok!$A$2:$C$346,3,0)-VLOOKUP(L$1,városok!$A$2:$C$346,3,0))^2)/1000,0)</f>
        <v>284</v>
      </c>
      <c r="M333">
        <f ca="1">ROUND(SQRT((VLOOKUP($A333,városok!$A$2:$C$346,2,0)-VLOOKUP(M$1,városok!$A$2:$C$346,2,0))^2+(VLOOKUP($A333,városok!$A$2:$C$346,3,0)-VLOOKUP(M$1,városok!$A$2:$C$346,3,0))^2)/1000,0)</f>
        <v>287</v>
      </c>
      <c r="N333">
        <f ca="1">ROUND(SQRT((VLOOKUP($A333,városok!$A$2:$C$346,2,0)-VLOOKUP(N$1,városok!$A$2:$C$346,2,0))^2+(VLOOKUP($A333,városok!$A$2:$C$346,3,0)-VLOOKUP(N$1,városok!$A$2:$C$346,3,0))^2)/1000,0)</f>
        <v>261</v>
      </c>
      <c r="O333">
        <f ca="1">ROUND(SQRT((VLOOKUP($A333,városok!$A$2:$C$346,2,0)-VLOOKUP(O$1,városok!$A$2:$C$346,2,0))^2+(VLOOKUP($A333,városok!$A$2:$C$346,3,0)-VLOOKUP(O$1,városok!$A$2:$C$346,3,0))^2)/1000,0)</f>
        <v>358</v>
      </c>
      <c r="P333">
        <f ca="1">ROUND(SQRT((VLOOKUP($A333,városok!$A$2:$C$346,2,0)-VLOOKUP(P$1,városok!$A$2:$C$346,2,0))^2+(VLOOKUP($A333,városok!$A$2:$C$346,3,0)-VLOOKUP(P$1,városok!$A$2:$C$346,3,0))^2)/1000,0)</f>
        <v>358</v>
      </c>
      <c r="Q333">
        <f ca="1">ROUND(SQRT((VLOOKUP($A333,városok!$A$2:$C$346,2,0)-VLOOKUP(Q$1,városok!$A$2:$C$346,2,0))^2+(VLOOKUP($A333,városok!$A$2:$C$346,3,0)-VLOOKUP(Q$1,városok!$A$2:$C$346,3,0))^2)/1000,0)</f>
        <v>226</v>
      </c>
      <c r="R333">
        <f ca="1">ROUND(SQRT((VLOOKUP($A333,városok!$A$2:$C$346,2,0)-VLOOKUP(R$1,városok!$A$2:$C$346,2,0))^2+(VLOOKUP($A333,városok!$A$2:$C$346,3,0)-VLOOKUP(R$1,városok!$A$2:$C$346,3,0))^2)/1000,0)</f>
        <v>244</v>
      </c>
      <c r="S333">
        <f ca="1">ROUND(SQRT((VLOOKUP($A333,városok!$A$2:$C$346,2,0)-VLOOKUP(S$1,városok!$A$2:$C$346,2,0))^2+(VLOOKUP($A333,városok!$A$2:$C$346,3,0)-VLOOKUP(S$1,városok!$A$2:$C$346,3,0))^2)/1000,0)</f>
        <v>220</v>
      </c>
      <c r="T333">
        <f ca="1">ROUND(SQRT((VLOOKUP($A333,városok!$A$2:$C$346,2,0)-VLOOKUP(T$1,városok!$A$2:$C$346,2,0))^2+(VLOOKUP($A333,városok!$A$2:$C$346,3,0)-VLOOKUP(T$1,városok!$A$2:$C$346,3,0))^2)/1000,0)</f>
        <v>113</v>
      </c>
      <c r="U333">
        <f ca="1">ROUND(SQRT((VLOOKUP($A333,városok!$A$2:$C$346,2,0)-VLOOKUP(U$1,városok!$A$2:$C$346,2,0))^2+(VLOOKUP($A333,városok!$A$2:$C$346,3,0)-VLOOKUP(U$1,városok!$A$2:$C$346,3,0))^2)/1000,0)</f>
        <v>114</v>
      </c>
      <c r="V333">
        <f ca="1">ROUND(SQRT((VLOOKUP($A333,városok!$A$2:$C$346,2,0)-VLOOKUP(V$1,városok!$A$2:$C$346,2,0))^2+(VLOOKUP($A333,városok!$A$2:$C$346,3,0)-VLOOKUP(V$1,városok!$A$2:$C$346,3,0))^2)/1000,0)</f>
        <v>68</v>
      </c>
      <c r="W333">
        <f ca="1">ROUND(SQRT((VLOOKUP($A333,városok!$A$2:$C$346,2,0)-VLOOKUP(W$1,városok!$A$2:$C$346,2,0))^2+(VLOOKUP($A333,városok!$A$2:$C$346,3,0)-VLOOKUP(W$1,városok!$A$2:$C$346,3,0))^2)/1000,0)</f>
        <v>90</v>
      </c>
      <c r="X333">
        <f ca="1">ROUND(SQRT((VLOOKUP($A333,városok!$A$2:$C$346,2,0)-VLOOKUP(X$1,városok!$A$2:$C$346,2,0))^2+(VLOOKUP($A333,városok!$A$2:$C$346,3,0)-VLOOKUP(X$1,városok!$A$2:$C$346,3,0))^2)/1000,0)</f>
        <v>81</v>
      </c>
      <c r="Y333">
        <f ca="1">ROUND(SQRT((VLOOKUP($A333,városok!$A$2:$C$346,2,0)-VLOOKUP(Y$1,városok!$A$2:$C$346,2,0))^2+(VLOOKUP($A333,városok!$A$2:$C$346,3,0)-VLOOKUP(Y$1,városok!$A$2:$C$346,3,0))^2)/1000,0)</f>
        <v>91</v>
      </c>
      <c r="Z333">
        <f ca="1">ROUND(SQRT((VLOOKUP($A333,városok!$A$2:$C$346,2,0)-VLOOKUP(Z$1,városok!$A$2:$C$346,2,0))^2+(VLOOKUP($A333,városok!$A$2:$C$346,3,0)-VLOOKUP(Z$1,városok!$A$2:$C$346,3,0))^2)/1000,0)</f>
        <v>95</v>
      </c>
      <c r="AA333">
        <f ca="1">ROUND(SQRT((VLOOKUP($A333,városok!$A$2:$C$346,2,0)-VLOOKUP(AA$1,városok!$A$2:$C$346,2,0))^2+(VLOOKUP($A333,városok!$A$2:$C$346,3,0)-VLOOKUP(AA$1,városok!$A$2:$C$346,3,0))^2)/1000,0)</f>
        <v>110</v>
      </c>
      <c r="AB333">
        <f ca="1">ROUND(SQRT((VLOOKUP($A333,városok!$A$2:$C$346,2,0)-VLOOKUP(AB$1,városok!$A$2:$C$346,2,0))^2+(VLOOKUP($A333,városok!$A$2:$C$346,3,0)-VLOOKUP(AB$1,városok!$A$2:$C$346,3,0))^2)/1000,0)</f>
        <v>325</v>
      </c>
      <c r="AC333">
        <f ca="1">ROUND(SQRT((VLOOKUP($A333,városok!$A$2:$C$346,2,0)-VLOOKUP(AC$1,városok!$A$2:$C$346,2,0))^2+(VLOOKUP($A333,városok!$A$2:$C$346,3,0)-VLOOKUP(AC$1,városok!$A$2:$C$346,3,0))^2)/1000,0)</f>
        <v>306</v>
      </c>
      <c r="AD333">
        <f ca="1">ROUND(SQRT((VLOOKUP($A333,városok!$A$2:$C$346,2,0)-VLOOKUP(AD$1,városok!$A$2:$C$346,2,0))^2+(VLOOKUP($A333,városok!$A$2:$C$346,3,0)-VLOOKUP(AD$1,városok!$A$2:$C$346,3,0))^2)/1000,0)</f>
        <v>288</v>
      </c>
      <c r="AE333">
        <f ca="1">ROUND(SQRT((VLOOKUP($A333,városok!$A$2:$C$346,2,0)-VLOOKUP(AE$1,városok!$A$2:$C$346,2,0))^2+(VLOOKUP($A333,városok!$A$2:$C$346,3,0)-VLOOKUP(AE$1,városok!$A$2:$C$346,3,0))^2)/1000,0)</f>
        <v>286</v>
      </c>
      <c r="AF333">
        <f ca="1">ROUND(SQRT((VLOOKUP($A333,városok!$A$2:$C$346,2,0)-VLOOKUP(AF$1,városok!$A$2:$C$346,2,0))^2+(VLOOKUP($A333,városok!$A$2:$C$346,3,0)-VLOOKUP(AF$1,városok!$A$2:$C$346,3,0))^2)/1000,0)</f>
        <v>249</v>
      </c>
      <c r="AG333">
        <f ca="1">ROUND(SQRT((VLOOKUP($A333,városok!$A$2:$C$346,2,0)-VLOOKUP(AG$1,városok!$A$2:$C$346,2,0))^2+(VLOOKUP($A333,városok!$A$2:$C$346,3,0)-VLOOKUP(AG$1,városok!$A$2:$C$346,3,0))^2)/1000,0)</f>
        <v>213</v>
      </c>
      <c r="AH333">
        <f ca="1">ROUND(SQRT((VLOOKUP($A333,városok!$A$2:$C$346,2,0)-VLOOKUP(AH$1,városok!$A$2:$C$346,2,0))^2+(VLOOKUP($A333,városok!$A$2:$C$346,3,0)-VLOOKUP(AH$1,városok!$A$2:$C$346,3,0))^2)/1000,0)</f>
        <v>190</v>
      </c>
      <c r="AI333">
        <f ca="1">ROUND(SQRT((VLOOKUP($A333,városok!$A$2:$C$346,2,0)-VLOOKUP(AI$1,városok!$A$2:$C$346,2,0))^2+(VLOOKUP($A333,városok!$A$2:$C$346,3,0)-VLOOKUP(AI$1,városok!$A$2:$C$346,3,0))^2)/1000,0)</f>
        <v>237</v>
      </c>
      <c r="AJ333">
        <f ca="1">ROUND(SQRT((VLOOKUP($A333,városok!$A$2:$C$346,2,0)-VLOOKUP(AJ$1,városok!$A$2:$C$346,2,0))^2+(VLOOKUP($A333,városok!$A$2:$C$346,3,0)-VLOOKUP(AJ$1,városok!$A$2:$C$346,3,0))^2)/1000,0)</f>
        <v>210</v>
      </c>
      <c r="AK333">
        <f ca="1">ROUND(SQRT((VLOOKUP($A333,városok!$A$2:$C$346,2,0)-VLOOKUP(AK$1,városok!$A$2:$C$346,2,0))^2+(VLOOKUP($A333,városok!$A$2:$C$346,3,0)-VLOOKUP(AK$1,városok!$A$2:$C$346,3,0))^2)/1000,0)</f>
        <v>272</v>
      </c>
      <c r="AL333">
        <f ca="1">ROUND(SQRT((VLOOKUP($A333,városok!$A$2:$C$346,2,0)-VLOOKUP(AL$1,városok!$A$2:$C$346,2,0))^2+(VLOOKUP($A333,városok!$A$2:$C$346,3,0)-VLOOKUP(AL$1,városok!$A$2:$C$346,3,0))^2)/1000,0)</f>
        <v>248</v>
      </c>
      <c r="AM333">
        <f ca="1">ROUND(SQRT((VLOOKUP($A333,városok!$A$2:$C$346,2,0)-VLOOKUP(AM$1,városok!$A$2:$C$346,2,0))^2+(VLOOKUP($A333,városok!$A$2:$C$346,3,0)-VLOOKUP(AM$1,városok!$A$2:$C$346,3,0))^2)/1000,0)</f>
        <v>211</v>
      </c>
      <c r="AN333">
        <f ca="1">ROUND(SQRT((VLOOKUP($A333,városok!$A$2:$C$346,2,0)-VLOOKUP(AN$1,városok!$A$2:$C$346,2,0))^2+(VLOOKUP($A333,városok!$A$2:$C$346,3,0)-VLOOKUP(AN$1,városok!$A$2:$C$346,3,0))^2)/1000,0)</f>
        <v>141</v>
      </c>
      <c r="AO333">
        <f ca="1">ROUND(SQRT((VLOOKUP($A333,városok!$A$2:$C$346,2,0)-VLOOKUP(AO$1,városok!$A$2:$C$346,2,0))^2+(VLOOKUP($A333,városok!$A$2:$C$346,3,0)-VLOOKUP(AO$1,városok!$A$2:$C$346,3,0))^2)/1000,0)</f>
        <v>108</v>
      </c>
      <c r="AP333">
        <f ca="1">ROUND(SQRT((VLOOKUP($A333,városok!$A$2:$C$346,2,0)-VLOOKUP(AP$1,városok!$A$2:$C$346,2,0))^2+(VLOOKUP($A333,városok!$A$2:$C$346,3,0)-VLOOKUP(AP$1,városok!$A$2:$C$346,3,0))^2)/1000,0)</f>
        <v>108</v>
      </c>
      <c r="AQ333">
        <f ca="1">ROUND(SQRT((VLOOKUP($A333,városok!$A$2:$C$346,2,0)-VLOOKUP(AQ$1,városok!$A$2:$C$346,2,0))^2+(VLOOKUP($A333,városok!$A$2:$C$346,3,0)-VLOOKUP(AQ$1,városok!$A$2:$C$346,3,0))^2)/1000,0)</f>
        <v>105</v>
      </c>
      <c r="AR333">
        <f ca="1">ROUND(SQRT((VLOOKUP($A333,városok!$A$2:$C$346,2,0)-VLOOKUP(AR$1,városok!$A$2:$C$346,2,0))^2+(VLOOKUP($A333,városok!$A$2:$C$346,3,0)-VLOOKUP(AR$1,városok!$A$2:$C$346,3,0))^2)/1000,0)</f>
        <v>205</v>
      </c>
      <c r="AS333">
        <f ca="1">ROUND(SQRT((VLOOKUP($A333,városok!$A$2:$C$346,2,0)-VLOOKUP(AS$1,városok!$A$2:$C$346,2,0))^2+(VLOOKUP($A333,városok!$A$2:$C$346,3,0)-VLOOKUP(AS$1,városok!$A$2:$C$346,3,0))^2)/1000,0)</f>
        <v>225</v>
      </c>
      <c r="AT333">
        <f ca="1">ROUND(SQRT((VLOOKUP($A333,városok!$A$2:$C$346,2,0)-VLOOKUP(AT$1,városok!$A$2:$C$346,2,0))^2+(VLOOKUP($A333,városok!$A$2:$C$346,3,0)-VLOOKUP(AT$1,városok!$A$2:$C$346,3,0))^2)/1000,0)</f>
        <v>123</v>
      </c>
      <c r="AU333">
        <f ca="1">ROUND(SQRT((VLOOKUP($A333,városok!$A$2:$C$346,2,0)-VLOOKUP(AU$1,városok!$A$2:$C$346,2,0))^2+(VLOOKUP($A333,városok!$A$2:$C$346,3,0)-VLOOKUP(AU$1,városok!$A$2:$C$346,3,0))^2)/1000,0)</f>
        <v>132</v>
      </c>
      <c r="AV333">
        <f ca="1">ROUND(SQRT((VLOOKUP($A333,városok!$A$2:$C$346,2,0)-VLOOKUP(AV$1,városok!$A$2:$C$346,2,0))^2+(VLOOKUP($A333,városok!$A$2:$C$346,3,0)-VLOOKUP(AV$1,városok!$A$2:$C$346,3,0))^2)/1000,0)</f>
        <v>128</v>
      </c>
      <c r="AW333">
        <f ca="1">ROUND(SQRT((VLOOKUP($A333,városok!$A$2:$C$346,2,0)-VLOOKUP(AW$1,városok!$A$2:$C$346,2,0))^2+(VLOOKUP($A333,városok!$A$2:$C$346,3,0)-VLOOKUP(AW$1,városok!$A$2:$C$346,3,0))^2)/1000,0)</f>
        <v>125</v>
      </c>
      <c r="AX333">
        <f ca="1">ROUND(SQRT((VLOOKUP($A333,városok!$A$2:$C$346,2,0)-VLOOKUP(AX$1,városok!$A$2:$C$346,2,0))^2+(VLOOKUP($A333,városok!$A$2:$C$346,3,0)-VLOOKUP(AX$1,városok!$A$2:$C$346,3,0))^2)/1000,0)</f>
        <v>179</v>
      </c>
      <c r="AY333">
        <f ca="1">ROUND(SQRT((VLOOKUP($A333,városok!$A$2:$C$346,2,0)-VLOOKUP(AY$1,városok!$A$2:$C$346,2,0))^2+(VLOOKUP($A333,városok!$A$2:$C$346,3,0)-VLOOKUP(AY$1,városok!$A$2:$C$346,3,0))^2)/1000,0)</f>
        <v>151</v>
      </c>
      <c r="AZ333">
        <f ca="1">ROUND(SQRT((VLOOKUP($A333,városok!$A$2:$C$346,2,0)-VLOOKUP(AZ$1,városok!$A$2:$C$346,2,0))^2+(VLOOKUP($A333,városok!$A$2:$C$346,3,0)-VLOOKUP(AZ$1,városok!$A$2:$C$346,3,0))^2)/1000,0)</f>
        <v>153</v>
      </c>
      <c r="BA333">
        <f ca="1">ROUND(SQRT((VLOOKUP($A333,városok!$A$2:$C$346,2,0)-VLOOKUP(BA$1,városok!$A$2:$C$346,2,0))^2+(VLOOKUP($A333,városok!$A$2:$C$346,3,0)-VLOOKUP(BA$1,városok!$A$2:$C$346,3,0))^2)/1000,0)</f>
        <v>23</v>
      </c>
      <c r="BB333">
        <f ca="1">ROUND(SQRT((VLOOKUP($A333,városok!$A$2:$C$346,2,0)-VLOOKUP(BB$1,városok!$A$2:$C$346,2,0))^2+(VLOOKUP($A333,városok!$A$2:$C$346,3,0)-VLOOKUP(BB$1,városok!$A$2:$C$346,3,0))^2)/1000,0)</f>
        <v>54</v>
      </c>
      <c r="BC333">
        <f ca="1">ROUND(SQRT((VLOOKUP($A333,városok!$A$2:$C$346,2,0)-VLOOKUP(BC$1,városok!$A$2:$C$346,2,0))^2+(VLOOKUP($A333,városok!$A$2:$C$346,3,0)-VLOOKUP(BC$1,városok!$A$2:$C$346,3,0))^2)/1000,0)</f>
        <v>65</v>
      </c>
      <c r="BD333">
        <f ca="1">ROUND(SQRT((VLOOKUP($A333,városok!$A$2:$C$346,2,0)-VLOOKUP(BD$1,városok!$A$2:$C$346,2,0))^2+(VLOOKUP($A333,városok!$A$2:$C$346,3,0)-VLOOKUP(BD$1,városok!$A$2:$C$346,3,0))^2)/1000,0)</f>
        <v>48</v>
      </c>
      <c r="BE333">
        <f ca="1">ROUND(SQRT((VLOOKUP($A333,városok!$A$2:$C$346,2,0)-VLOOKUP(BE$1,városok!$A$2:$C$346,2,0))^2+(VLOOKUP($A333,városok!$A$2:$C$346,3,0)-VLOOKUP(BE$1,városok!$A$2:$C$346,3,0))^2)/1000,0)</f>
        <v>409</v>
      </c>
      <c r="BF333">
        <f ca="1">ROUND(SQRT((VLOOKUP($A333,városok!$A$2:$C$346,2,0)-VLOOKUP(BF$1,városok!$A$2:$C$346,2,0))^2+(VLOOKUP($A333,városok!$A$2:$C$346,3,0)-VLOOKUP(BF$1,városok!$A$2:$C$346,3,0))^2)/1000,0)</f>
        <v>379</v>
      </c>
      <c r="BG333">
        <f ca="1">ROUND(SQRT((VLOOKUP($A333,városok!$A$2:$C$346,2,0)-VLOOKUP(BG$1,városok!$A$2:$C$346,2,0))^2+(VLOOKUP($A333,városok!$A$2:$C$346,3,0)-VLOOKUP(BG$1,városok!$A$2:$C$346,3,0))^2)/1000,0)</f>
        <v>333</v>
      </c>
      <c r="BH333">
        <f ca="1">ROUND(SQRT((VLOOKUP($A333,városok!$A$2:$C$346,2,0)-VLOOKUP(BH$1,városok!$A$2:$C$346,2,0))^2+(VLOOKUP($A333,városok!$A$2:$C$346,3,0)-VLOOKUP(BH$1,városok!$A$2:$C$346,3,0))^2)/1000,0)</f>
        <v>333</v>
      </c>
      <c r="BI333">
        <f ca="1">ROUND(SQRT((VLOOKUP($A333,városok!$A$2:$C$346,2,0)-VLOOKUP(BI$1,városok!$A$2:$C$346,2,0))^2+(VLOOKUP($A333,városok!$A$2:$C$346,3,0)-VLOOKUP(BI$1,városok!$A$2:$C$346,3,0))^2)/1000,0)</f>
        <v>105</v>
      </c>
      <c r="BJ333">
        <f ca="1">ROUND(SQRT((VLOOKUP($A333,városok!$A$2:$C$346,2,0)-VLOOKUP(BJ$1,városok!$A$2:$C$346,2,0))^2+(VLOOKUP($A333,városok!$A$2:$C$346,3,0)-VLOOKUP(BJ$1,városok!$A$2:$C$346,3,0))^2)/1000,0)</f>
        <v>103</v>
      </c>
      <c r="BK333">
        <f ca="1">ROUND(SQRT((VLOOKUP($A333,városok!$A$2:$C$346,2,0)-VLOOKUP(BK$1,városok!$A$2:$C$346,2,0))^2+(VLOOKUP($A333,városok!$A$2:$C$346,3,0)-VLOOKUP(BK$1,városok!$A$2:$C$346,3,0))^2)/1000,0)</f>
        <v>113</v>
      </c>
      <c r="BL333">
        <f ca="1">ROUND(SQRT((VLOOKUP($A333,városok!$A$2:$C$346,2,0)-VLOOKUP(BL$1,városok!$A$2:$C$346,2,0))^2+(VLOOKUP($A333,városok!$A$2:$C$346,3,0)-VLOOKUP(BL$1,városok!$A$2:$C$346,3,0))^2)/1000,0)</f>
        <v>65</v>
      </c>
      <c r="BM333">
        <f ca="1">ROUND(SQRT((VLOOKUP($A333,városok!$A$2:$C$346,2,0)-VLOOKUP(BM$1,városok!$A$2:$C$346,2,0))^2+(VLOOKUP($A333,városok!$A$2:$C$346,3,0)-VLOOKUP(BM$1,városok!$A$2:$C$346,3,0))^2)/1000,0)</f>
        <v>56</v>
      </c>
      <c r="BN333">
        <f ca="1">ROUND(SQRT((VLOOKUP($A333,városok!$A$2:$C$346,2,0)-VLOOKUP(BN$1,városok!$A$2:$C$346,2,0))^2+(VLOOKUP($A333,városok!$A$2:$C$346,3,0)-VLOOKUP(BN$1,városok!$A$2:$C$346,3,0))^2)/1000,0)</f>
        <v>73</v>
      </c>
      <c r="BO333">
        <f ca="1">ROUND(SQRT((VLOOKUP($A333,városok!$A$2:$C$346,2,0)-VLOOKUP(BO$1,városok!$A$2:$C$346,2,0))^2+(VLOOKUP($A333,városok!$A$2:$C$346,3,0)-VLOOKUP(BO$1,városok!$A$2:$C$346,3,0))^2)/1000,0)</f>
        <v>46</v>
      </c>
      <c r="BP333">
        <f ca="1">ROUND(SQRT((VLOOKUP($A333,városok!$A$2:$C$346,2,0)-VLOOKUP(BP$1,városok!$A$2:$C$346,2,0))^2+(VLOOKUP($A333,városok!$A$2:$C$346,3,0)-VLOOKUP(BP$1,városok!$A$2:$C$346,3,0))^2)/1000,0)</f>
        <v>54</v>
      </c>
      <c r="BQ333">
        <f ca="1">ROUND(SQRT((VLOOKUP($A333,városok!$A$2:$C$346,2,0)-VLOOKUP(BQ$1,városok!$A$2:$C$346,2,0))^2+(VLOOKUP($A333,városok!$A$2:$C$346,3,0)-VLOOKUP(BQ$1,városok!$A$2:$C$346,3,0))^2)/1000,0)</f>
        <v>42</v>
      </c>
      <c r="BR333">
        <f ca="1">ROUND(SQRT((VLOOKUP($A333,városok!$A$2:$C$346,2,0)-VLOOKUP(BR$1,városok!$A$2:$C$346,2,0))^2+(VLOOKUP($A333,városok!$A$2:$C$346,3,0)-VLOOKUP(BR$1,városok!$A$2:$C$346,3,0))^2)/1000,0)</f>
        <v>19</v>
      </c>
      <c r="BS333">
        <f ca="1">ROUND(SQRT((VLOOKUP($A333,városok!$A$2:$C$346,2,0)-VLOOKUP(BS$1,városok!$A$2:$C$346,2,0))^2+(VLOOKUP($A333,városok!$A$2:$C$346,3,0)-VLOOKUP(BS$1,városok!$A$2:$C$346,3,0))^2)/1000,0)</f>
        <v>59</v>
      </c>
      <c r="BT333">
        <f ca="1">ROUND(SQRT((VLOOKUP($A333,városok!$A$2:$C$346,2,0)-VLOOKUP(BT$1,városok!$A$2:$C$346,2,0))^2+(VLOOKUP($A333,városok!$A$2:$C$346,3,0)-VLOOKUP(BT$1,városok!$A$2:$C$346,3,0))^2)/1000,0)</f>
        <v>46</v>
      </c>
    </row>
    <row r="334" spans="1:72" x14ac:dyDescent="0.2">
      <c r="A334" t="str">
        <f>városok!A334</f>
        <v>Várpalota</v>
      </c>
      <c r="B334">
        <f ca="1">ROUND(SQRT((VLOOKUP($A334,városok!$A$2:$C$346,2,0)-VLOOKUP(B$1,városok!$A$2:$C$346,2,0))^2+(VLOOKUP($A334,városok!$A$2:$C$346,3,0)-VLOOKUP(B$1,városok!$A$2:$C$346,3,0))^2)/1000,0)</f>
        <v>129</v>
      </c>
      <c r="C334">
        <f ca="1">ROUND(SQRT((VLOOKUP($A334,városok!$A$2:$C$346,2,0)-VLOOKUP(C$1,városok!$A$2:$C$346,2,0))^2+(VLOOKUP($A334,városok!$A$2:$C$346,3,0)-VLOOKUP(C$1,városok!$A$2:$C$346,3,0))^2)/1000,0)</f>
        <v>99</v>
      </c>
      <c r="D334">
        <f ca="1">ROUND(SQRT((VLOOKUP($A334,városok!$A$2:$C$346,2,0)-VLOOKUP(D$1,városok!$A$2:$C$346,2,0))^2+(VLOOKUP($A334,városok!$A$2:$C$346,3,0)-VLOOKUP(D$1,városok!$A$2:$C$346,3,0))^2)/1000,0)</f>
        <v>122</v>
      </c>
      <c r="E334">
        <f ca="1">ROUND(SQRT((VLOOKUP($A334,városok!$A$2:$C$346,2,0)-VLOOKUP(E$1,városok!$A$2:$C$346,2,0))^2+(VLOOKUP($A334,városok!$A$2:$C$346,3,0)-VLOOKUP(E$1,városok!$A$2:$C$346,3,0))^2)/1000,0)</f>
        <v>113</v>
      </c>
      <c r="F334">
        <f ca="1">ROUND(SQRT((VLOOKUP($A334,városok!$A$2:$C$346,2,0)-VLOOKUP(F$1,városok!$A$2:$C$346,2,0))^2+(VLOOKUP($A334,városok!$A$2:$C$346,3,0)-VLOOKUP(F$1,városok!$A$2:$C$346,3,0))^2)/1000,0)</f>
        <v>141</v>
      </c>
      <c r="G334">
        <f ca="1">ROUND(SQRT((VLOOKUP($A334,városok!$A$2:$C$346,2,0)-VLOOKUP(G$1,városok!$A$2:$C$346,2,0))^2+(VLOOKUP($A334,városok!$A$2:$C$346,3,0)-VLOOKUP(G$1,városok!$A$2:$C$346,3,0))^2)/1000,0)</f>
        <v>125</v>
      </c>
      <c r="H334">
        <f ca="1">ROUND(SQRT((VLOOKUP($A334,városok!$A$2:$C$346,2,0)-VLOOKUP(H$1,városok!$A$2:$C$346,2,0))^2+(VLOOKUP($A334,városok!$A$2:$C$346,3,0)-VLOOKUP(H$1,városok!$A$2:$C$346,3,0))^2)/1000,0)</f>
        <v>131</v>
      </c>
      <c r="I334">
        <f ca="1">ROUND(SQRT((VLOOKUP($A334,városok!$A$2:$C$346,2,0)-VLOOKUP(I$1,városok!$A$2:$C$346,2,0))^2+(VLOOKUP($A334,városok!$A$2:$C$346,3,0)-VLOOKUP(I$1,városok!$A$2:$C$346,3,0))^2)/1000,0)</f>
        <v>231</v>
      </c>
      <c r="J334">
        <f ca="1">ROUND(SQRT((VLOOKUP($A334,városok!$A$2:$C$346,2,0)-VLOOKUP(J$1,városok!$A$2:$C$346,2,0))^2+(VLOOKUP($A334,városok!$A$2:$C$346,3,0)-VLOOKUP(J$1,városok!$A$2:$C$346,3,0))^2)/1000,0)</f>
        <v>247</v>
      </c>
      <c r="K334">
        <f ca="1">ROUND(SQRT((VLOOKUP($A334,városok!$A$2:$C$346,2,0)-VLOOKUP(K$1,városok!$A$2:$C$346,2,0))^2+(VLOOKUP($A334,városok!$A$2:$C$346,3,0)-VLOOKUP(K$1,városok!$A$2:$C$346,3,0))^2)/1000,0)</f>
        <v>205</v>
      </c>
      <c r="L334">
        <f ca="1">ROUND(SQRT((VLOOKUP($A334,városok!$A$2:$C$346,2,0)-VLOOKUP(L$1,városok!$A$2:$C$346,2,0))^2+(VLOOKUP($A334,városok!$A$2:$C$346,3,0)-VLOOKUP(L$1,városok!$A$2:$C$346,3,0))^2)/1000,0)</f>
        <v>221</v>
      </c>
      <c r="M334">
        <f ca="1">ROUND(SQRT((VLOOKUP($A334,városok!$A$2:$C$346,2,0)-VLOOKUP(M$1,városok!$A$2:$C$346,2,0))^2+(VLOOKUP($A334,városok!$A$2:$C$346,3,0)-VLOOKUP(M$1,városok!$A$2:$C$346,3,0))^2)/1000,0)</f>
        <v>223</v>
      </c>
      <c r="N334">
        <f ca="1">ROUND(SQRT((VLOOKUP($A334,városok!$A$2:$C$346,2,0)-VLOOKUP(N$1,városok!$A$2:$C$346,2,0))^2+(VLOOKUP($A334,városok!$A$2:$C$346,3,0)-VLOOKUP(N$1,városok!$A$2:$C$346,3,0))^2)/1000,0)</f>
        <v>197</v>
      </c>
      <c r="O334">
        <f ca="1">ROUND(SQRT((VLOOKUP($A334,városok!$A$2:$C$346,2,0)-VLOOKUP(O$1,városok!$A$2:$C$346,2,0))^2+(VLOOKUP($A334,városok!$A$2:$C$346,3,0)-VLOOKUP(O$1,városok!$A$2:$C$346,3,0))^2)/1000,0)</f>
        <v>294</v>
      </c>
      <c r="P334">
        <f ca="1">ROUND(SQRT((VLOOKUP($A334,városok!$A$2:$C$346,2,0)-VLOOKUP(P$1,városok!$A$2:$C$346,2,0))^2+(VLOOKUP($A334,városok!$A$2:$C$346,3,0)-VLOOKUP(P$1,városok!$A$2:$C$346,3,0))^2)/1000,0)</f>
        <v>294</v>
      </c>
      <c r="Q334">
        <f ca="1">ROUND(SQRT((VLOOKUP($A334,városok!$A$2:$C$346,2,0)-VLOOKUP(Q$1,városok!$A$2:$C$346,2,0))^2+(VLOOKUP($A334,városok!$A$2:$C$346,3,0)-VLOOKUP(Q$1,városok!$A$2:$C$346,3,0))^2)/1000,0)</f>
        <v>188</v>
      </c>
      <c r="R334">
        <f ca="1">ROUND(SQRT((VLOOKUP($A334,városok!$A$2:$C$346,2,0)-VLOOKUP(R$1,városok!$A$2:$C$346,2,0))^2+(VLOOKUP($A334,városok!$A$2:$C$346,3,0)-VLOOKUP(R$1,városok!$A$2:$C$346,3,0))^2)/1000,0)</f>
        <v>209</v>
      </c>
      <c r="S334">
        <f ca="1">ROUND(SQRT((VLOOKUP($A334,városok!$A$2:$C$346,2,0)-VLOOKUP(S$1,városok!$A$2:$C$346,2,0))^2+(VLOOKUP($A334,városok!$A$2:$C$346,3,0)-VLOOKUP(S$1,városok!$A$2:$C$346,3,0))^2)/1000,0)</f>
        <v>187</v>
      </c>
      <c r="T334">
        <f ca="1">ROUND(SQRT((VLOOKUP($A334,városok!$A$2:$C$346,2,0)-VLOOKUP(T$1,városok!$A$2:$C$346,2,0))^2+(VLOOKUP($A334,városok!$A$2:$C$346,3,0)-VLOOKUP(T$1,városok!$A$2:$C$346,3,0))^2)/1000,0)</f>
        <v>49</v>
      </c>
      <c r="U334">
        <f ca="1">ROUND(SQRT((VLOOKUP($A334,városok!$A$2:$C$346,2,0)-VLOOKUP(U$1,városok!$A$2:$C$346,2,0))^2+(VLOOKUP($A334,városok!$A$2:$C$346,3,0)-VLOOKUP(U$1,városok!$A$2:$C$346,3,0))^2)/1000,0)</f>
        <v>66</v>
      </c>
      <c r="V334">
        <f ca="1">ROUND(SQRT((VLOOKUP($A334,városok!$A$2:$C$346,2,0)-VLOOKUP(V$1,városok!$A$2:$C$346,2,0))^2+(VLOOKUP($A334,városok!$A$2:$C$346,3,0)-VLOOKUP(V$1,városok!$A$2:$C$346,3,0))^2)/1000,0)</f>
        <v>20</v>
      </c>
      <c r="W334">
        <f ca="1">ROUND(SQRT((VLOOKUP($A334,városok!$A$2:$C$346,2,0)-VLOOKUP(W$1,városok!$A$2:$C$346,2,0))^2+(VLOOKUP($A334,városok!$A$2:$C$346,3,0)-VLOOKUP(W$1,városok!$A$2:$C$346,3,0))^2)/1000,0)</f>
        <v>51</v>
      </c>
      <c r="X334">
        <f ca="1">ROUND(SQRT((VLOOKUP($A334,városok!$A$2:$C$346,2,0)-VLOOKUP(X$1,városok!$A$2:$C$346,2,0))^2+(VLOOKUP($A334,városok!$A$2:$C$346,3,0)-VLOOKUP(X$1,városok!$A$2:$C$346,3,0))^2)/1000,0)</f>
        <v>17</v>
      </c>
      <c r="Y334">
        <f ca="1">ROUND(SQRT((VLOOKUP($A334,városok!$A$2:$C$346,2,0)-VLOOKUP(Y$1,városok!$A$2:$C$346,2,0))^2+(VLOOKUP($A334,városok!$A$2:$C$346,3,0)-VLOOKUP(Y$1,városok!$A$2:$C$346,3,0))^2)/1000,0)</f>
        <v>66</v>
      </c>
      <c r="Z334">
        <f ca="1">ROUND(SQRT((VLOOKUP($A334,városok!$A$2:$C$346,2,0)-VLOOKUP(Z$1,városok!$A$2:$C$346,2,0))^2+(VLOOKUP($A334,városok!$A$2:$C$346,3,0)-VLOOKUP(Z$1,városok!$A$2:$C$346,3,0))^2)/1000,0)</f>
        <v>82</v>
      </c>
      <c r="AA334">
        <f ca="1">ROUND(SQRT((VLOOKUP($A334,városok!$A$2:$C$346,2,0)-VLOOKUP(AA$1,városok!$A$2:$C$346,2,0))^2+(VLOOKUP($A334,városok!$A$2:$C$346,3,0)-VLOOKUP(AA$1,városok!$A$2:$C$346,3,0))^2)/1000,0)</f>
        <v>129</v>
      </c>
      <c r="AB334">
        <f ca="1">ROUND(SQRT((VLOOKUP($A334,városok!$A$2:$C$346,2,0)-VLOOKUP(AB$1,városok!$A$2:$C$346,2,0))^2+(VLOOKUP($A334,városok!$A$2:$C$346,3,0)-VLOOKUP(AB$1,városok!$A$2:$C$346,3,0))^2)/1000,0)</f>
        <v>266</v>
      </c>
      <c r="AC334">
        <f ca="1">ROUND(SQRT((VLOOKUP($A334,városok!$A$2:$C$346,2,0)-VLOOKUP(AC$1,városok!$A$2:$C$346,2,0))^2+(VLOOKUP($A334,városok!$A$2:$C$346,3,0)-VLOOKUP(AC$1,városok!$A$2:$C$346,3,0))^2)/1000,0)</f>
        <v>247</v>
      </c>
      <c r="AD334">
        <f ca="1">ROUND(SQRT((VLOOKUP($A334,városok!$A$2:$C$346,2,0)-VLOOKUP(AD$1,városok!$A$2:$C$346,2,0))^2+(VLOOKUP($A334,városok!$A$2:$C$346,3,0)-VLOOKUP(AD$1,városok!$A$2:$C$346,3,0))^2)/1000,0)</f>
        <v>230</v>
      </c>
      <c r="AE334">
        <f ca="1">ROUND(SQRT((VLOOKUP($A334,városok!$A$2:$C$346,2,0)-VLOOKUP(AE$1,városok!$A$2:$C$346,2,0))^2+(VLOOKUP($A334,városok!$A$2:$C$346,3,0)-VLOOKUP(AE$1,városok!$A$2:$C$346,3,0))^2)/1000,0)</f>
        <v>229</v>
      </c>
      <c r="AF334">
        <f ca="1">ROUND(SQRT((VLOOKUP($A334,városok!$A$2:$C$346,2,0)-VLOOKUP(AF$1,városok!$A$2:$C$346,2,0))^2+(VLOOKUP($A334,városok!$A$2:$C$346,3,0)-VLOOKUP(AF$1,városok!$A$2:$C$346,3,0))^2)/1000,0)</f>
        <v>185</v>
      </c>
      <c r="AG334">
        <f ca="1">ROUND(SQRT((VLOOKUP($A334,városok!$A$2:$C$346,2,0)-VLOOKUP(AG$1,városok!$A$2:$C$346,2,0))^2+(VLOOKUP($A334,városok!$A$2:$C$346,3,0)-VLOOKUP(AG$1,városok!$A$2:$C$346,3,0))^2)/1000,0)</f>
        <v>149</v>
      </c>
      <c r="AH334">
        <f ca="1">ROUND(SQRT((VLOOKUP($A334,városok!$A$2:$C$346,2,0)-VLOOKUP(AH$1,városok!$A$2:$C$346,2,0))^2+(VLOOKUP($A334,városok!$A$2:$C$346,3,0)-VLOOKUP(AH$1,városok!$A$2:$C$346,3,0))^2)/1000,0)</f>
        <v>127</v>
      </c>
      <c r="AI334">
        <f ca="1">ROUND(SQRT((VLOOKUP($A334,városok!$A$2:$C$346,2,0)-VLOOKUP(AI$1,városok!$A$2:$C$346,2,0))^2+(VLOOKUP($A334,városok!$A$2:$C$346,3,0)-VLOOKUP(AI$1,városok!$A$2:$C$346,3,0))^2)/1000,0)</f>
        <v>173</v>
      </c>
      <c r="AJ334">
        <f ca="1">ROUND(SQRT((VLOOKUP($A334,városok!$A$2:$C$346,2,0)-VLOOKUP(AJ$1,városok!$A$2:$C$346,2,0))^2+(VLOOKUP($A334,városok!$A$2:$C$346,3,0)-VLOOKUP(AJ$1,városok!$A$2:$C$346,3,0))^2)/1000,0)</f>
        <v>147</v>
      </c>
      <c r="AK334">
        <f ca="1">ROUND(SQRT((VLOOKUP($A334,városok!$A$2:$C$346,2,0)-VLOOKUP(AK$1,városok!$A$2:$C$346,2,0))^2+(VLOOKUP($A334,városok!$A$2:$C$346,3,0)-VLOOKUP(AK$1,városok!$A$2:$C$346,3,0))^2)/1000,0)</f>
        <v>215</v>
      </c>
      <c r="AL334">
        <f ca="1">ROUND(SQRT((VLOOKUP($A334,városok!$A$2:$C$346,2,0)-VLOOKUP(AL$1,városok!$A$2:$C$346,2,0))^2+(VLOOKUP($A334,városok!$A$2:$C$346,3,0)-VLOOKUP(AL$1,városok!$A$2:$C$346,3,0))^2)/1000,0)</f>
        <v>189</v>
      </c>
      <c r="AM334">
        <f ca="1">ROUND(SQRT((VLOOKUP($A334,városok!$A$2:$C$346,2,0)-VLOOKUP(AM$1,városok!$A$2:$C$346,2,0))^2+(VLOOKUP($A334,városok!$A$2:$C$346,3,0)-VLOOKUP(AM$1,városok!$A$2:$C$346,3,0))^2)/1000,0)</f>
        <v>155</v>
      </c>
      <c r="AN334">
        <f ca="1">ROUND(SQRT((VLOOKUP($A334,városok!$A$2:$C$346,2,0)-VLOOKUP(AN$1,városok!$A$2:$C$346,2,0))^2+(VLOOKUP($A334,városok!$A$2:$C$346,3,0)-VLOOKUP(AN$1,városok!$A$2:$C$346,3,0))^2)/1000,0)</f>
        <v>79</v>
      </c>
      <c r="AO334">
        <f ca="1">ROUND(SQRT((VLOOKUP($A334,városok!$A$2:$C$346,2,0)-VLOOKUP(AO$1,városok!$A$2:$C$346,2,0))^2+(VLOOKUP($A334,városok!$A$2:$C$346,3,0)-VLOOKUP(AO$1,városok!$A$2:$C$346,3,0))^2)/1000,0)</f>
        <v>60</v>
      </c>
      <c r="AP334">
        <f ca="1">ROUND(SQRT((VLOOKUP($A334,városok!$A$2:$C$346,2,0)-VLOOKUP(AP$1,városok!$A$2:$C$346,2,0))^2+(VLOOKUP($A334,városok!$A$2:$C$346,3,0)-VLOOKUP(AP$1,városok!$A$2:$C$346,3,0))^2)/1000,0)</f>
        <v>51</v>
      </c>
      <c r="AQ334">
        <f ca="1">ROUND(SQRT((VLOOKUP($A334,városok!$A$2:$C$346,2,0)-VLOOKUP(AQ$1,városok!$A$2:$C$346,2,0))^2+(VLOOKUP($A334,városok!$A$2:$C$346,3,0)-VLOOKUP(AQ$1,városok!$A$2:$C$346,3,0))^2)/1000,0)</f>
        <v>45</v>
      </c>
      <c r="AR334">
        <f ca="1">ROUND(SQRT((VLOOKUP($A334,városok!$A$2:$C$346,2,0)-VLOOKUP(AR$1,városok!$A$2:$C$346,2,0))^2+(VLOOKUP($A334,városok!$A$2:$C$346,3,0)-VLOOKUP(AR$1,városok!$A$2:$C$346,3,0))^2)/1000,0)</f>
        <v>142</v>
      </c>
      <c r="AS334">
        <f ca="1">ROUND(SQRT((VLOOKUP($A334,városok!$A$2:$C$346,2,0)-VLOOKUP(AS$1,városok!$A$2:$C$346,2,0))^2+(VLOOKUP($A334,városok!$A$2:$C$346,3,0)-VLOOKUP(AS$1,városok!$A$2:$C$346,3,0))^2)/1000,0)</f>
        <v>161</v>
      </c>
      <c r="AT334">
        <f ca="1">ROUND(SQRT((VLOOKUP($A334,városok!$A$2:$C$346,2,0)-VLOOKUP(AT$1,városok!$A$2:$C$346,2,0))^2+(VLOOKUP($A334,városok!$A$2:$C$346,3,0)-VLOOKUP(AT$1,városok!$A$2:$C$346,3,0))^2)/1000,0)</f>
        <v>59</v>
      </c>
      <c r="AU334">
        <f ca="1">ROUND(SQRT((VLOOKUP($A334,városok!$A$2:$C$346,2,0)-VLOOKUP(AU$1,városok!$A$2:$C$346,2,0))^2+(VLOOKUP($A334,városok!$A$2:$C$346,3,0)-VLOOKUP(AU$1,városok!$A$2:$C$346,3,0))^2)/1000,0)</f>
        <v>68</v>
      </c>
      <c r="AV334">
        <f ca="1">ROUND(SQRT((VLOOKUP($A334,városok!$A$2:$C$346,2,0)-VLOOKUP(AV$1,városok!$A$2:$C$346,2,0))^2+(VLOOKUP($A334,városok!$A$2:$C$346,3,0)-VLOOKUP(AV$1,városok!$A$2:$C$346,3,0))^2)/1000,0)</f>
        <v>65</v>
      </c>
      <c r="AW334">
        <f ca="1">ROUND(SQRT((VLOOKUP($A334,városok!$A$2:$C$346,2,0)-VLOOKUP(AW$1,városok!$A$2:$C$346,2,0))^2+(VLOOKUP($A334,városok!$A$2:$C$346,3,0)-VLOOKUP(AW$1,városok!$A$2:$C$346,3,0))^2)/1000,0)</f>
        <v>62</v>
      </c>
      <c r="AX334">
        <f ca="1">ROUND(SQRT((VLOOKUP($A334,városok!$A$2:$C$346,2,0)-VLOOKUP(AX$1,városok!$A$2:$C$346,2,0))^2+(VLOOKUP($A334,városok!$A$2:$C$346,3,0)-VLOOKUP(AX$1,városok!$A$2:$C$346,3,0))^2)/1000,0)</f>
        <v>126</v>
      </c>
      <c r="AY334">
        <f ca="1">ROUND(SQRT((VLOOKUP($A334,városok!$A$2:$C$346,2,0)-VLOOKUP(AY$1,városok!$A$2:$C$346,2,0))^2+(VLOOKUP($A334,városok!$A$2:$C$346,3,0)-VLOOKUP(AY$1,városok!$A$2:$C$346,3,0))^2)/1000,0)</f>
        <v>88</v>
      </c>
      <c r="AZ334">
        <f ca="1">ROUND(SQRT((VLOOKUP($A334,városok!$A$2:$C$346,2,0)-VLOOKUP(AZ$1,városok!$A$2:$C$346,2,0))^2+(VLOOKUP($A334,városok!$A$2:$C$346,3,0)-VLOOKUP(AZ$1,városok!$A$2:$C$346,3,0))^2)/1000,0)</f>
        <v>90</v>
      </c>
      <c r="BA334">
        <f ca="1">ROUND(SQRT((VLOOKUP($A334,városok!$A$2:$C$346,2,0)-VLOOKUP(BA$1,városok!$A$2:$C$346,2,0))^2+(VLOOKUP($A334,városok!$A$2:$C$346,3,0)-VLOOKUP(BA$1,városok!$A$2:$C$346,3,0))^2)/1000,0)</f>
        <v>58</v>
      </c>
      <c r="BB334">
        <f ca="1">ROUND(SQRT((VLOOKUP($A334,városok!$A$2:$C$346,2,0)-VLOOKUP(BB$1,városok!$A$2:$C$346,2,0))^2+(VLOOKUP($A334,városok!$A$2:$C$346,3,0)-VLOOKUP(BB$1,városok!$A$2:$C$346,3,0))^2)/1000,0)</f>
        <v>75</v>
      </c>
      <c r="BC334">
        <f ca="1">ROUND(SQRT((VLOOKUP($A334,városok!$A$2:$C$346,2,0)-VLOOKUP(BC$1,városok!$A$2:$C$346,2,0))^2+(VLOOKUP($A334,városok!$A$2:$C$346,3,0)-VLOOKUP(BC$1,városok!$A$2:$C$346,3,0))^2)/1000,0)</f>
        <v>98</v>
      </c>
      <c r="BD334">
        <f ca="1">ROUND(SQRT((VLOOKUP($A334,városok!$A$2:$C$346,2,0)-VLOOKUP(BD$1,városok!$A$2:$C$346,2,0))^2+(VLOOKUP($A334,városok!$A$2:$C$346,3,0)-VLOOKUP(BD$1,városok!$A$2:$C$346,3,0))^2)/1000,0)</f>
        <v>33</v>
      </c>
      <c r="BE334">
        <f ca="1">ROUND(SQRT((VLOOKUP($A334,városok!$A$2:$C$346,2,0)-VLOOKUP(BE$1,városok!$A$2:$C$346,2,0))^2+(VLOOKUP($A334,városok!$A$2:$C$346,3,0)-VLOOKUP(BE$1,városok!$A$2:$C$346,3,0))^2)/1000,0)</f>
        <v>348</v>
      </c>
      <c r="BF334">
        <f ca="1">ROUND(SQRT((VLOOKUP($A334,városok!$A$2:$C$346,2,0)-VLOOKUP(BF$1,városok!$A$2:$C$346,2,0))^2+(VLOOKUP($A334,városok!$A$2:$C$346,3,0)-VLOOKUP(BF$1,városok!$A$2:$C$346,3,0))^2)/1000,0)</f>
        <v>316</v>
      </c>
      <c r="BG334">
        <f ca="1">ROUND(SQRT((VLOOKUP($A334,városok!$A$2:$C$346,2,0)-VLOOKUP(BG$1,városok!$A$2:$C$346,2,0))^2+(VLOOKUP($A334,városok!$A$2:$C$346,3,0)-VLOOKUP(BG$1,városok!$A$2:$C$346,3,0))^2)/1000,0)</f>
        <v>270</v>
      </c>
      <c r="BH334">
        <f ca="1">ROUND(SQRT((VLOOKUP($A334,városok!$A$2:$C$346,2,0)-VLOOKUP(BH$1,városok!$A$2:$C$346,2,0))^2+(VLOOKUP($A334,városok!$A$2:$C$346,3,0)-VLOOKUP(BH$1,városok!$A$2:$C$346,3,0))^2)/1000,0)</f>
        <v>270</v>
      </c>
      <c r="BI334">
        <f ca="1">ROUND(SQRT((VLOOKUP($A334,városok!$A$2:$C$346,2,0)-VLOOKUP(BI$1,városok!$A$2:$C$346,2,0))^2+(VLOOKUP($A334,városok!$A$2:$C$346,3,0)-VLOOKUP(BI$1,városok!$A$2:$C$346,3,0))^2)/1000,0)</f>
        <v>97</v>
      </c>
      <c r="BJ334">
        <f ca="1">ROUND(SQRT((VLOOKUP($A334,városok!$A$2:$C$346,2,0)-VLOOKUP(BJ$1,városok!$A$2:$C$346,2,0))^2+(VLOOKUP($A334,városok!$A$2:$C$346,3,0)-VLOOKUP(BJ$1,városok!$A$2:$C$346,3,0))^2)/1000,0)</f>
        <v>105</v>
      </c>
      <c r="BK334">
        <f ca="1">ROUND(SQRT((VLOOKUP($A334,városok!$A$2:$C$346,2,0)-VLOOKUP(BK$1,városok!$A$2:$C$346,2,0))^2+(VLOOKUP($A334,városok!$A$2:$C$346,3,0)-VLOOKUP(BK$1,városok!$A$2:$C$346,3,0))^2)/1000,0)</f>
        <v>104</v>
      </c>
      <c r="BL334">
        <f ca="1">ROUND(SQRT((VLOOKUP($A334,városok!$A$2:$C$346,2,0)-VLOOKUP(BL$1,városok!$A$2:$C$346,2,0))^2+(VLOOKUP($A334,városok!$A$2:$C$346,3,0)-VLOOKUP(BL$1,városok!$A$2:$C$346,3,0))^2)/1000,0)</f>
        <v>119</v>
      </c>
      <c r="BM334">
        <f ca="1">ROUND(SQRT((VLOOKUP($A334,városok!$A$2:$C$346,2,0)-VLOOKUP(BM$1,városok!$A$2:$C$346,2,0))^2+(VLOOKUP($A334,városok!$A$2:$C$346,3,0)-VLOOKUP(BM$1,városok!$A$2:$C$346,3,0))^2)/1000,0)</f>
        <v>92</v>
      </c>
      <c r="BN334">
        <f ca="1">ROUND(SQRT((VLOOKUP($A334,városok!$A$2:$C$346,2,0)-VLOOKUP(BN$1,városok!$A$2:$C$346,2,0))^2+(VLOOKUP($A334,városok!$A$2:$C$346,3,0)-VLOOKUP(BN$1,városok!$A$2:$C$346,3,0))^2)/1000,0)</f>
        <v>115</v>
      </c>
      <c r="BO334">
        <f ca="1">ROUND(SQRT((VLOOKUP($A334,városok!$A$2:$C$346,2,0)-VLOOKUP(BO$1,városok!$A$2:$C$346,2,0))^2+(VLOOKUP($A334,városok!$A$2:$C$346,3,0)-VLOOKUP(BO$1,városok!$A$2:$C$346,3,0))^2)/1000,0)</f>
        <v>22</v>
      </c>
      <c r="BP334">
        <f ca="1">ROUND(SQRT((VLOOKUP($A334,városok!$A$2:$C$346,2,0)-VLOOKUP(BP$1,városok!$A$2:$C$346,2,0))^2+(VLOOKUP($A334,városok!$A$2:$C$346,3,0)-VLOOKUP(BP$1,városok!$A$2:$C$346,3,0))^2)/1000,0)</f>
        <v>19</v>
      </c>
      <c r="BQ334">
        <f ca="1">ROUND(SQRT((VLOOKUP($A334,városok!$A$2:$C$346,2,0)-VLOOKUP(BQ$1,városok!$A$2:$C$346,2,0))^2+(VLOOKUP($A334,városok!$A$2:$C$346,3,0)-VLOOKUP(BQ$1,városok!$A$2:$C$346,3,0))^2)/1000,0)</f>
        <v>21</v>
      </c>
      <c r="BR334">
        <f ca="1">ROUND(SQRT((VLOOKUP($A334,városok!$A$2:$C$346,2,0)-VLOOKUP(BR$1,városok!$A$2:$C$346,2,0))^2+(VLOOKUP($A334,városok!$A$2:$C$346,3,0)-VLOOKUP(BR$1,városok!$A$2:$C$346,3,0))^2)/1000,0)</f>
        <v>83</v>
      </c>
      <c r="BS334">
        <f ca="1">ROUND(SQRT((VLOOKUP($A334,városok!$A$2:$C$346,2,0)-VLOOKUP(BS$1,városok!$A$2:$C$346,2,0))^2+(VLOOKUP($A334,városok!$A$2:$C$346,3,0)-VLOOKUP(BS$1,városok!$A$2:$C$346,3,0))^2)/1000,0)</f>
        <v>121</v>
      </c>
      <c r="BT334">
        <f ca="1">ROUND(SQRT((VLOOKUP($A334,városok!$A$2:$C$346,2,0)-VLOOKUP(BT$1,városok!$A$2:$C$346,2,0))^2+(VLOOKUP($A334,városok!$A$2:$C$346,3,0)-VLOOKUP(BT$1,városok!$A$2:$C$346,3,0))^2)/1000,0)</f>
        <v>107</v>
      </c>
    </row>
    <row r="335" spans="1:72" x14ac:dyDescent="0.2">
      <c r="A335" t="str">
        <f>városok!A335</f>
        <v>Veszprém</v>
      </c>
      <c r="B335">
        <f ca="1">ROUND(SQRT((VLOOKUP($A335,városok!$A$2:$C$346,2,0)-VLOOKUP(B$1,városok!$A$2:$C$346,2,0))^2+(VLOOKUP($A335,városok!$A$2:$C$346,3,0)-VLOOKUP(B$1,városok!$A$2:$C$346,3,0))^2)/1000,0)</f>
        <v>129</v>
      </c>
      <c r="C335">
        <f ca="1">ROUND(SQRT((VLOOKUP($A335,városok!$A$2:$C$346,2,0)-VLOOKUP(C$1,városok!$A$2:$C$346,2,0))^2+(VLOOKUP($A335,városok!$A$2:$C$346,3,0)-VLOOKUP(C$1,városok!$A$2:$C$346,3,0))^2)/1000,0)</f>
        <v>103</v>
      </c>
      <c r="D335">
        <f ca="1">ROUND(SQRT((VLOOKUP($A335,városok!$A$2:$C$346,2,0)-VLOOKUP(D$1,városok!$A$2:$C$346,2,0))^2+(VLOOKUP($A335,városok!$A$2:$C$346,3,0)-VLOOKUP(D$1,városok!$A$2:$C$346,3,0))^2)/1000,0)</f>
        <v>137</v>
      </c>
      <c r="E335">
        <f ca="1">ROUND(SQRT((VLOOKUP($A335,városok!$A$2:$C$346,2,0)-VLOOKUP(E$1,városok!$A$2:$C$346,2,0))^2+(VLOOKUP($A335,városok!$A$2:$C$346,3,0)-VLOOKUP(E$1,városok!$A$2:$C$346,3,0))^2)/1000,0)</f>
        <v>104</v>
      </c>
      <c r="F335">
        <f ca="1">ROUND(SQRT((VLOOKUP($A335,városok!$A$2:$C$346,2,0)-VLOOKUP(F$1,városok!$A$2:$C$346,2,0))^2+(VLOOKUP($A335,városok!$A$2:$C$346,3,0)-VLOOKUP(F$1,városok!$A$2:$C$346,3,0))^2)/1000,0)</f>
        <v>136</v>
      </c>
      <c r="G335">
        <f ca="1">ROUND(SQRT((VLOOKUP($A335,városok!$A$2:$C$346,2,0)-VLOOKUP(G$1,városok!$A$2:$C$346,2,0))^2+(VLOOKUP($A335,városok!$A$2:$C$346,3,0)-VLOOKUP(G$1,városok!$A$2:$C$346,3,0))^2)/1000,0)</f>
        <v>116</v>
      </c>
      <c r="H335">
        <f ca="1">ROUND(SQRT((VLOOKUP($A335,városok!$A$2:$C$346,2,0)-VLOOKUP(H$1,városok!$A$2:$C$346,2,0))^2+(VLOOKUP($A335,városok!$A$2:$C$346,3,0)-VLOOKUP(H$1,városok!$A$2:$C$346,3,0))^2)/1000,0)</f>
        <v>116</v>
      </c>
      <c r="I335">
        <f ca="1">ROUND(SQRT((VLOOKUP($A335,városok!$A$2:$C$346,2,0)-VLOOKUP(I$1,városok!$A$2:$C$346,2,0))^2+(VLOOKUP($A335,városok!$A$2:$C$346,3,0)-VLOOKUP(I$1,városok!$A$2:$C$346,3,0))^2)/1000,0)</f>
        <v>246</v>
      </c>
      <c r="J335">
        <f ca="1">ROUND(SQRT((VLOOKUP($A335,városok!$A$2:$C$346,2,0)-VLOOKUP(J$1,városok!$A$2:$C$346,2,0))^2+(VLOOKUP($A335,városok!$A$2:$C$346,3,0)-VLOOKUP(J$1,városok!$A$2:$C$346,3,0))^2)/1000,0)</f>
        <v>261</v>
      </c>
      <c r="K335">
        <f ca="1">ROUND(SQRT((VLOOKUP($A335,városok!$A$2:$C$346,2,0)-VLOOKUP(K$1,városok!$A$2:$C$346,2,0))^2+(VLOOKUP($A335,városok!$A$2:$C$346,3,0)-VLOOKUP(K$1,városok!$A$2:$C$346,3,0))^2)/1000,0)</f>
        <v>218</v>
      </c>
      <c r="L335">
        <f ca="1">ROUND(SQRT((VLOOKUP($A335,városok!$A$2:$C$346,2,0)-VLOOKUP(L$1,városok!$A$2:$C$346,2,0))^2+(VLOOKUP($A335,városok!$A$2:$C$346,3,0)-VLOOKUP(L$1,városok!$A$2:$C$346,3,0))^2)/1000,0)</f>
        <v>242</v>
      </c>
      <c r="M335">
        <f ca="1">ROUND(SQRT((VLOOKUP($A335,városok!$A$2:$C$346,2,0)-VLOOKUP(M$1,városok!$A$2:$C$346,2,0))^2+(VLOOKUP($A335,városok!$A$2:$C$346,3,0)-VLOOKUP(M$1,városok!$A$2:$C$346,3,0))^2)/1000,0)</f>
        <v>244</v>
      </c>
      <c r="N335">
        <f ca="1">ROUND(SQRT((VLOOKUP($A335,városok!$A$2:$C$346,2,0)-VLOOKUP(N$1,városok!$A$2:$C$346,2,0))^2+(VLOOKUP($A335,városok!$A$2:$C$346,3,0)-VLOOKUP(N$1,városok!$A$2:$C$346,3,0))^2)/1000,0)</f>
        <v>219</v>
      </c>
      <c r="O335">
        <f ca="1">ROUND(SQRT((VLOOKUP($A335,városok!$A$2:$C$346,2,0)-VLOOKUP(O$1,városok!$A$2:$C$346,2,0))^2+(VLOOKUP($A335,városok!$A$2:$C$346,3,0)-VLOOKUP(O$1,városok!$A$2:$C$346,3,0))^2)/1000,0)</f>
        <v>316</v>
      </c>
      <c r="P335">
        <f ca="1">ROUND(SQRT((VLOOKUP($A335,városok!$A$2:$C$346,2,0)-VLOOKUP(P$1,városok!$A$2:$C$346,2,0))^2+(VLOOKUP($A335,városok!$A$2:$C$346,3,0)-VLOOKUP(P$1,városok!$A$2:$C$346,3,0))^2)/1000,0)</f>
        <v>316</v>
      </c>
      <c r="Q335">
        <f ca="1">ROUND(SQRT((VLOOKUP($A335,városok!$A$2:$C$346,2,0)-VLOOKUP(Q$1,városok!$A$2:$C$346,2,0))^2+(VLOOKUP($A335,városok!$A$2:$C$346,3,0)-VLOOKUP(Q$1,városok!$A$2:$C$346,3,0))^2)/1000,0)</f>
        <v>199</v>
      </c>
      <c r="R335">
        <f ca="1">ROUND(SQRT((VLOOKUP($A335,városok!$A$2:$C$346,2,0)-VLOOKUP(R$1,városok!$A$2:$C$346,2,0))^2+(VLOOKUP($A335,városok!$A$2:$C$346,3,0)-VLOOKUP(R$1,városok!$A$2:$C$346,3,0))^2)/1000,0)</f>
        <v>219</v>
      </c>
      <c r="S335">
        <f ca="1">ROUND(SQRT((VLOOKUP($A335,városok!$A$2:$C$346,2,0)-VLOOKUP(S$1,városok!$A$2:$C$346,2,0))^2+(VLOOKUP($A335,városok!$A$2:$C$346,3,0)-VLOOKUP(S$1,városok!$A$2:$C$346,3,0))^2)/1000,0)</f>
        <v>196</v>
      </c>
      <c r="T335">
        <f ca="1">ROUND(SQRT((VLOOKUP($A335,városok!$A$2:$C$346,2,0)-VLOOKUP(T$1,városok!$A$2:$C$346,2,0))^2+(VLOOKUP($A335,városok!$A$2:$C$346,3,0)-VLOOKUP(T$1,városok!$A$2:$C$346,3,0))^2)/1000,0)</f>
        <v>70</v>
      </c>
      <c r="U335">
        <f ca="1">ROUND(SQRT((VLOOKUP($A335,városok!$A$2:$C$346,2,0)-VLOOKUP(U$1,városok!$A$2:$C$346,2,0))^2+(VLOOKUP($A335,városok!$A$2:$C$346,3,0)-VLOOKUP(U$1,városok!$A$2:$C$346,3,0))^2)/1000,0)</f>
        <v>79</v>
      </c>
      <c r="V335">
        <f ca="1">ROUND(SQRT((VLOOKUP($A335,városok!$A$2:$C$346,2,0)-VLOOKUP(V$1,városok!$A$2:$C$346,2,0))^2+(VLOOKUP($A335,városok!$A$2:$C$346,3,0)-VLOOKUP(V$1,városok!$A$2:$C$346,3,0))^2)/1000,0)</f>
        <v>30</v>
      </c>
      <c r="W335">
        <f ca="1">ROUND(SQRT((VLOOKUP($A335,városok!$A$2:$C$346,2,0)-VLOOKUP(W$1,városok!$A$2:$C$346,2,0))^2+(VLOOKUP($A335,városok!$A$2:$C$346,3,0)-VLOOKUP(W$1,városok!$A$2:$C$346,3,0))^2)/1000,0)</f>
        <v>59</v>
      </c>
      <c r="X335">
        <f ca="1">ROUND(SQRT((VLOOKUP($A335,városok!$A$2:$C$346,2,0)-VLOOKUP(X$1,városok!$A$2:$C$346,2,0))^2+(VLOOKUP($A335,városok!$A$2:$C$346,3,0)-VLOOKUP(X$1,városok!$A$2:$C$346,3,0))^2)/1000,0)</f>
        <v>38</v>
      </c>
      <c r="Y335">
        <f ca="1">ROUND(SQRT((VLOOKUP($A335,városok!$A$2:$C$346,2,0)-VLOOKUP(Y$1,városok!$A$2:$C$346,2,0))^2+(VLOOKUP($A335,városok!$A$2:$C$346,3,0)-VLOOKUP(Y$1,városok!$A$2:$C$346,3,0))^2)/1000,0)</f>
        <v>70</v>
      </c>
      <c r="Z335">
        <f ca="1">ROUND(SQRT((VLOOKUP($A335,városok!$A$2:$C$346,2,0)-VLOOKUP(Z$1,városok!$A$2:$C$346,2,0))^2+(VLOOKUP($A335,városok!$A$2:$C$346,3,0)-VLOOKUP(Z$1,városok!$A$2:$C$346,3,0))^2)/1000,0)</f>
        <v>82</v>
      </c>
      <c r="AA335">
        <f ca="1">ROUND(SQRT((VLOOKUP($A335,városok!$A$2:$C$346,2,0)-VLOOKUP(AA$1,városok!$A$2:$C$346,2,0))^2+(VLOOKUP($A335,városok!$A$2:$C$346,3,0)-VLOOKUP(AA$1,városok!$A$2:$C$346,3,0))^2)/1000,0)</f>
        <v>120</v>
      </c>
      <c r="AB335">
        <f ca="1">ROUND(SQRT((VLOOKUP($A335,városok!$A$2:$C$346,2,0)-VLOOKUP(AB$1,városok!$A$2:$C$346,2,0))^2+(VLOOKUP($A335,városok!$A$2:$C$346,3,0)-VLOOKUP(AB$1,városok!$A$2:$C$346,3,0))^2)/1000,0)</f>
        <v>285</v>
      </c>
      <c r="AC335">
        <f ca="1">ROUND(SQRT((VLOOKUP($A335,városok!$A$2:$C$346,2,0)-VLOOKUP(AC$1,városok!$A$2:$C$346,2,0))^2+(VLOOKUP($A335,városok!$A$2:$C$346,3,0)-VLOOKUP(AC$1,városok!$A$2:$C$346,3,0))^2)/1000,0)</f>
        <v>267</v>
      </c>
      <c r="AD335">
        <f ca="1">ROUND(SQRT((VLOOKUP($A335,városok!$A$2:$C$346,2,0)-VLOOKUP(AD$1,városok!$A$2:$C$346,2,0))^2+(VLOOKUP($A335,városok!$A$2:$C$346,3,0)-VLOOKUP(AD$1,városok!$A$2:$C$346,3,0))^2)/1000,0)</f>
        <v>249</v>
      </c>
      <c r="AE335">
        <f ca="1">ROUND(SQRT((VLOOKUP($A335,városok!$A$2:$C$346,2,0)-VLOOKUP(AE$1,városok!$A$2:$C$346,2,0))^2+(VLOOKUP($A335,városok!$A$2:$C$346,3,0)-VLOOKUP(AE$1,városok!$A$2:$C$346,3,0))^2)/1000,0)</f>
        <v>248</v>
      </c>
      <c r="AF335">
        <f ca="1">ROUND(SQRT((VLOOKUP($A335,városok!$A$2:$C$346,2,0)-VLOOKUP(AF$1,városok!$A$2:$C$346,2,0))^2+(VLOOKUP($A335,városok!$A$2:$C$346,3,0)-VLOOKUP(AF$1,városok!$A$2:$C$346,3,0))^2)/1000,0)</f>
        <v>206</v>
      </c>
      <c r="AG335">
        <f ca="1">ROUND(SQRT((VLOOKUP($A335,városok!$A$2:$C$346,2,0)-VLOOKUP(AG$1,városok!$A$2:$C$346,2,0))^2+(VLOOKUP($A335,városok!$A$2:$C$346,3,0)-VLOOKUP(AG$1,városok!$A$2:$C$346,3,0))^2)/1000,0)</f>
        <v>170</v>
      </c>
      <c r="AH335">
        <f ca="1">ROUND(SQRT((VLOOKUP($A335,városok!$A$2:$C$346,2,0)-VLOOKUP(AH$1,városok!$A$2:$C$346,2,0))^2+(VLOOKUP($A335,városok!$A$2:$C$346,3,0)-VLOOKUP(AH$1,városok!$A$2:$C$346,3,0))^2)/1000,0)</f>
        <v>148</v>
      </c>
      <c r="AI335">
        <f ca="1">ROUND(SQRT((VLOOKUP($A335,városok!$A$2:$C$346,2,0)-VLOOKUP(AI$1,városok!$A$2:$C$346,2,0))^2+(VLOOKUP($A335,városok!$A$2:$C$346,3,0)-VLOOKUP(AI$1,városok!$A$2:$C$346,3,0))^2)/1000,0)</f>
        <v>194</v>
      </c>
      <c r="AJ335">
        <f ca="1">ROUND(SQRT((VLOOKUP($A335,városok!$A$2:$C$346,2,0)-VLOOKUP(AJ$1,városok!$A$2:$C$346,2,0))^2+(VLOOKUP($A335,városok!$A$2:$C$346,3,0)-VLOOKUP(AJ$1,városok!$A$2:$C$346,3,0))^2)/1000,0)</f>
        <v>168</v>
      </c>
      <c r="AK335">
        <f ca="1">ROUND(SQRT((VLOOKUP($A335,városok!$A$2:$C$346,2,0)-VLOOKUP(AK$1,városok!$A$2:$C$346,2,0))^2+(VLOOKUP($A335,városok!$A$2:$C$346,3,0)-VLOOKUP(AK$1,városok!$A$2:$C$346,3,0))^2)/1000,0)</f>
        <v>233</v>
      </c>
      <c r="AL335">
        <f ca="1">ROUND(SQRT((VLOOKUP($A335,városok!$A$2:$C$346,2,0)-VLOOKUP(AL$1,városok!$A$2:$C$346,2,0))^2+(VLOOKUP($A335,városok!$A$2:$C$346,3,0)-VLOOKUP(AL$1,városok!$A$2:$C$346,3,0))^2)/1000,0)</f>
        <v>208</v>
      </c>
      <c r="AM335">
        <f ca="1">ROUND(SQRT((VLOOKUP($A335,városok!$A$2:$C$346,2,0)-VLOOKUP(AM$1,városok!$A$2:$C$346,2,0))^2+(VLOOKUP($A335,városok!$A$2:$C$346,3,0)-VLOOKUP(AM$1,városok!$A$2:$C$346,3,0))^2)/1000,0)</f>
        <v>173</v>
      </c>
      <c r="AN335">
        <f ca="1">ROUND(SQRT((VLOOKUP($A335,városok!$A$2:$C$346,2,0)-VLOOKUP(AN$1,városok!$A$2:$C$346,2,0))^2+(VLOOKUP($A335,városok!$A$2:$C$346,3,0)-VLOOKUP(AN$1,városok!$A$2:$C$346,3,0))^2)/1000,0)</f>
        <v>100</v>
      </c>
      <c r="AO335">
        <f ca="1">ROUND(SQRT((VLOOKUP($A335,városok!$A$2:$C$346,2,0)-VLOOKUP(AO$1,városok!$A$2:$C$346,2,0))^2+(VLOOKUP($A335,városok!$A$2:$C$346,3,0)-VLOOKUP(AO$1,városok!$A$2:$C$346,3,0))^2)/1000,0)</f>
        <v>74</v>
      </c>
      <c r="AP335">
        <f ca="1">ROUND(SQRT((VLOOKUP($A335,városok!$A$2:$C$346,2,0)-VLOOKUP(AP$1,városok!$A$2:$C$346,2,0))^2+(VLOOKUP($A335,városok!$A$2:$C$346,3,0)-VLOOKUP(AP$1,városok!$A$2:$C$346,3,0))^2)/1000,0)</f>
        <v>69</v>
      </c>
      <c r="AQ335">
        <f ca="1">ROUND(SQRT((VLOOKUP($A335,városok!$A$2:$C$346,2,0)-VLOOKUP(AQ$1,városok!$A$2:$C$346,2,0))^2+(VLOOKUP($A335,városok!$A$2:$C$346,3,0)-VLOOKUP(AQ$1,városok!$A$2:$C$346,3,0))^2)/1000,0)</f>
        <v>65</v>
      </c>
      <c r="AR335">
        <f ca="1">ROUND(SQRT((VLOOKUP($A335,városok!$A$2:$C$346,2,0)-VLOOKUP(AR$1,városok!$A$2:$C$346,2,0))^2+(VLOOKUP($A335,városok!$A$2:$C$346,3,0)-VLOOKUP(AR$1,városok!$A$2:$C$346,3,0))^2)/1000,0)</f>
        <v>163</v>
      </c>
      <c r="AS335">
        <f ca="1">ROUND(SQRT((VLOOKUP($A335,városok!$A$2:$C$346,2,0)-VLOOKUP(AS$1,városok!$A$2:$C$346,2,0))^2+(VLOOKUP($A335,városok!$A$2:$C$346,3,0)-VLOOKUP(AS$1,városok!$A$2:$C$346,3,0))^2)/1000,0)</f>
        <v>182</v>
      </c>
      <c r="AT335">
        <f ca="1">ROUND(SQRT((VLOOKUP($A335,városok!$A$2:$C$346,2,0)-VLOOKUP(AT$1,városok!$A$2:$C$346,2,0))^2+(VLOOKUP($A335,városok!$A$2:$C$346,3,0)-VLOOKUP(AT$1,városok!$A$2:$C$346,3,0))^2)/1000,0)</f>
        <v>81</v>
      </c>
      <c r="AU335">
        <f ca="1">ROUND(SQRT((VLOOKUP($A335,városok!$A$2:$C$346,2,0)-VLOOKUP(AU$1,városok!$A$2:$C$346,2,0))^2+(VLOOKUP($A335,városok!$A$2:$C$346,3,0)-VLOOKUP(AU$1,városok!$A$2:$C$346,3,0))^2)/1000,0)</f>
        <v>89</v>
      </c>
      <c r="AV335">
        <f ca="1">ROUND(SQRT((VLOOKUP($A335,városok!$A$2:$C$346,2,0)-VLOOKUP(AV$1,városok!$A$2:$C$346,2,0))^2+(VLOOKUP($A335,városok!$A$2:$C$346,3,0)-VLOOKUP(AV$1,városok!$A$2:$C$346,3,0))^2)/1000,0)</f>
        <v>86</v>
      </c>
      <c r="AW335">
        <f ca="1">ROUND(SQRT((VLOOKUP($A335,városok!$A$2:$C$346,2,0)-VLOOKUP(AW$1,városok!$A$2:$C$346,2,0))^2+(VLOOKUP($A335,városok!$A$2:$C$346,3,0)-VLOOKUP(AW$1,városok!$A$2:$C$346,3,0))^2)/1000,0)</f>
        <v>83</v>
      </c>
      <c r="AX335">
        <f ca="1">ROUND(SQRT((VLOOKUP($A335,városok!$A$2:$C$346,2,0)-VLOOKUP(AX$1,városok!$A$2:$C$346,2,0))^2+(VLOOKUP($A335,városok!$A$2:$C$346,3,0)-VLOOKUP(AX$1,városok!$A$2:$C$346,3,0))^2)/1000,0)</f>
        <v>142</v>
      </c>
      <c r="AY335">
        <f ca="1">ROUND(SQRT((VLOOKUP($A335,városok!$A$2:$C$346,2,0)-VLOOKUP(AY$1,városok!$A$2:$C$346,2,0))^2+(VLOOKUP($A335,városok!$A$2:$C$346,3,0)-VLOOKUP(AY$1,városok!$A$2:$C$346,3,0))^2)/1000,0)</f>
        <v>109</v>
      </c>
      <c r="AZ335">
        <f ca="1">ROUND(SQRT((VLOOKUP($A335,városok!$A$2:$C$346,2,0)-VLOOKUP(AZ$1,városok!$A$2:$C$346,2,0))^2+(VLOOKUP($A335,városok!$A$2:$C$346,3,0)-VLOOKUP(AZ$1,városok!$A$2:$C$346,3,0))^2)/1000,0)</f>
        <v>111</v>
      </c>
      <c r="BA335">
        <f ca="1">ROUND(SQRT((VLOOKUP($A335,városok!$A$2:$C$346,2,0)-VLOOKUP(BA$1,városok!$A$2:$C$346,2,0))^2+(VLOOKUP($A335,városok!$A$2:$C$346,3,0)-VLOOKUP(BA$1,városok!$A$2:$C$346,3,0))^2)/1000,0)</f>
        <v>38</v>
      </c>
      <c r="BB335">
        <f ca="1">ROUND(SQRT((VLOOKUP($A335,városok!$A$2:$C$346,2,0)-VLOOKUP(BB$1,városok!$A$2:$C$346,2,0))^2+(VLOOKUP($A335,városok!$A$2:$C$346,3,0)-VLOOKUP(BB$1,városok!$A$2:$C$346,3,0))^2)/1000,0)</f>
        <v>62</v>
      </c>
      <c r="BC335">
        <f ca="1">ROUND(SQRT((VLOOKUP($A335,városok!$A$2:$C$346,2,0)-VLOOKUP(BC$1,városok!$A$2:$C$346,2,0))^2+(VLOOKUP($A335,városok!$A$2:$C$346,3,0)-VLOOKUP(BC$1,városok!$A$2:$C$346,3,0))^2)/1000,0)</f>
        <v>82</v>
      </c>
      <c r="BD335">
        <f ca="1">ROUND(SQRT((VLOOKUP($A335,városok!$A$2:$C$346,2,0)-VLOOKUP(BD$1,városok!$A$2:$C$346,2,0))^2+(VLOOKUP($A335,városok!$A$2:$C$346,3,0)-VLOOKUP(BD$1,városok!$A$2:$C$346,3,0))^2)/1000,0)</f>
        <v>23</v>
      </c>
      <c r="BE335">
        <f ca="1">ROUND(SQRT((VLOOKUP($A335,városok!$A$2:$C$346,2,0)-VLOOKUP(BE$1,városok!$A$2:$C$346,2,0))^2+(VLOOKUP($A335,városok!$A$2:$C$346,3,0)-VLOOKUP(BE$1,városok!$A$2:$C$346,3,0))^2)/1000,0)</f>
        <v>368</v>
      </c>
      <c r="BF335">
        <f ca="1">ROUND(SQRT((VLOOKUP($A335,városok!$A$2:$C$346,2,0)-VLOOKUP(BF$1,városok!$A$2:$C$346,2,0))^2+(VLOOKUP($A335,városok!$A$2:$C$346,3,0)-VLOOKUP(BF$1,városok!$A$2:$C$346,3,0))^2)/1000,0)</f>
        <v>337</v>
      </c>
      <c r="BG335">
        <f ca="1">ROUND(SQRT((VLOOKUP($A335,városok!$A$2:$C$346,2,0)-VLOOKUP(BG$1,városok!$A$2:$C$346,2,0))^2+(VLOOKUP($A335,városok!$A$2:$C$346,3,0)-VLOOKUP(BG$1,városok!$A$2:$C$346,3,0))^2)/1000,0)</f>
        <v>291</v>
      </c>
      <c r="BH335">
        <f ca="1">ROUND(SQRT((VLOOKUP($A335,városok!$A$2:$C$346,2,0)-VLOOKUP(BH$1,városok!$A$2:$C$346,2,0))^2+(VLOOKUP($A335,városok!$A$2:$C$346,3,0)-VLOOKUP(BH$1,városok!$A$2:$C$346,3,0))^2)/1000,0)</f>
        <v>291</v>
      </c>
      <c r="BI335">
        <f ca="1">ROUND(SQRT((VLOOKUP($A335,városok!$A$2:$C$346,2,0)-VLOOKUP(BI$1,városok!$A$2:$C$346,2,0))^2+(VLOOKUP($A335,városok!$A$2:$C$346,3,0)-VLOOKUP(BI$1,városok!$A$2:$C$346,3,0))^2)/1000,0)</f>
        <v>94</v>
      </c>
      <c r="BJ335">
        <f ca="1">ROUND(SQRT((VLOOKUP($A335,városok!$A$2:$C$346,2,0)-VLOOKUP(BJ$1,városok!$A$2:$C$346,2,0))^2+(VLOOKUP($A335,városok!$A$2:$C$346,3,0)-VLOOKUP(BJ$1,városok!$A$2:$C$346,3,0))^2)/1000,0)</f>
        <v>99</v>
      </c>
      <c r="BK335">
        <f ca="1">ROUND(SQRT((VLOOKUP($A335,városok!$A$2:$C$346,2,0)-VLOOKUP(BK$1,városok!$A$2:$C$346,2,0))^2+(VLOOKUP($A335,városok!$A$2:$C$346,3,0)-VLOOKUP(BK$1,városok!$A$2:$C$346,3,0))^2)/1000,0)</f>
        <v>102</v>
      </c>
      <c r="BL335">
        <f ca="1">ROUND(SQRT((VLOOKUP($A335,városok!$A$2:$C$346,2,0)-VLOOKUP(BL$1,városok!$A$2:$C$346,2,0))^2+(VLOOKUP($A335,városok!$A$2:$C$346,3,0)-VLOOKUP(BL$1,városok!$A$2:$C$346,3,0))^2)/1000,0)</f>
        <v>100</v>
      </c>
      <c r="BM335">
        <f ca="1">ROUND(SQRT((VLOOKUP($A335,városok!$A$2:$C$346,2,0)-VLOOKUP(BM$1,városok!$A$2:$C$346,2,0))^2+(VLOOKUP($A335,városok!$A$2:$C$346,3,0)-VLOOKUP(BM$1,városok!$A$2:$C$346,3,0))^2)/1000,0)</f>
        <v>76</v>
      </c>
      <c r="BN335">
        <f ca="1">ROUND(SQRT((VLOOKUP($A335,városok!$A$2:$C$346,2,0)-VLOOKUP(BN$1,városok!$A$2:$C$346,2,0))^2+(VLOOKUP($A335,városok!$A$2:$C$346,3,0)-VLOOKUP(BN$1,városok!$A$2:$C$346,3,0))^2)/1000,0)</f>
        <v>99</v>
      </c>
      <c r="BO335">
        <f ca="1">ROUND(SQRT((VLOOKUP($A335,városok!$A$2:$C$346,2,0)-VLOOKUP(BO$1,városok!$A$2:$C$346,2,0))^2+(VLOOKUP($A335,városok!$A$2:$C$346,3,0)-VLOOKUP(BO$1,városok!$A$2:$C$346,3,0))^2)/1000,0)</f>
        <v>10</v>
      </c>
      <c r="BP335">
        <f ca="1">ROUND(SQRT((VLOOKUP($A335,városok!$A$2:$C$346,2,0)-VLOOKUP(BP$1,városok!$A$2:$C$346,2,0))^2+(VLOOKUP($A335,városok!$A$2:$C$346,3,0)-VLOOKUP(BP$1,városok!$A$2:$C$346,3,0))^2)/1000,0)</f>
        <v>16</v>
      </c>
      <c r="BQ335">
        <f ca="1">ROUND(SQRT((VLOOKUP($A335,városok!$A$2:$C$346,2,0)-VLOOKUP(BQ$1,városok!$A$2:$C$346,2,0))^2+(VLOOKUP($A335,városok!$A$2:$C$346,3,0)-VLOOKUP(BQ$1,városok!$A$2:$C$346,3,0))^2)/1000,0)</f>
        <v>0</v>
      </c>
      <c r="BR335">
        <f ca="1">ROUND(SQRT((VLOOKUP($A335,városok!$A$2:$C$346,2,0)-VLOOKUP(BR$1,városok!$A$2:$C$346,2,0))^2+(VLOOKUP($A335,városok!$A$2:$C$346,3,0)-VLOOKUP(BR$1,városok!$A$2:$C$346,3,0))^2)/1000,0)</f>
        <v>61</v>
      </c>
      <c r="BS335">
        <f ca="1">ROUND(SQRT((VLOOKUP($A335,városok!$A$2:$C$346,2,0)-VLOOKUP(BS$1,városok!$A$2:$C$346,2,0))^2+(VLOOKUP($A335,városok!$A$2:$C$346,3,0)-VLOOKUP(BS$1,városok!$A$2:$C$346,3,0))^2)/1000,0)</f>
        <v>100</v>
      </c>
      <c r="BT335">
        <f ca="1">ROUND(SQRT((VLOOKUP($A335,városok!$A$2:$C$346,2,0)-VLOOKUP(BT$1,városok!$A$2:$C$346,2,0))^2+(VLOOKUP($A335,városok!$A$2:$C$346,3,0)-VLOOKUP(BT$1,városok!$A$2:$C$346,3,0))^2)/1000,0)</f>
        <v>86</v>
      </c>
    </row>
    <row r="336" spans="1:72" x14ac:dyDescent="0.2">
      <c r="A336" t="str">
        <f>városok!A336</f>
        <v>Zirc</v>
      </c>
      <c r="B336">
        <f ca="1">ROUND(SQRT((VLOOKUP($A336,városok!$A$2:$C$346,2,0)-VLOOKUP(B$1,városok!$A$2:$C$346,2,0))^2+(VLOOKUP($A336,városok!$A$2:$C$346,3,0)-VLOOKUP(B$1,városok!$A$2:$C$346,3,0))^2)/1000,0)</f>
        <v>146</v>
      </c>
      <c r="C336">
        <f ca="1">ROUND(SQRT((VLOOKUP($A336,városok!$A$2:$C$346,2,0)-VLOOKUP(C$1,városok!$A$2:$C$346,2,0))^2+(VLOOKUP($A336,városok!$A$2:$C$346,3,0)-VLOOKUP(C$1,városok!$A$2:$C$346,3,0))^2)/1000,0)</f>
        <v>117</v>
      </c>
      <c r="D336">
        <f ca="1">ROUND(SQRT((VLOOKUP($A336,városok!$A$2:$C$346,2,0)-VLOOKUP(D$1,városok!$A$2:$C$346,2,0))^2+(VLOOKUP($A336,városok!$A$2:$C$346,3,0)-VLOOKUP(D$1,városok!$A$2:$C$346,3,0))^2)/1000,0)</f>
        <v>143</v>
      </c>
      <c r="E336">
        <f ca="1">ROUND(SQRT((VLOOKUP($A336,városok!$A$2:$C$346,2,0)-VLOOKUP(E$1,városok!$A$2:$C$346,2,0))^2+(VLOOKUP($A336,városok!$A$2:$C$346,3,0)-VLOOKUP(E$1,városok!$A$2:$C$346,3,0))^2)/1000,0)</f>
        <v>123</v>
      </c>
      <c r="F336">
        <f ca="1">ROUND(SQRT((VLOOKUP($A336,városok!$A$2:$C$346,2,0)-VLOOKUP(F$1,városok!$A$2:$C$346,2,0))^2+(VLOOKUP($A336,városok!$A$2:$C$346,3,0)-VLOOKUP(F$1,városok!$A$2:$C$346,3,0))^2)/1000,0)</f>
        <v>154</v>
      </c>
      <c r="G336">
        <f ca="1">ROUND(SQRT((VLOOKUP($A336,városok!$A$2:$C$346,2,0)-VLOOKUP(G$1,városok!$A$2:$C$346,2,0))^2+(VLOOKUP($A336,városok!$A$2:$C$346,3,0)-VLOOKUP(G$1,városok!$A$2:$C$346,3,0))^2)/1000,0)</f>
        <v>135</v>
      </c>
      <c r="H336">
        <f ca="1">ROUND(SQRT((VLOOKUP($A336,városok!$A$2:$C$346,2,0)-VLOOKUP(H$1,városok!$A$2:$C$346,2,0))^2+(VLOOKUP($A336,városok!$A$2:$C$346,3,0)-VLOOKUP(H$1,városok!$A$2:$C$346,3,0))^2)/1000,0)</f>
        <v>135</v>
      </c>
      <c r="I336">
        <f ca="1">ROUND(SQRT((VLOOKUP($A336,városok!$A$2:$C$346,2,0)-VLOOKUP(I$1,városok!$A$2:$C$346,2,0))^2+(VLOOKUP($A336,városok!$A$2:$C$346,3,0)-VLOOKUP(I$1,városok!$A$2:$C$346,3,0))^2)/1000,0)</f>
        <v>252</v>
      </c>
      <c r="J336">
        <f ca="1">ROUND(SQRT((VLOOKUP($A336,városok!$A$2:$C$346,2,0)-VLOOKUP(J$1,városok!$A$2:$C$346,2,0))^2+(VLOOKUP($A336,városok!$A$2:$C$346,3,0)-VLOOKUP(J$1,városok!$A$2:$C$346,3,0))^2)/1000,0)</f>
        <v>268</v>
      </c>
      <c r="K336">
        <f ca="1">ROUND(SQRT((VLOOKUP($A336,városok!$A$2:$C$346,2,0)-VLOOKUP(K$1,városok!$A$2:$C$346,2,0))^2+(VLOOKUP($A336,városok!$A$2:$C$346,3,0)-VLOOKUP(K$1,városok!$A$2:$C$346,3,0))^2)/1000,0)</f>
        <v>226</v>
      </c>
      <c r="L336">
        <f ca="1">ROUND(SQRT((VLOOKUP($A336,városok!$A$2:$C$346,2,0)-VLOOKUP(L$1,városok!$A$2:$C$346,2,0))^2+(VLOOKUP($A336,városok!$A$2:$C$346,3,0)-VLOOKUP(L$1,városok!$A$2:$C$346,3,0))^2)/1000,0)</f>
        <v>234</v>
      </c>
      <c r="M336">
        <f ca="1">ROUND(SQRT((VLOOKUP($A336,városok!$A$2:$C$346,2,0)-VLOOKUP(M$1,városok!$A$2:$C$346,2,0))^2+(VLOOKUP($A336,városok!$A$2:$C$346,3,0)-VLOOKUP(M$1,városok!$A$2:$C$346,3,0))^2)/1000,0)</f>
        <v>238</v>
      </c>
      <c r="N336">
        <f ca="1">ROUND(SQRT((VLOOKUP($A336,városok!$A$2:$C$346,2,0)-VLOOKUP(N$1,városok!$A$2:$C$346,2,0))^2+(VLOOKUP($A336,városok!$A$2:$C$346,3,0)-VLOOKUP(N$1,városok!$A$2:$C$346,3,0))^2)/1000,0)</f>
        <v>210</v>
      </c>
      <c r="O336">
        <f ca="1">ROUND(SQRT((VLOOKUP($A336,városok!$A$2:$C$346,2,0)-VLOOKUP(O$1,városok!$A$2:$C$346,2,0))^2+(VLOOKUP($A336,városok!$A$2:$C$346,3,0)-VLOOKUP(O$1,városok!$A$2:$C$346,3,0))^2)/1000,0)</f>
        <v>309</v>
      </c>
      <c r="P336">
        <f ca="1">ROUND(SQRT((VLOOKUP($A336,városok!$A$2:$C$346,2,0)-VLOOKUP(P$1,városok!$A$2:$C$346,2,0))^2+(VLOOKUP($A336,városok!$A$2:$C$346,3,0)-VLOOKUP(P$1,városok!$A$2:$C$346,3,0))^2)/1000,0)</f>
        <v>309</v>
      </c>
      <c r="Q336">
        <f ca="1">ROUND(SQRT((VLOOKUP($A336,városok!$A$2:$C$346,2,0)-VLOOKUP(Q$1,városok!$A$2:$C$346,2,0))^2+(VLOOKUP($A336,városok!$A$2:$C$346,3,0)-VLOOKUP(Q$1,városok!$A$2:$C$346,3,0))^2)/1000,0)</f>
        <v>209</v>
      </c>
      <c r="R336">
        <f ca="1">ROUND(SQRT((VLOOKUP($A336,városok!$A$2:$C$346,2,0)-VLOOKUP(R$1,városok!$A$2:$C$346,2,0))^2+(VLOOKUP($A336,városok!$A$2:$C$346,3,0)-VLOOKUP(R$1,városok!$A$2:$C$346,3,0))^2)/1000,0)</f>
        <v>230</v>
      </c>
      <c r="S336">
        <f ca="1">ROUND(SQRT((VLOOKUP($A336,városok!$A$2:$C$346,2,0)-VLOOKUP(S$1,városok!$A$2:$C$346,2,0))^2+(VLOOKUP($A336,városok!$A$2:$C$346,3,0)-VLOOKUP(S$1,városok!$A$2:$C$346,3,0))^2)/1000,0)</f>
        <v>208</v>
      </c>
      <c r="T336">
        <f ca="1">ROUND(SQRT((VLOOKUP($A336,városok!$A$2:$C$346,2,0)-VLOOKUP(T$1,városok!$A$2:$C$346,2,0))^2+(VLOOKUP($A336,városok!$A$2:$C$346,3,0)-VLOOKUP(T$1,városok!$A$2:$C$346,3,0))^2)/1000,0)</f>
        <v>62</v>
      </c>
      <c r="U336">
        <f ca="1">ROUND(SQRT((VLOOKUP($A336,városok!$A$2:$C$346,2,0)-VLOOKUP(U$1,városok!$A$2:$C$346,2,0))^2+(VLOOKUP($A336,városok!$A$2:$C$346,3,0)-VLOOKUP(U$1,városok!$A$2:$C$346,3,0))^2)/1000,0)</f>
        <v>87</v>
      </c>
      <c r="V336">
        <f ca="1">ROUND(SQRT((VLOOKUP($A336,városok!$A$2:$C$346,2,0)-VLOOKUP(V$1,városok!$A$2:$C$346,2,0))^2+(VLOOKUP($A336,városok!$A$2:$C$346,3,0)-VLOOKUP(V$1,városok!$A$2:$C$346,3,0))^2)/1000,0)</f>
        <v>39</v>
      </c>
      <c r="W336">
        <f ca="1">ROUND(SQRT((VLOOKUP($A336,városok!$A$2:$C$346,2,0)-VLOOKUP(W$1,városok!$A$2:$C$346,2,0))^2+(VLOOKUP($A336,városok!$A$2:$C$346,3,0)-VLOOKUP(W$1,városok!$A$2:$C$346,3,0))^2)/1000,0)</f>
        <v>70</v>
      </c>
      <c r="X336">
        <f ca="1">ROUND(SQRT((VLOOKUP($A336,városok!$A$2:$C$346,2,0)-VLOOKUP(X$1,városok!$A$2:$C$346,2,0))^2+(VLOOKUP($A336,városok!$A$2:$C$346,3,0)-VLOOKUP(X$1,városok!$A$2:$C$346,3,0))^2)/1000,0)</f>
        <v>34</v>
      </c>
      <c r="Y336">
        <f ca="1">ROUND(SQRT((VLOOKUP($A336,városok!$A$2:$C$346,2,0)-VLOOKUP(Y$1,városok!$A$2:$C$346,2,0))^2+(VLOOKUP($A336,városok!$A$2:$C$346,3,0)-VLOOKUP(Y$1,városok!$A$2:$C$346,3,0))^2)/1000,0)</f>
        <v>51</v>
      </c>
      <c r="Z336">
        <f ca="1">ROUND(SQRT((VLOOKUP($A336,városok!$A$2:$C$346,2,0)-VLOOKUP(Z$1,városok!$A$2:$C$346,2,0))^2+(VLOOKUP($A336,városok!$A$2:$C$346,3,0)-VLOOKUP(Z$1,városok!$A$2:$C$346,3,0))^2)/1000,0)</f>
        <v>64</v>
      </c>
      <c r="AA336">
        <f ca="1">ROUND(SQRT((VLOOKUP($A336,városok!$A$2:$C$346,2,0)-VLOOKUP(AA$1,városok!$A$2:$C$346,2,0))^2+(VLOOKUP($A336,városok!$A$2:$C$346,3,0)-VLOOKUP(AA$1,városok!$A$2:$C$346,3,0))^2)/1000,0)</f>
        <v>108</v>
      </c>
      <c r="AB336">
        <f ca="1">ROUND(SQRT((VLOOKUP($A336,városok!$A$2:$C$346,2,0)-VLOOKUP(AB$1,városok!$A$2:$C$346,2,0))^2+(VLOOKUP($A336,városok!$A$2:$C$346,3,0)-VLOOKUP(AB$1,városok!$A$2:$C$346,3,0))^2)/1000,0)</f>
        <v>285</v>
      </c>
      <c r="AC336">
        <f ca="1">ROUND(SQRT((VLOOKUP($A336,városok!$A$2:$C$346,2,0)-VLOOKUP(AC$1,városok!$A$2:$C$346,2,0))^2+(VLOOKUP($A336,városok!$A$2:$C$346,3,0)-VLOOKUP(AC$1,városok!$A$2:$C$346,3,0))^2)/1000,0)</f>
        <v>267</v>
      </c>
      <c r="AD336">
        <f ca="1">ROUND(SQRT((VLOOKUP($A336,városok!$A$2:$C$346,2,0)-VLOOKUP(AD$1,városok!$A$2:$C$346,2,0))^2+(VLOOKUP($A336,városok!$A$2:$C$346,3,0)-VLOOKUP(AD$1,városok!$A$2:$C$346,3,0))^2)/1000,0)</f>
        <v>249</v>
      </c>
      <c r="AE336">
        <f ca="1">ROUND(SQRT((VLOOKUP($A336,városok!$A$2:$C$346,2,0)-VLOOKUP(AE$1,városok!$A$2:$C$346,2,0))^2+(VLOOKUP($A336,városok!$A$2:$C$346,3,0)-VLOOKUP(AE$1,városok!$A$2:$C$346,3,0))^2)/1000,0)</f>
        <v>249</v>
      </c>
      <c r="AF336">
        <f ca="1">ROUND(SQRT((VLOOKUP($A336,városok!$A$2:$C$346,2,0)-VLOOKUP(AF$1,városok!$A$2:$C$346,2,0))^2+(VLOOKUP($A336,városok!$A$2:$C$346,3,0)-VLOOKUP(AF$1,városok!$A$2:$C$346,3,0))^2)/1000,0)</f>
        <v>201</v>
      </c>
      <c r="AG336">
        <f ca="1">ROUND(SQRT((VLOOKUP($A336,városok!$A$2:$C$346,2,0)-VLOOKUP(AG$1,városok!$A$2:$C$346,2,0))^2+(VLOOKUP($A336,városok!$A$2:$C$346,3,0)-VLOOKUP(AG$1,városok!$A$2:$C$346,3,0))^2)/1000,0)</f>
        <v>165</v>
      </c>
      <c r="AH336">
        <f ca="1">ROUND(SQRT((VLOOKUP($A336,városok!$A$2:$C$346,2,0)-VLOOKUP(AH$1,városok!$A$2:$C$346,2,0))^2+(VLOOKUP($A336,városok!$A$2:$C$346,3,0)-VLOOKUP(AH$1,városok!$A$2:$C$346,3,0))^2)/1000,0)</f>
        <v>143</v>
      </c>
      <c r="AI336">
        <f ca="1">ROUND(SQRT((VLOOKUP($A336,városok!$A$2:$C$346,2,0)-VLOOKUP(AI$1,városok!$A$2:$C$346,2,0))^2+(VLOOKUP($A336,városok!$A$2:$C$346,3,0)-VLOOKUP(AI$1,városok!$A$2:$C$346,3,0))^2)/1000,0)</f>
        <v>187</v>
      </c>
      <c r="AJ336">
        <f ca="1">ROUND(SQRT((VLOOKUP($A336,városok!$A$2:$C$346,2,0)-VLOOKUP(AJ$1,városok!$A$2:$C$346,2,0))^2+(VLOOKUP($A336,városok!$A$2:$C$346,3,0)-VLOOKUP(AJ$1,városok!$A$2:$C$346,3,0))^2)/1000,0)</f>
        <v>164</v>
      </c>
      <c r="AK336">
        <f ca="1">ROUND(SQRT((VLOOKUP($A336,városok!$A$2:$C$346,2,0)-VLOOKUP(AK$1,városok!$A$2:$C$346,2,0))^2+(VLOOKUP($A336,városok!$A$2:$C$346,3,0)-VLOOKUP(AK$1,városok!$A$2:$C$346,3,0))^2)/1000,0)</f>
        <v>234</v>
      </c>
      <c r="AL336">
        <f ca="1">ROUND(SQRT((VLOOKUP($A336,városok!$A$2:$C$346,2,0)-VLOOKUP(AL$1,városok!$A$2:$C$346,2,0))^2+(VLOOKUP($A336,városok!$A$2:$C$346,3,0)-VLOOKUP(AL$1,városok!$A$2:$C$346,3,0))^2)/1000,0)</f>
        <v>208</v>
      </c>
      <c r="AM336">
        <f ca="1">ROUND(SQRT((VLOOKUP($A336,városok!$A$2:$C$346,2,0)-VLOOKUP(AM$1,városok!$A$2:$C$346,2,0))^2+(VLOOKUP($A336,városok!$A$2:$C$346,3,0)-VLOOKUP(AM$1,városok!$A$2:$C$346,3,0))^2)/1000,0)</f>
        <v>175</v>
      </c>
      <c r="AN336">
        <f ca="1">ROUND(SQRT((VLOOKUP($A336,városok!$A$2:$C$346,2,0)-VLOOKUP(AN$1,városok!$A$2:$C$346,2,0))^2+(VLOOKUP($A336,városok!$A$2:$C$346,3,0)-VLOOKUP(AN$1,városok!$A$2:$C$346,3,0))^2)/1000,0)</f>
        <v>88</v>
      </c>
      <c r="AO336">
        <f ca="1">ROUND(SQRT((VLOOKUP($A336,városok!$A$2:$C$346,2,0)-VLOOKUP(AO$1,városok!$A$2:$C$346,2,0))^2+(VLOOKUP($A336,városok!$A$2:$C$346,3,0)-VLOOKUP(AO$1,városok!$A$2:$C$346,3,0))^2)/1000,0)</f>
        <v>56</v>
      </c>
      <c r="AP336">
        <f ca="1">ROUND(SQRT((VLOOKUP($A336,városok!$A$2:$C$346,2,0)-VLOOKUP(AP$1,városok!$A$2:$C$346,2,0))^2+(VLOOKUP($A336,városok!$A$2:$C$346,3,0)-VLOOKUP(AP$1,városok!$A$2:$C$346,3,0))^2)/1000,0)</f>
        <v>55</v>
      </c>
      <c r="AQ336">
        <f ca="1">ROUND(SQRT((VLOOKUP($A336,városok!$A$2:$C$346,2,0)-VLOOKUP(AQ$1,városok!$A$2:$C$346,2,0))^2+(VLOOKUP($A336,városok!$A$2:$C$346,3,0)-VLOOKUP(AQ$1,városok!$A$2:$C$346,3,0))^2)/1000,0)</f>
        <v>53</v>
      </c>
      <c r="AR336">
        <f ca="1">ROUND(SQRT((VLOOKUP($A336,városok!$A$2:$C$346,2,0)-VLOOKUP(AR$1,városok!$A$2:$C$346,2,0))^2+(VLOOKUP($A336,városok!$A$2:$C$346,3,0)-VLOOKUP(AR$1,városok!$A$2:$C$346,3,0))^2)/1000,0)</f>
        <v>155</v>
      </c>
      <c r="AS336">
        <f ca="1">ROUND(SQRT((VLOOKUP($A336,városok!$A$2:$C$346,2,0)-VLOOKUP(AS$1,városok!$A$2:$C$346,2,0))^2+(VLOOKUP($A336,városok!$A$2:$C$346,3,0)-VLOOKUP(AS$1,városok!$A$2:$C$346,3,0))^2)/1000,0)</f>
        <v>173</v>
      </c>
      <c r="AT336">
        <f ca="1">ROUND(SQRT((VLOOKUP($A336,városok!$A$2:$C$346,2,0)-VLOOKUP(AT$1,városok!$A$2:$C$346,2,0))^2+(VLOOKUP($A336,városok!$A$2:$C$346,3,0)-VLOOKUP(AT$1,városok!$A$2:$C$346,3,0))^2)/1000,0)</f>
        <v>75</v>
      </c>
      <c r="AU336">
        <f ca="1">ROUND(SQRT((VLOOKUP($A336,városok!$A$2:$C$346,2,0)-VLOOKUP(AU$1,városok!$A$2:$C$346,2,0))^2+(VLOOKUP($A336,városok!$A$2:$C$346,3,0)-VLOOKUP(AU$1,városok!$A$2:$C$346,3,0))^2)/1000,0)</f>
        <v>85</v>
      </c>
      <c r="AV336">
        <f ca="1">ROUND(SQRT((VLOOKUP($A336,városok!$A$2:$C$346,2,0)-VLOOKUP(AV$1,városok!$A$2:$C$346,2,0))^2+(VLOOKUP($A336,városok!$A$2:$C$346,3,0)-VLOOKUP(AV$1,városok!$A$2:$C$346,3,0))^2)/1000,0)</f>
        <v>83</v>
      </c>
      <c r="AW336">
        <f ca="1">ROUND(SQRT((VLOOKUP($A336,városok!$A$2:$C$346,2,0)-VLOOKUP(AW$1,városok!$A$2:$C$346,2,0))^2+(VLOOKUP($A336,városok!$A$2:$C$346,3,0)-VLOOKUP(AW$1,városok!$A$2:$C$346,3,0))^2)/1000,0)</f>
        <v>79</v>
      </c>
      <c r="AX336">
        <f ca="1">ROUND(SQRT((VLOOKUP($A336,városok!$A$2:$C$346,2,0)-VLOOKUP(AX$1,városok!$A$2:$C$346,2,0))^2+(VLOOKUP($A336,városok!$A$2:$C$346,3,0)-VLOOKUP(AX$1,városok!$A$2:$C$346,3,0))^2)/1000,0)</f>
        <v>147</v>
      </c>
      <c r="AY336">
        <f ca="1">ROUND(SQRT((VLOOKUP($A336,városok!$A$2:$C$346,2,0)-VLOOKUP(AY$1,városok!$A$2:$C$346,2,0))^2+(VLOOKUP($A336,városok!$A$2:$C$346,3,0)-VLOOKUP(AY$1,városok!$A$2:$C$346,3,0))^2)/1000,0)</f>
        <v>101</v>
      </c>
      <c r="AZ336">
        <f ca="1">ROUND(SQRT((VLOOKUP($A336,városok!$A$2:$C$346,2,0)-VLOOKUP(AZ$1,városok!$A$2:$C$346,2,0))^2+(VLOOKUP($A336,városok!$A$2:$C$346,3,0)-VLOOKUP(AZ$1,városok!$A$2:$C$346,3,0))^2)/1000,0)</f>
        <v>101</v>
      </c>
      <c r="BA336">
        <f ca="1">ROUND(SQRT((VLOOKUP($A336,városok!$A$2:$C$346,2,0)-VLOOKUP(BA$1,városok!$A$2:$C$346,2,0))^2+(VLOOKUP($A336,városok!$A$2:$C$346,3,0)-VLOOKUP(BA$1,városok!$A$2:$C$346,3,0))^2)/1000,0)</f>
        <v>55</v>
      </c>
      <c r="BB336">
        <f ca="1">ROUND(SQRT((VLOOKUP($A336,városok!$A$2:$C$346,2,0)-VLOOKUP(BB$1,városok!$A$2:$C$346,2,0))^2+(VLOOKUP($A336,városok!$A$2:$C$346,3,0)-VLOOKUP(BB$1,városok!$A$2:$C$346,3,0))^2)/1000,0)</f>
        <v>81</v>
      </c>
      <c r="BC336">
        <f ca="1">ROUND(SQRT((VLOOKUP($A336,városok!$A$2:$C$346,2,0)-VLOOKUP(BC$1,városok!$A$2:$C$346,2,0))^2+(VLOOKUP($A336,városok!$A$2:$C$346,3,0)-VLOOKUP(BC$1,városok!$A$2:$C$346,3,0))^2)/1000,0)</f>
        <v>101</v>
      </c>
      <c r="BD336">
        <f ca="1">ROUND(SQRT((VLOOKUP($A336,városok!$A$2:$C$346,2,0)-VLOOKUP(BD$1,városok!$A$2:$C$346,2,0))^2+(VLOOKUP($A336,városok!$A$2:$C$346,3,0)-VLOOKUP(BD$1,városok!$A$2:$C$346,3,0))^2)/1000,0)</f>
        <v>42</v>
      </c>
      <c r="BE336">
        <f ca="1">ROUND(SQRT((VLOOKUP($A336,városok!$A$2:$C$346,2,0)-VLOOKUP(BE$1,városok!$A$2:$C$346,2,0))^2+(VLOOKUP($A336,városok!$A$2:$C$346,3,0)-VLOOKUP(BE$1,városok!$A$2:$C$346,3,0))^2)/1000,0)</f>
        <v>366</v>
      </c>
      <c r="BF336">
        <f ca="1">ROUND(SQRT((VLOOKUP($A336,városok!$A$2:$C$346,2,0)-VLOOKUP(BF$1,városok!$A$2:$C$346,2,0))^2+(VLOOKUP($A336,városok!$A$2:$C$346,3,0)-VLOOKUP(BF$1,városok!$A$2:$C$346,3,0))^2)/1000,0)</f>
        <v>332</v>
      </c>
      <c r="BG336">
        <f ca="1">ROUND(SQRT((VLOOKUP($A336,városok!$A$2:$C$346,2,0)-VLOOKUP(BG$1,városok!$A$2:$C$346,2,0))^2+(VLOOKUP($A336,városok!$A$2:$C$346,3,0)-VLOOKUP(BG$1,városok!$A$2:$C$346,3,0))^2)/1000,0)</f>
        <v>286</v>
      </c>
      <c r="BH336">
        <f ca="1">ROUND(SQRT((VLOOKUP($A336,városok!$A$2:$C$346,2,0)-VLOOKUP(BH$1,városok!$A$2:$C$346,2,0))^2+(VLOOKUP($A336,városok!$A$2:$C$346,3,0)-VLOOKUP(BH$1,városok!$A$2:$C$346,3,0))^2)/1000,0)</f>
        <v>286</v>
      </c>
      <c r="BI336">
        <f ca="1">ROUND(SQRT((VLOOKUP($A336,városok!$A$2:$C$346,2,0)-VLOOKUP(BI$1,városok!$A$2:$C$346,2,0))^2+(VLOOKUP($A336,városok!$A$2:$C$346,3,0)-VLOOKUP(BI$1,városok!$A$2:$C$346,3,0))^2)/1000,0)</f>
        <v>112</v>
      </c>
      <c r="BJ336">
        <f ca="1">ROUND(SQRT((VLOOKUP($A336,városok!$A$2:$C$346,2,0)-VLOOKUP(BJ$1,városok!$A$2:$C$346,2,0))^2+(VLOOKUP($A336,városok!$A$2:$C$346,3,0)-VLOOKUP(BJ$1,városok!$A$2:$C$346,3,0))^2)/1000,0)</f>
        <v>118</v>
      </c>
      <c r="BK336">
        <f ca="1">ROUND(SQRT((VLOOKUP($A336,városok!$A$2:$C$346,2,0)-VLOOKUP(BK$1,városok!$A$2:$C$346,2,0))^2+(VLOOKUP($A336,városok!$A$2:$C$346,3,0)-VLOOKUP(BK$1,városok!$A$2:$C$346,3,0))^2)/1000,0)</f>
        <v>119</v>
      </c>
      <c r="BL336">
        <f ca="1">ROUND(SQRT((VLOOKUP($A336,városok!$A$2:$C$346,2,0)-VLOOKUP(BL$1,városok!$A$2:$C$346,2,0))^2+(VLOOKUP($A336,városok!$A$2:$C$346,3,0)-VLOOKUP(BL$1,városok!$A$2:$C$346,3,0))^2)/1000,0)</f>
        <v>100</v>
      </c>
      <c r="BM336">
        <f ca="1">ROUND(SQRT((VLOOKUP($A336,városok!$A$2:$C$346,2,0)-VLOOKUP(BM$1,városok!$A$2:$C$346,2,0))^2+(VLOOKUP($A336,városok!$A$2:$C$346,3,0)-VLOOKUP(BM$1,városok!$A$2:$C$346,3,0))^2)/1000,0)</f>
        <v>71</v>
      </c>
      <c r="BN336">
        <f ca="1">ROUND(SQRT((VLOOKUP($A336,városok!$A$2:$C$346,2,0)-VLOOKUP(BN$1,városok!$A$2:$C$346,2,0))^2+(VLOOKUP($A336,városok!$A$2:$C$346,3,0)-VLOOKUP(BN$1,városok!$A$2:$C$346,3,0))^2)/1000,0)</f>
        <v>95</v>
      </c>
      <c r="BO336">
        <f ca="1">ROUND(SQRT((VLOOKUP($A336,városok!$A$2:$C$346,2,0)-VLOOKUP(BO$1,városok!$A$2:$C$346,2,0))^2+(VLOOKUP($A336,városok!$A$2:$C$346,3,0)-VLOOKUP(BO$1,városok!$A$2:$C$346,3,0))^2)/1000,0)</f>
        <v>28</v>
      </c>
      <c r="BP336">
        <f ca="1">ROUND(SQRT((VLOOKUP($A336,városok!$A$2:$C$346,2,0)-VLOOKUP(BP$1,városok!$A$2:$C$346,2,0))^2+(VLOOKUP($A336,városok!$A$2:$C$346,3,0)-VLOOKUP(BP$1,városok!$A$2:$C$346,3,0))^2)/1000,0)</f>
        <v>31</v>
      </c>
      <c r="BQ336">
        <f ca="1">ROUND(SQRT((VLOOKUP($A336,városok!$A$2:$C$346,2,0)-VLOOKUP(BQ$1,városok!$A$2:$C$346,2,0))^2+(VLOOKUP($A336,városok!$A$2:$C$346,3,0)-VLOOKUP(BQ$1,városok!$A$2:$C$346,3,0))^2)/1000,0)</f>
        <v>19</v>
      </c>
      <c r="BR336">
        <f ca="1">ROUND(SQRT((VLOOKUP($A336,városok!$A$2:$C$346,2,0)-VLOOKUP(BR$1,városok!$A$2:$C$346,2,0))^2+(VLOOKUP($A336,városok!$A$2:$C$346,3,0)-VLOOKUP(BR$1,városok!$A$2:$C$346,3,0))^2)/1000,0)</f>
        <v>72</v>
      </c>
      <c r="BS336">
        <f ca="1">ROUND(SQRT((VLOOKUP($A336,városok!$A$2:$C$346,2,0)-VLOOKUP(BS$1,városok!$A$2:$C$346,2,0))^2+(VLOOKUP($A336,városok!$A$2:$C$346,3,0)-VLOOKUP(BS$1,városok!$A$2:$C$346,3,0))^2)/1000,0)</f>
        <v>113</v>
      </c>
      <c r="BT336">
        <f ca="1">ROUND(SQRT((VLOOKUP($A336,városok!$A$2:$C$346,2,0)-VLOOKUP(BT$1,városok!$A$2:$C$346,2,0))^2+(VLOOKUP($A336,városok!$A$2:$C$346,3,0)-VLOOKUP(BT$1,városok!$A$2:$C$346,3,0))^2)/1000,0)</f>
        <v>92</v>
      </c>
    </row>
    <row r="337" spans="1:72" x14ac:dyDescent="0.2">
      <c r="A337" t="str">
        <f>városok!A337</f>
        <v>Hévíz</v>
      </c>
      <c r="B337">
        <f ca="1">ROUND(SQRT((VLOOKUP($A337,városok!$A$2:$C$346,2,0)-VLOOKUP(B$1,városok!$A$2:$C$346,2,0))^2+(VLOOKUP($A337,városok!$A$2:$C$346,3,0)-VLOOKUP(B$1,városok!$A$2:$C$346,3,0))^2)/1000,0)</f>
        <v>152</v>
      </c>
      <c r="C337">
        <f ca="1">ROUND(SQRT((VLOOKUP($A337,városok!$A$2:$C$346,2,0)-VLOOKUP(C$1,városok!$A$2:$C$346,2,0))^2+(VLOOKUP($A337,városok!$A$2:$C$346,3,0)-VLOOKUP(C$1,városok!$A$2:$C$346,3,0))^2)/1000,0)</f>
        <v>140</v>
      </c>
      <c r="D337">
        <f ca="1">ROUND(SQRT((VLOOKUP($A337,városok!$A$2:$C$346,2,0)-VLOOKUP(D$1,városok!$A$2:$C$346,2,0))^2+(VLOOKUP($A337,városok!$A$2:$C$346,3,0)-VLOOKUP(D$1,városok!$A$2:$C$346,3,0))^2)/1000,0)</f>
        <v>191</v>
      </c>
      <c r="E337">
        <f ca="1">ROUND(SQRT((VLOOKUP($A337,városok!$A$2:$C$346,2,0)-VLOOKUP(E$1,városok!$A$2:$C$346,2,0))^2+(VLOOKUP($A337,városok!$A$2:$C$346,3,0)-VLOOKUP(E$1,városok!$A$2:$C$346,3,0))^2)/1000,0)</f>
        <v>106</v>
      </c>
      <c r="F337">
        <f ca="1">ROUND(SQRT((VLOOKUP($A337,városok!$A$2:$C$346,2,0)-VLOOKUP(F$1,városok!$A$2:$C$346,2,0))^2+(VLOOKUP($A337,városok!$A$2:$C$346,3,0)-VLOOKUP(F$1,városok!$A$2:$C$346,3,0))^2)/1000,0)</f>
        <v>146</v>
      </c>
      <c r="G337">
        <f ca="1">ROUND(SQRT((VLOOKUP($A337,városok!$A$2:$C$346,2,0)-VLOOKUP(G$1,városok!$A$2:$C$346,2,0))^2+(VLOOKUP($A337,városok!$A$2:$C$346,3,0)-VLOOKUP(G$1,városok!$A$2:$C$346,3,0))^2)/1000,0)</f>
        <v>114</v>
      </c>
      <c r="H337">
        <f ca="1">ROUND(SQRT((VLOOKUP($A337,városok!$A$2:$C$346,2,0)-VLOOKUP(H$1,városok!$A$2:$C$346,2,0))^2+(VLOOKUP($A337,városok!$A$2:$C$346,3,0)-VLOOKUP(H$1,városok!$A$2:$C$346,3,0))^2)/1000,0)</f>
        <v>95</v>
      </c>
      <c r="I337">
        <f ca="1">ROUND(SQRT((VLOOKUP($A337,városok!$A$2:$C$346,2,0)-VLOOKUP(I$1,városok!$A$2:$C$346,2,0))^2+(VLOOKUP($A337,városok!$A$2:$C$346,3,0)-VLOOKUP(I$1,városok!$A$2:$C$346,3,0))^2)/1000,0)</f>
        <v>298</v>
      </c>
      <c r="J337">
        <f ca="1">ROUND(SQRT((VLOOKUP($A337,városok!$A$2:$C$346,2,0)-VLOOKUP(J$1,városok!$A$2:$C$346,2,0))^2+(VLOOKUP($A337,városok!$A$2:$C$346,3,0)-VLOOKUP(J$1,városok!$A$2:$C$346,3,0))^2)/1000,0)</f>
        <v>313</v>
      </c>
      <c r="K337">
        <f ca="1">ROUND(SQRT((VLOOKUP($A337,városok!$A$2:$C$346,2,0)-VLOOKUP(K$1,városok!$A$2:$C$346,2,0))^2+(VLOOKUP($A337,városok!$A$2:$C$346,3,0)-VLOOKUP(K$1,városok!$A$2:$C$346,3,0))^2)/1000,0)</f>
        <v>267</v>
      </c>
      <c r="L337">
        <f ca="1">ROUND(SQRT((VLOOKUP($A337,városok!$A$2:$C$346,2,0)-VLOOKUP(L$1,városok!$A$2:$C$346,2,0))^2+(VLOOKUP($A337,városok!$A$2:$C$346,3,0)-VLOOKUP(L$1,városok!$A$2:$C$346,3,0))^2)/1000,0)</f>
        <v>306</v>
      </c>
      <c r="M337">
        <f ca="1">ROUND(SQRT((VLOOKUP($A337,városok!$A$2:$C$346,2,0)-VLOOKUP(M$1,városok!$A$2:$C$346,2,0))^2+(VLOOKUP($A337,városok!$A$2:$C$346,3,0)-VLOOKUP(M$1,városok!$A$2:$C$346,3,0))^2)/1000,0)</f>
        <v>309</v>
      </c>
      <c r="N337">
        <f ca="1">ROUND(SQRT((VLOOKUP($A337,városok!$A$2:$C$346,2,0)-VLOOKUP(N$1,városok!$A$2:$C$346,2,0))^2+(VLOOKUP($A337,városok!$A$2:$C$346,3,0)-VLOOKUP(N$1,városok!$A$2:$C$346,3,0))^2)/1000,0)</f>
        <v>283</v>
      </c>
      <c r="O337">
        <f ca="1">ROUND(SQRT((VLOOKUP($A337,városok!$A$2:$C$346,2,0)-VLOOKUP(O$1,városok!$A$2:$C$346,2,0))^2+(VLOOKUP($A337,városok!$A$2:$C$346,3,0)-VLOOKUP(O$1,városok!$A$2:$C$346,3,0))^2)/1000,0)</f>
        <v>380</v>
      </c>
      <c r="P337">
        <f ca="1">ROUND(SQRT((VLOOKUP($A337,városok!$A$2:$C$346,2,0)-VLOOKUP(P$1,városok!$A$2:$C$346,2,0))^2+(VLOOKUP($A337,városok!$A$2:$C$346,3,0)-VLOOKUP(P$1,városok!$A$2:$C$346,3,0))^2)/1000,0)</f>
        <v>380</v>
      </c>
      <c r="Q337">
        <f ca="1">ROUND(SQRT((VLOOKUP($A337,városok!$A$2:$C$346,2,0)-VLOOKUP(Q$1,városok!$A$2:$C$346,2,0))^2+(VLOOKUP($A337,városok!$A$2:$C$346,3,0)-VLOOKUP(Q$1,városok!$A$2:$C$346,3,0))^2)/1000,0)</f>
        <v>243</v>
      </c>
      <c r="R337">
        <f ca="1">ROUND(SQRT((VLOOKUP($A337,városok!$A$2:$C$346,2,0)-VLOOKUP(R$1,városok!$A$2:$C$346,2,0))^2+(VLOOKUP($A337,városok!$A$2:$C$346,3,0)-VLOOKUP(R$1,városok!$A$2:$C$346,3,0))^2)/1000,0)</f>
        <v>260</v>
      </c>
      <c r="S337">
        <f ca="1">ROUND(SQRT((VLOOKUP($A337,városok!$A$2:$C$346,2,0)-VLOOKUP(S$1,városok!$A$2:$C$346,2,0))^2+(VLOOKUP($A337,városok!$A$2:$C$346,3,0)-VLOOKUP(S$1,városok!$A$2:$C$346,3,0))^2)/1000,0)</f>
        <v>236</v>
      </c>
      <c r="T337">
        <f ca="1">ROUND(SQRT((VLOOKUP($A337,városok!$A$2:$C$346,2,0)-VLOOKUP(T$1,városok!$A$2:$C$346,2,0))^2+(VLOOKUP($A337,városok!$A$2:$C$346,3,0)-VLOOKUP(T$1,városok!$A$2:$C$346,3,0))^2)/1000,0)</f>
        <v>134</v>
      </c>
      <c r="U337">
        <f ca="1">ROUND(SQRT((VLOOKUP($A337,városok!$A$2:$C$346,2,0)-VLOOKUP(U$1,városok!$A$2:$C$346,2,0))^2+(VLOOKUP($A337,városok!$A$2:$C$346,3,0)-VLOOKUP(U$1,városok!$A$2:$C$346,3,0))^2)/1000,0)</f>
        <v>134</v>
      </c>
      <c r="V337">
        <f ca="1">ROUND(SQRT((VLOOKUP($A337,városok!$A$2:$C$346,2,0)-VLOOKUP(V$1,városok!$A$2:$C$346,2,0))^2+(VLOOKUP($A337,városok!$A$2:$C$346,3,0)-VLOOKUP(V$1,városok!$A$2:$C$346,3,0))^2)/1000,0)</f>
        <v>90</v>
      </c>
      <c r="W337">
        <f ca="1">ROUND(SQRT((VLOOKUP($A337,városok!$A$2:$C$346,2,0)-VLOOKUP(W$1,városok!$A$2:$C$346,2,0))^2+(VLOOKUP($A337,városok!$A$2:$C$346,3,0)-VLOOKUP(W$1,városok!$A$2:$C$346,3,0))^2)/1000,0)</f>
        <v>110</v>
      </c>
      <c r="X337">
        <f ca="1">ROUND(SQRT((VLOOKUP($A337,városok!$A$2:$C$346,2,0)-VLOOKUP(X$1,városok!$A$2:$C$346,2,0))^2+(VLOOKUP($A337,városok!$A$2:$C$346,3,0)-VLOOKUP(X$1,városok!$A$2:$C$346,3,0))^2)/1000,0)</f>
        <v>103</v>
      </c>
      <c r="Y337">
        <f ca="1">ROUND(SQRT((VLOOKUP($A337,városok!$A$2:$C$346,2,0)-VLOOKUP(Y$1,városok!$A$2:$C$346,2,0))^2+(VLOOKUP($A337,városok!$A$2:$C$346,3,0)-VLOOKUP(Y$1,városok!$A$2:$C$346,3,0))^2)/1000,0)</f>
        <v>105</v>
      </c>
      <c r="Z337">
        <f ca="1">ROUND(SQRT((VLOOKUP($A337,városok!$A$2:$C$346,2,0)-VLOOKUP(Z$1,városok!$A$2:$C$346,2,0))^2+(VLOOKUP($A337,városok!$A$2:$C$346,3,0)-VLOOKUP(Z$1,városok!$A$2:$C$346,3,0))^2)/1000,0)</f>
        <v>106</v>
      </c>
      <c r="AA337">
        <f ca="1">ROUND(SQRT((VLOOKUP($A337,városok!$A$2:$C$346,2,0)-VLOOKUP(AA$1,városok!$A$2:$C$346,2,0))^2+(VLOOKUP($A337,városok!$A$2:$C$346,3,0)-VLOOKUP(AA$1,városok!$A$2:$C$346,3,0))^2)/1000,0)</f>
        <v>109</v>
      </c>
      <c r="AB337">
        <f ca="1">ROUND(SQRT((VLOOKUP($A337,városok!$A$2:$C$346,2,0)-VLOOKUP(AB$1,városok!$A$2:$C$346,2,0))^2+(VLOOKUP($A337,városok!$A$2:$C$346,3,0)-VLOOKUP(AB$1,városok!$A$2:$C$346,3,0))^2)/1000,0)</f>
        <v>347</v>
      </c>
      <c r="AC337">
        <f ca="1">ROUND(SQRT((VLOOKUP($A337,városok!$A$2:$C$346,2,0)-VLOOKUP(AC$1,városok!$A$2:$C$346,2,0))^2+(VLOOKUP($A337,városok!$A$2:$C$346,3,0)-VLOOKUP(AC$1,városok!$A$2:$C$346,3,0))^2)/1000,0)</f>
        <v>327</v>
      </c>
      <c r="AD337">
        <f ca="1">ROUND(SQRT((VLOOKUP($A337,városok!$A$2:$C$346,2,0)-VLOOKUP(AD$1,városok!$A$2:$C$346,2,0))^2+(VLOOKUP($A337,városok!$A$2:$C$346,3,0)-VLOOKUP(AD$1,városok!$A$2:$C$346,3,0))^2)/1000,0)</f>
        <v>309</v>
      </c>
      <c r="AE337">
        <f ca="1">ROUND(SQRT((VLOOKUP($A337,városok!$A$2:$C$346,2,0)-VLOOKUP(AE$1,városok!$A$2:$C$346,2,0))^2+(VLOOKUP($A337,városok!$A$2:$C$346,3,0)-VLOOKUP(AE$1,városok!$A$2:$C$346,3,0))^2)/1000,0)</f>
        <v>307</v>
      </c>
      <c r="AF337">
        <f ca="1">ROUND(SQRT((VLOOKUP($A337,városok!$A$2:$C$346,2,0)-VLOOKUP(AF$1,városok!$A$2:$C$346,2,0))^2+(VLOOKUP($A337,városok!$A$2:$C$346,3,0)-VLOOKUP(AF$1,városok!$A$2:$C$346,3,0))^2)/1000,0)</f>
        <v>271</v>
      </c>
      <c r="AG337">
        <f ca="1">ROUND(SQRT((VLOOKUP($A337,városok!$A$2:$C$346,2,0)-VLOOKUP(AG$1,városok!$A$2:$C$346,2,0))^2+(VLOOKUP($A337,városok!$A$2:$C$346,3,0)-VLOOKUP(AG$1,városok!$A$2:$C$346,3,0))^2)/1000,0)</f>
        <v>234</v>
      </c>
      <c r="AH337">
        <f ca="1">ROUND(SQRT((VLOOKUP($A337,városok!$A$2:$C$346,2,0)-VLOOKUP(AH$1,városok!$A$2:$C$346,2,0))^2+(VLOOKUP($A337,városok!$A$2:$C$346,3,0)-VLOOKUP(AH$1,városok!$A$2:$C$346,3,0))^2)/1000,0)</f>
        <v>212</v>
      </c>
      <c r="AI337">
        <f ca="1">ROUND(SQRT((VLOOKUP($A337,városok!$A$2:$C$346,2,0)-VLOOKUP(AI$1,városok!$A$2:$C$346,2,0))^2+(VLOOKUP($A337,városok!$A$2:$C$346,3,0)-VLOOKUP(AI$1,városok!$A$2:$C$346,3,0))^2)/1000,0)</f>
        <v>258</v>
      </c>
      <c r="AJ337">
        <f ca="1">ROUND(SQRT((VLOOKUP($A337,városok!$A$2:$C$346,2,0)-VLOOKUP(AJ$1,városok!$A$2:$C$346,2,0))^2+(VLOOKUP($A337,városok!$A$2:$C$346,3,0)-VLOOKUP(AJ$1,városok!$A$2:$C$346,3,0))^2)/1000,0)</f>
        <v>231</v>
      </c>
      <c r="AK337">
        <f ca="1">ROUND(SQRT((VLOOKUP($A337,városok!$A$2:$C$346,2,0)-VLOOKUP(AK$1,városok!$A$2:$C$346,2,0))^2+(VLOOKUP($A337,városok!$A$2:$C$346,3,0)-VLOOKUP(AK$1,városok!$A$2:$C$346,3,0))^2)/1000,0)</f>
        <v>293</v>
      </c>
      <c r="AL337">
        <f ca="1">ROUND(SQRT((VLOOKUP($A337,városok!$A$2:$C$346,2,0)-VLOOKUP(AL$1,városok!$A$2:$C$346,2,0))^2+(VLOOKUP($A337,városok!$A$2:$C$346,3,0)-VLOOKUP(AL$1,városok!$A$2:$C$346,3,0))^2)/1000,0)</f>
        <v>269</v>
      </c>
      <c r="AM337">
        <f ca="1">ROUND(SQRT((VLOOKUP($A337,városok!$A$2:$C$346,2,0)-VLOOKUP(AM$1,városok!$A$2:$C$346,2,0))^2+(VLOOKUP($A337,városok!$A$2:$C$346,3,0)-VLOOKUP(AM$1,városok!$A$2:$C$346,3,0))^2)/1000,0)</f>
        <v>232</v>
      </c>
      <c r="AN337">
        <f ca="1">ROUND(SQRT((VLOOKUP($A337,városok!$A$2:$C$346,2,0)-VLOOKUP(AN$1,városok!$A$2:$C$346,2,0))^2+(VLOOKUP($A337,városok!$A$2:$C$346,3,0)-VLOOKUP(AN$1,városok!$A$2:$C$346,3,0))^2)/1000,0)</f>
        <v>162</v>
      </c>
      <c r="AO337">
        <f ca="1">ROUND(SQRT((VLOOKUP($A337,városok!$A$2:$C$346,2,0)-VLOOKUP(AO$1,városok!$A$2:$C$346,2,0))^2+(VLOOKUP($A337,városok!$A$2:$C$346,3,0)-VLOOKUP(AO$1,városok!$A$2:$C$346,3,0))^2)/1000,0)</f>
        <v>127</v>
      </c>
      <c r="AP337">
        <f ca="1">ROUND(SQRT((VLOOKUP($A337,városok!$A$2:$C$346,2,0)-VLOOKUP(AP$1,városok!$A$2:$C$346,2,0))^2+(VLOOKUP($A337,városok!$A$2:$C$346,3,0)-VLOOKUP(AP$1,városok!$A$2:$C$346,3,0))^2)/1000,0)</f>
        <v>128</v>
      </c>
      <c r="AQ337">
        <f ca="1">ROUND(SQRT((VLOOKUP($A337,városok!$A$2:$C$346,2,0)-VLOOKUP(AQ$1,városok!$A$2:$C$346,2,0))^2+(VLOOKUP($A337,városok!$A$2:$C$346,3,0)-VLOOKUP(AQ$1,városok!$A$2:$C$346,3,0))^2)/1000,0)</f>
        <v>126</v>
      </c>
      <c r="AR337">
        <f ca="1">ROUND(SQRT((VLOOKUP($A337,városok!$A$2:$C$346,2,0)-VLOOKUP(AR$1,városok!$A$2:$C$346,2,0))^2+(VLOOKUP($A337,városok!$A$2:$C$346,3,0)-VLOOKUP(AR$1,városok!$A$2:$C$346,3,0))^2)/1000,0)</f>
        <v>227</v>
      </c>
      <c r="AS337">
        <f ca="1">ROUND(SQRT((VLOOKUP($A337,városok!$A$2:$C$346,2,0)-VLOOKUP(AS$1,városok!$A$2:$C$346,2,0))^2+(VLOOKUP($A337,városok!$A$2:$C$346,3,0)-VLOOKUP(AS$1,városok!$A$2:$C$346,3,0))^2)/1000,0)</f>
        <v>246</v>
      </c>
      <c r="AT337">
        <f ca="1">ROUND(SQRT((VLOOKUP($A337,városok!$A$2:$C$346,2,0)-VLOOKUP(AT$1,városok!$A$2:$C$346,2,0))^2+(VLOOKUP($A337,városok!$A$2:$C$346,3,0)-VLOOKUP(AT$1,városok!$A$2:$C$346,3,0))^2)/1000,0)</f>
        <v>145</v>
      </c>
      <c r="AU337">
        <f ca="1">ROUND(SQRT((VLOOKUP($A337,városok!$A$2:$C$346,2,0)-VLOOKUP(AU$1,városok!$A$2:$C$346,2,0))^2+(VLOOKUP($A337,városok!$A$2:$C$346,3,0)-VLOOKUP(AU$1,városok!$A$2:$C$346,3,0))^2)/1000,0)</f>
        <v>154</v>
      </c>
      <c r="AV337">
        <f ca="1">ROUND(SQRT((VLOOKUP($A337,városok!$A$2:$C$346,2,0)-VLOOKUP(AV$1,városok!$A$2:$C$346,2,0))^2+(VLOOKUP($A337,városok!$A$2:$C$346,3,0)-VLOOKUP(AV$1,városok!$A$2:$C$346,3,0))^2)/1000,0)</f>
        <v>150</v>
      </c>
      <c r="AW337">
        <f ca="1">ROUND(SQRT((VLOOKUP($A337,városok!$A$2:$C$346,2,0)-VLOOKUP(AW$1,városok!$A$2:$C$346,2,0))^2+(VLOOKUP($A337,városok!$A$2:$C$346,3,0)-VLOOKUP(AW$1,városok!$A$2:$C$346,3,0))^2)/1000,0)</f>
        <v>147</v>
      </c>
      <c r="AX337">
        <f ca="1">ROUND(SQRT((VLOOKUP($A337,városok!$A$2:$C$346,2,0)-VLOOKUP(AX$1,városok!$A$2:$C$346,2,0))^2+(VLOOKUP($A337,városok!$A$2:$C$346,3,0)-VLOOKUP(AX$1,városok!$A$2:$C$346,3,0))^2)/1000,0)</f>
        <v>199</v>
      </c>
      <c r="AY337">
        <f ca="1">ROUND(SQRT((VLOOKUP($A337,városok!$A$2:$C$346,2,0)-VLOOKUP(AY$1,városok!$A$2:$C$346,2,0))^2+(VLOOKUP($A337,városok!$A$2:$C$346,3,0)-VLOOKUP(AY$1,városok!$A$2:$C$346,3,0))^2)/1000,0)</f>
        <v>173</v>
      </c>
      <c r="AZ337">
        <f ca="1">ROUND(SQRT((VLOOKUP($A337,városok!$A$2:$C$346,2,0)-VLOOKUP(AZ$1,városok!$A$2:$C$346,2,0))^2+(VLOOKUP($A337,városok!$A$2:$C$346,3,0)-VLOOKUP(AZ$1,városok!$A$2:$C$346,3,0))^2)/1000,0)</f>
        <v>174</v>
      </c>
      <c r="BA337">
        <f ca="1">ROUND(SQRT((VLOOKUP($A337,városok!$A$2:$C$346,2,0)-VLOOKUP(BA$1,városok!$A$2:$C$346,2,0))^2+(VLOOKUP($A337,városok!$A$2:$C$346,3,0)-VLOOKUP(BA$1,városok!$A$2:$C$346,3,0))^2)/1000,0)</f>
        <v>39</v>
      </c>
      <c r="BB337">
        <f ca="1">ROUND(SQRT((VLOOKUP($A337,városok!$A$2:$C$346,2,0)-VLOOKUP(BB$1,városok!$A$2:$C$346,2,0))^2+(VLOOKUP($A337,városok!$A$2:$C$346,3,0)-VLOOKUP(BB$1,városok!$A$2:$C$346,3,0))^2)/1000,0)</f>
        <v>64</v>
      </c>
      <c r="BC337">
        <f ca="1">ROUND(SQRT((VLOOKUP($A337,városok!$A$2:$C$346,2,0)-VLOOKUP(BC$1,városok!$A$2:$C$346,2,0))^2+(VLOOKUP($A337,városok!$A$2:$C$346,3,0)-VLOOKUP(BC$1,városok!$A$2:$C$346,3,0))^2)/1000,0)</f>
        <v>67</v>
      </c>
      <c r="BD337">
        <f ca="1">ROUND(SQRT((VLOOKUP($A337,városok!$A$2:$C$346,2,0)-VLOOKUP(BD$1,városok!$A$2:$C$346,2,0))^2+(VLOOKUP($A337,városok!$A$2:$C$346,3,0)-VLOOKUP(BD$1,városok!$A$2:$C$346,3,0))^2)/1000,0)</f>
        <v>68</v>
      </c>
      <c r="BE337">
        <f ca="1">ROUND(SQRT((VLOOKUP($A337,városok!$A$2:$C$346,2,0)-VLOOKUP(BE$1,városok!$A$2:$C$346,2,0))^2+(VLOOKUP($A337,városok!$A$2:$C$346,3,0)-VLOOKUP(BE$1,városok!$A$2:$C$346,3,0))^2)/1000,0)</f>
        <v>430</v>
      </c>
      <c r="BF337">
        <f ca="1">ROUND(SQRT((VLOOKUP($A337,városok!$A$2:$C$346,2,0)-VLOOKUP(BF$1,városok!$A$2:$C$346,2,0))^2+(VLOOKUP($A337,városok!$A$2:$C$346,3,0)-VLOOKUP(BF$1,városok!$A$2:$C$346,3,0))^2)/1000,0)</f>
        <v>401</v>
      </c>
      <c r="BG337">
        <f ca="1">ROUND(SQRT((VLOOKUP($A337,városok!$A$2:$C$346,2,0)-VLOOKUP(BG$1,városok!$A$2:$C$346,2,0))^2+(VLOOKUP($A337,városok!$A$2:$C$346,3,0)-VLOOKUP(BG$1,városok!$A$2:$C$346,3,0))^2)/1000,0)</f>
        <v>355</v>
      </c>
      <c r="BH337">
        <f ca="1">ROUND(SQRT((VLOOKUP($A337,városok!$A$2:$C$346,2,0)-VLOOKUP(BH$1,városok!$A$2:$C$346,2,0))^2+(VLOOKUP($A337,városok!$A$2:$C$346,3,0)-VLOOKUP(BH$1,városok!$A$2:$C$346,3,0))^2)/1000,0)</f>
        <v>355</v>
      </c>
      <c r="BI337">
        <f ca="1">ROUND(SQRT((VLOOKUP($A337,városok!$A$2:$C$346,2,0)-VLOOKUP(BI$1,városok!$A$2:$C$346,2,0))^2+(VLOOKUP($A337,városok!$A$2:$C$346,3,0)-VLOOKUP(BI$1,városok!$A$2:$C$346,3,0))^2)/1000,0)</f>
        <v>118</v>
      </c>
      <c r="BJ337">
        <f ca="1">ROUND(SQRT((VLOOKUP($A337,városok!$A$2:$C$346,2,0)-VLOOKUP(BJ$1,városok!$A$2:$C$346,2,0))^2+(VLOOKUP($A337,városok!$A$2:$C$346,3,0)-VLOOKUP(BJ$1,városok!$A$2:$C$346,3,0))^2)/1000,0)</f>
        <v>113</v>
      </c>
      <c r="BK337">
        <f ca="1">ROUND(SQRT((VLOOKUP($A337,városok!$A$2:$C$346,2,0)-VLOOKUP(BK$1,városok!$A$2:$C$346,2,0))^2+(VLOOKUP($A337,városok!$A$2:$C$346,3,0)-VLOOKUP(BK$1,városok!$A$2:$C$346,3,0))^2)/1000,0)</f>
        <v>126</v>
      </c>
      <c r="BL337">
        <f ca="1">ROUND(SQRT((VLOOKUP($A337,városok!$A$2:$C$346,2,0)-VLOOKUP(BL$1,városok!$A$2:$C$346,2,0))^2+(VLOOKUP($A337,városok!$A$2:$C$346,3,0)-VLOOKUP(BL$1,városok!$A$2:$C$346,3,0))^2)/1000,0)</f>
        <v>51</v>
      </c>
      <c r="BM337">
        <f ca="1">ROUND(SQRT((VLOOKUP($A337,városok!$A$2:$C$346,2,0)-VLOOKUP(BM$1,városok!$A$2:$C$346,2,0))^2+(VLOOKUP($A337,városok!$A$2:$C$346,3,0)-VLOOKUP(BM$1,városok!$A$2:$C$346,3,0))^2)/1000,0)</f>
        <v>55</v>
      </c>
      <c r="BN337">
        <f ca="1">ROUND(SQRT((VLOOKUP($A337,városok!$A$2:$C$346,2,0)-VLOOKUP(BN$1,városok!$A$2:$C$346,2,0))^2+(VLOOKUP($A337,városok!$A$2:$C$346,3,0)-VLOOKUP(BN$1,városok!$A$2:$C$346,3,0))^2)/1000,0)</f>
        <v>65</v>
      </c>
      <c r="BO337">
        <f ca="1">ROUND(SQRT((VLOOKUP($A337,városok!$A$2:$C$346,2,0)-VLOOKUP(BO$1,városok!$A$2:$C$346,2,0))^2+(VLOOKUP($A337,városok!$A$2:$C$346,3,0)-VLOOKUP(BO$1,városok!$A$2:$C$346,3,0))^2)/1000,0)</f>
        <v>68</v>
      </c>
      <c r="BP337">
        <f ca="1">ROUND(SQRT((VLOOKUP($A337,városok!$A$2:$C$346,2,0)-VLOOKUP(BP$1,városok!$A$2:$C$346,2,0))^2+(VLOOKUP($A337,városok!$A$2:$C$346,3,0)-VLOOKUP(BP$1,városok!$A$2:$C$346,3,0))^2)/1000,0)</f>
        <v>75</v>
      </c>
      <c r="BQ337">
        <f ca="1">ROUND(SQRT((VLOOKUP($A337,városok!$A$2:$C$346,2,0)-VLOOKUP(BQ$1,városok!$A$2:$C$346,2,0))^2+(VLOOKUP($A337,városok!$A$2:$C$346,3,0)-VLOOKUP(BQ$1,városok!$A$2:$C$346,3,0))^2)/1000,0)</f>
        <v>64</v>
      </c>
      <c r="BR337">
        <f ca="1">ROUND(SQRT((VLOOKUP($A337,városok!$A$2:$C$346,2,0)-VLOOKUP(BR$1,városok!$A$2:$C$346,2,0))^2+(VLOOKUP($A337,városok!$A$2:$C$346,3,0)-VLOOKUP(BR$1,városok!$A$2:$C$346,3,0))^2)/1000,0)</f>
        <v>6</v>
      </c>
      <c r="BS337">
        <f ca="1">ROUND(SQRT((VLOOKUP($A337,városok!$A$2:$C$346,2,0)-VLOOKUP(BS$1,városok!$A$2:$C$346,2,0))^2+(VLOOKUP($A337,városok!$A$2:$C$346,3,0)-VLOOKUP(BS$1,városok!$A$2:$C$346,3,0))^2)/1000,0)</f>
        <v>41</v>
      </c>
      <c r="BT337">
        <f ca="1">ROUND(SQRT((VLOOKUP($A337,városok!$A$2:$C$346,2,0)-VLOOKUP(BT$1,városok!$A$2:$C$346,2,0))^2+(VLOOKUP($A337,városok!$A$2:$C$346,3,0)-VLOOKUP(BT$1,városok!$A$2:$C$346,3,0))^2)/1000,0)</f>
        <v>27</v>
      </c>
    </row>
    <row r="338" spans="1:72" x14ac:dyDescent="0.2">
      <c r="A338" t="str">
        <f>városok!A338</f>
        <v>Keszthely</v>
      </c>
      <c r="B338">
        <f ca="1">ROUND(SQRT((VLOOKUP($A338,városok!$A$2:$C$346,2,0)-VLOOKUP(B$1,városok!$A$2:$C$346,2,0))^2+(VLOOKUP($A338,városok!$A$2:$C$346,3,0)-VLOOKUP(B$1,városok!$A$2:$C$346,3,0))^2)/1000,0)</f>
        <v>146</v>
      </c>
      <c r="C338">
        <f ca="1">ROUND(SQRT((VLOOKUP($A338,városok!$A$2:$C$346,2,0)-VLOOKUP(C$1,városok!$A$2:$C$346,2,0))^2+(VLOOKUP($A338,városok!$A$2:$C$346,3,0)-VLOOKUP(C$1,városok!$A$2:$C$346,3,0))^2)/1000,0)</f>
        <v>135</v>
      </c>
      <c r="D338">
        <f ca="1">ROUND(SQRT((VLOOKUP($A338,városok!$A$2:$C$346,2,0)-VLOOKUP(D$1,városok!$A$2:$C$346,2,0))^2+(VLOOKUP($A338,városok!$A$2:$C$346,3,0)-VLOOKUP(D$1,városok!$A$2:$C$346,3,0))^2)/1000,0)</f>
        <v>186</v>
      </c>
      <c r="E338">
        <f ca="1">ROUND(SQRT((VLOOKUP($A338,városok!$A$2:$C$346,2,0)-VLOOKUP(E$1,városok!$A$2:$C$346,2,0))^2+(VLOOKUP($A338,városok!$A$2:$C$346,3,0)-VLOOKUP(E$1,városok!$A$2:$C$346,3,0))^2)/1000,0)</f>
        <v>101</v>
      </c>
      <c r="F338">
        <f ca="1">ROUND(SQRT((VLOOKUP($A338,városok!$A$2:$C$346,2,0)-VLOOKUP(F$1,városok!$A$2:$C$346,2,0))^2+(VLOOKUP($A338,városok!$A$2:$C$346,3,0)-VLOOKUP(F$1,városok!$A$2:$C$346,3,0))^2)/1000,0)</f>
        <v>140</v>
      </c>
      <c r="G338">
        <f ca="1">ROUND(SQRT((VLOOKUP($A338,városok!$A$2:$C$346,2,0)-VLOOKUP(G$1,városok!$A$2:$C$346,2,0))^2+(VLOOKUP($A338,városok!$A$2:$C$346,3,0)-VLOOKUP(G$1,városok!$A$2:$C$346,3,0))^2)/1000,0)</f>
        <v>108</v>
      </c>
      <c r="H338">
        <f ca="1">ROUND(SQRT((VLOOKUP($A338,városok!$A$2:$C$346,2,0)-VLOOKUP(H$1,városok!$A$2:$C$346,2,0))^2+(VLOOKUP($A338,városok!$A$2:$C$346,3,0)-VLOOKUP(H$1,városok!$A$2:$C$346,3,0))^2)/1000,0)</f>
        <v>91</v>
      </c>
      <c r="I338">
        <f ca="1">ROUND(SQRT((VLOOKUP($A338,városok!$A$2:$C$346,2,0)-VLOOKUP(I$1,városok!$A$2:$C$346,2,0))^2+(VLOOKUP($A338,városok!$A$2:$C$346,3,0)-VLOOKUP(I$1,városok!$A$2:$C$346,3,0))^2)/1000,0)</f>
        <v>293</v>
      </c>
      <c r="J338">
        <f ca="1">ROUND(SQRT((VLOOKUP($A338,városok!$A$2:$C$346,2,0)-VLOOKUP(J$1,városok!$A$2:$C$346,2,0))^2+(VLOOKUP($A338,városok!$A$2:$C$346,3,0)-VLOOKUP(J$1,városok!$A$2:$C$346,3,0))^2)/1000,0)</f>
        <v>308</v>
      </c>
      <c r="K338">
        <f ca="1">ROUND(SQRT((VLOOKUP($A338,városok!$A$2:$C$346,2,0)-VLOOKUP(K$1,városok!$A$2:$C$346,2,0))^2+(VLOOKUP($A338,városok!$A$2:$C$346,3,0)-VLOOKUP(K$1,városok!$A$2:$C$346,3,0))^2)/1000,0)</f>
        <v>262</v>
      </c>
      <c r="L338">
        <f ca="1">ROUND(SQRT((VLOOKUP($A338,városok!$A$2:$C$346,2,0)-VLOOKUP(L$1,városok!$A$2:$C$346,2,0))^2+(VLOOKUP($A338,városok!$A$2:$C$346,3,0)-VLOOKUP(L$1,városok!$A$2:$C$346,3,0))^2)/1000,0)</f>
        <v>303</v>
      </c>
      <c r="M338">
        <f ca="1">ROUND(SQRT((VLOOKUP($A338,városok!$A$2:$C$346,2,0)-VLOOKUP(M$1,városok!$A$2:$C$346,2,0))^2+(VLOOKUP($A338,városok!$A$2:$C$346,3,0)-VLOOKUP(M$1,városok!$A$2:$C$346,3,0))^2)/1000,0)</f>
        <v>305</v>
      </c>
      <c r="N338">
        <f ca="1">ROUND(SQRT((VLOOKUP($A338,városok!$A$2:$C$346,2,0)-VLOOKUP(N$1,városok!$A$2:$C$346,2,0))^2+(VLOOKUP($A338,városok!$A$2:$C$346,3,0)-VLOOKUP(N$1,városok!$A$2:$C$346,3,0))^2)/1000,0)</f>
        <v>280</v>
      </c>
      <c r="O338">
        <f ca="1">ROUND(SQRT((VLOOKUP($A338,városok!$A$2:$C$346,2,0)-VLOOKUP(O$1,városok!$A$2:$C$346,2,0))^2+(VLOOKUP($A338,városok!$A$2:$C$346,3,0)-VLOOKUP(O$1,városok!$A$2:$C$346,3,0))^2)/1000,0)</f>
        <v>377</v>
      </c>
      <c r="P338">
        <f ca="1">ROUND(SQRT((VLOOKUP($A338,városok!$A$2:$C$346,2,0)-VLOOKUP(P$1,városok!$A$2:$C$346,2,0))^2+(VLOOKUP($A338,városok!$A$2:$C$346,3,0)-VLOOKUP(P$1,városok!$A$2:$C$346,3,0))^2)/1000,0)</f>
        <v>377</v>
      </c>
      <c r="Q338">
        <f ca="1">ROUND(SQRT((VLOOKUP($A338,városok!$A$2:$C$346,2,0)-VLOOKUP(Q$1,városok!$A$2:$C$346,2,0))^2+(VLOOKUP($A338,városok!$A$2:$C$346,3,0)-VLOOKUP(Q$1,városok!$A$2:$C$346,3,0))^2)/1000,0)</f>
        <v>238</v>
      </c>
      <c r="R338">
        <f ca="1">ROUND(SQRT((VLOOKUP($A338,városok!$A$2:$C$346,2,0)-VLOOKUP(R$1,városok!$A$2:$C$346,2,0))^2+(VLOOKUP($A338,városok!$A$2:$C$346,3,0)-VLOOKUP(R$1,városok!$A$2:$C$346,3,0))^2)/1000,0)</f>
        <v>255</v>
      </c>
      <c r="S338">
        <f ca="1">ROUND(SQRT((VLOOKUP($A338,városok!$A$2:$C$346,2,0)-VLOOKUP(S$1,városok!$A$2:$C$346,2,0))^2+(VLOOKUP($A338,városok!$A$2:$C$346,3,0)-VLOOKUP(S$1,városok!$A$2:$C$346,3,0))^2)/1000,0)</f>
        <v>230</v>
      </c>
      <c r="T338">
        <f ca="1">ROUND(SQRT((VLOOKUP($A338,városok!$A$2:$C$346,2,0)-VLOOKUP(T$1,városok!$A$2:$C$346,2,0))^2+(VLOOKUP($A338,városok!$A$2:$C$346,3,0)-VLOOKUP(T$1,városok!$A$2:$C$346,3,0))^2)/1000,0)</f>
        <v>132</v>
      </c>
      <c r="U338">
        <f ca="1">ROUND(SQRT((VLOOKUP($A338,városok!$A$2:$C$346,2,0)-VLOOKUP(U$1,városok!$A$2:$C$346,2,0))^2+(VLOOKUP($A338,városok!$A$2:$C$346,3,0)-VLOOKUP(U$1,városok!$A$2:$C$346,3,0))^2)/1000,0)</f>
        <v>130</v>
      </c>
      <c r="V338">
        <f ca="1">ROUND(SQRT((VLOOKUP($A338,városok!$A$2:$C$346,2,0)-VLOOKUP(V$1,városok!$A$2:$C$346,2,0))^2+(VLOOKUP($A338,városok!$A$2:$C$346,3,0)-VLOOKUP(V$1,városok!$A$2:$C$346,3,0))^2)/1000,0)</f>
        <v>86</v>
      </c>
      <c r="W338">
        <f ca="1">ROUND(SQRT((VLOOKUP($A338,városok!$A$2:$C$346,2,0)-VLOOKUP(W$1,városok!$A$2:$C$346,2,0))^2+(VLOOKUP($A338,városok!$A$2:$C$346,3,0)-VLOOKUP(W$1,városok!$A$2:$C$346,3,0))^2)/1000,0)</f>
        <v>105</v>
      </c>
      <c r="X338">
        <f ca="1">ROUND(SQRT((VLOOKUP($A338,városok!$A$2:$C$346,2,0)-VLOOKUP(X$1,városok!$A$2:$C$346,2,0))^2+(VLOOKUP($A338,városok!$A$2:$C$346,3,0)-VLOOKUP(X$1,városok!$A$2:$C$346,3,0))^2)/1000,0)</f>
        <v>100</v>
      </c>
      <c r="Y338">
        <f ca="1">ROUND(SQRT((VLOOKUP($A338,városok!$A$2:$C$346,2,0)-VLOOKUP(Y$1,városok!$A$2:$C$346,2,0))^2+(VLOOKUP($A338,városok!$A$2:$C$346,3,0)-VLOOKUP(Y$1,városok!$A$2:$C$346,3,0))^2)/1000,0)</f>
        <v>106</v>
      </c>
      <c r="Z338">
        <f ca="1">ROUND(SQRT((VLOOKUP($A338,városok!$A$2:$C$346,2,0)-VLOOKUP(Z$1,városok!$A$2:$C$346,2,0))^2+(VLOOKUP($A338,városok!$A$2:$C$346,3,0)-VLOOKUP(Z$1,városok!$A$2:$C$346,3,0))^2)/1000,0)</f>
        <v>108</v>
      </c>
      <c r="AA338">
        <f ca="1">ROUND(SQRT((VLOOKUP($A338,városok!$A$2:$C$346,2,0)-VLOOKUP(AA$1,városok!$A$2:$C$346,2,0))^2+(VLOOKUP($A338,városok!$A$2:$C$346,3,0)-VLOOKUP(AA$1,városok!$A$2:$C$346,3,0))^2)/1000,0)</f>
        <v>114</v>
      </c>
      <c r="AB338">
        <f ca="1">ROUND(SQRT((VLOOKUP($A338,városok!$A$2:$C$346,2,0)-VLOOKUP(AB$1,városok!$A$2:$C$346,2,0))^2+(VLOOKUP($A338,városok!$A$2:$C$346,3,0)-VLOOKUP(AB$1,városok!$A$2:$C$346,3,0))^2)/1000,0)</f>
        <v>342</v>
      </c>
      <c r="AC338">
        <f ca="1">ROUND(SQRT((VLOOKUP($A338,városok!$A$2:$C$346,2,0)-VLOOKUP(AC$1,városok!$A$2:$C$346,2,0))^2+(VLOOKUP($A338,városok!$A$2:$C$346,3,0)-VLOOKUP(AC$1,városok!$A$2:$C$346,3,0))^2)/1000,0)</f>
        <v>323</v>
      </c>
      <c r="AD338">
        <f ca="1">ROUND(SQRT((VLOOKUP($A338,városok!$A$2:$C$346,2,0)-VLOOKUP(AD$1,városok!$A$2:$C$346,2,0))^2+(VLOOKUP($A338,városok!$A$2:$C$346,3,0)-VLOOKUP(AD$1,városok!$A$2:$C$346,3,0))^2)/1000,0)</f>
        <v>305</v>
      </c>
      <c r="AE338">
        <f ca="1">ROUND(SQRT((VLOOKUP($A338,városok!$A$2:$C$346,2,0)-VLOOKUP(AE$1,városok!$A$2:$C$346,2,0))^2+(VLOOKUP($A338,városok!$A$2:$C$346,3,0)-VLOOKUP(AE$1,városok!$A$2:$C$346,3,0))^2)/1000,0)</f>
        <v>303</v>
      </c>
      <c r="AF338">
        <f ca="1">ROUND(SQRT((VLOOKUP($A338,városok!$A$2:$C$346,2,0)-VLOOKUP(AF$1,városok!$A$2:$C$346,2,0))^2+(VLOOKUP($A338,városok!$A$2:$C$346,3,0)-VLOOKUP(AF$1,városok!$A$2:$C$346,3,0))^2)/1000,0)</f>
        <v>267</v>
      </c>
      <c r="AG338">
        <f ca="1">ROUND(SQRT((VLOOKUP($A338,városok!$A$2:$C$346,2,0)-VLOOKUP(AG$1,városok!$A$2:$C$346,2,0))^2+(VLOOKUP($A338,városok!$A$2:$C$346,3,0)-VLOOKUP(AG$1,városok!$A$2:$C$346,3,0))^2)/1000,0)</f>
        <v>231</v>
      </c>
      <c r="AH338">
        <f ca="1">ROUND(SQRT((VLOOKUP($A338,városok!$A$2:$C$346,2,0)-VLOOKUP(AH$1,városok!$A$2:$C$346,2,0))^2+(VLOOKUP($A338,városok!$A$2:$C$346,3,0)-VLOOKUP(AH$1,városok!$A$2:$C$346,3,0))^2)/1000,0)</f>
        <v>209</v>
      </c>
      <c r="AI338">
        <f ca="1">ROUND(SQRT((VLOOKUP($A338,városok!$A$2:$C$346,2,0)-VLOOKUP(AI$1,városok!$A$2:$C$346,2,0))^2+(VLOOKUP($A338,városok!$A$2:$C$346,3,0)-VLOOKUP(AI$1,városok!$A$2:$C$346,3,0))^2)/1000,0)</f>
        <v>256</v>
      </c>
      <c r="AJ338">
        <f ca="1">ROUND(SQRT((VLOOKUP($A338,városok!$A$2:$C$346,2,0)-VLOOKUP(AJ$1,városok!$A$2:$C$346,2,0))^2+(VLOOKUP($A338,városok!$A$2:$C$346,3,0)-VLOOKUP(AJ$1,városok!$A$2:$C$346,3,0))^2)/1000,0)</f>
        <v>228</v>
      </c>
      <c r="AK338">
        <f ca="1">ROUND(SQRT((VLOOKUP($A338,városok!$A$2:$C$346,2,0)-VLOOKUP(AK$1,városok!$A$2:$C$346,2,0))^2+(VLOOKUP($A338,városok!$A$2:$C$346,3,0)-VLOOKUP(AK$1,városok!$A$2:$C$346,3,0))^2)/1000,0)</f>
        <v>288</v>
      </c>
      <c r="AL338">
        <f ca="1">ROUND(SQRT((VLOOKUP($A338,városok!$A$2:$C$346,2,0)-VLOOKUP(AL$1,városok!$A$2:$C$346,2,0))^2+(VLOOKUP($A338,városok!$A$2:$C$346,3,0)-VLOOKUP(AL$1,városok!$A$2:$C$346,3,0))^2)/1000,0)</f>
        <v>265</v>
      </c>
      <c r="AM338">
        <f ca="1">ROUND(SQRT((VLOOKUP($A338,városok!$A$2:$C$346,2,0)-VLOOKUP(AM$1,városok!$A$2:$C$346,2,0))^2+(VLOOKUP($A338,városok!$A$2:$C$346,3,0)-VLOOKUP(AM$1,városok!$A$2:$C$346,3,0))^2)/1000,0)</f>
        <v>227</v>
      </c>
      <c r="AN338">
        <f ca="1">ROUND(SQRT((VLOOKUP($A338,városok!$A$2:$C$346,2,0)-VLOOKUP(AN$1,városok!$A$2:$C$346,2,0))^2+(VLOOKUP($A338,városok!$A$2:$C$346,3,0)-VLOOKUP(AN$1,városok!$A$2:$C$346,3,0))^2)/1000,0)</f>
        <v>160</v>
      </c>
      <c r="AO338">
        <f ca="1">ROUND(SQRT((VLOOKUP($A338,városok!$A$2:$C$346,2,0)-VLOOKUP(AO$1,városok!$A$2:$C$346,2,0))^2+(VLOOKUP($A338,városok!$A$2:$C$346,3,0)-VLOOKUP(AO$1,városok!$A$2:$C$346,3,0))^2)/1000,0)</f>
        <v>126</v>
      </c>
      <c r="AP338">
        <f ca="1">ROUND(SQRT((VLOOKUP($A338,városok!$A$2:$C$346,2,0)-VLOOKUP(AP$1,városok!$A$2:$C$346,2,0))^2+(VLOOKUP($A338,városok!$A$2:$C$346,3,0)-VLOOKUP(AP$1,városok!$A$2:$C$346,3,0))^2)/1000,0)</f>
        <v>127</v>
      </c>
      <c r="AQ338">
        <f ca="1">ROUND(SQRT((VLOOKUP($A338,városok!$A$2:$C$346,2,0)-VLOOKUP(AQ$1,városok!$A$2:$C$346,2,0))^2+(VLOOKUP($A338,városok!$A$2:$C$346,3,0)-VLOOKUP(AQ$1,városok!$A$2:$C$346,3,0))^2)/1000,0)</f>
        <v>125</v>
      </c>
      <c r="AR338">
        <f ca="1">ROUND(SQRT((VLOOKUP($A338,városok!$A$2:$C$346,2,0)-VLOOKUP(AR$1,városok!$A$2:$C$346,2,0))^2+(VLOOKUP($A338,városok!$A$2:$C$346,3,0)-VLOOKUP(AR$1,városok!$A$2:$C$346,3,0))^2)/1000,0)</f>
        <v>224</v>
      </c>
      <c r="AS338">
        <f ca="1">ROUND(SQRT((VLOOKUP($A338,városok!$A$2:$C$346,2,0)-VLOOKUP(AS$1,városok!$A$2:$C$346,2,0))^2+(VLOOKUP($A338,városok!$A$2:$C$346,3,0)-VLOOKUP(AS$1,városok!$A$2:$C$346,3,0))^2)/1000,0)</f>
        <v>244</v>
      </c>
      <c r="AT338">
        <f ca="1">ROUND(SQRT((VLOOKUP($A338,városok!$A$2:$C$346,2,0)-VLOOKUP(AT$1,városok!$A$2:$C$346,2,0))^2+(VLOOKUP($A338,városok!$A$2:$C$346,3,0)-VLOOKUP(AT$1,városok!$A$2:$C$346,3,0))^2)/1000,0)</f>
        <v>142</v>
      </c>
      <c r="AU338">
        <f ca="1">ROUND(SQRT((VLOOKUP($A338,városok!$A$2:$C$346,2,0)-VLOOKUP(AU$1,városok!$A$2:$C$346,2,0))^2+(VLOOKUP($A338,városok!$A$2:$C$346,3,0)-VLOOKUP(AU$1,városok!$A$2:$C$346,3,0))^2)/1000,0)</f>
        <v>150</v>
      </c>
      <c r="AV338">
        <f ca="1">ROUND(SQRT((VLOOKUP($A338,városok!$A$2:$C$346,2,0)-VLOOKUP(AV$1,városok!$A$2:$C$346,2,0))^2+(VLOOKUP($A338,városok!$A$2:$C$346,3,0)-VLOOKUP(AV$1,városok!$A$2:$C$346,3,0))^2)/1000,0)</f>
        <v>147</v>
      </c>
      <c r="AW338">
        <f ca="1">ROUND(SQRT((VLOOKUP($A338,városok!$A$2:$C$346,2,0)-VLOOKUP(AW$1,városok!$A$2:$C$346,2,0))^2+(VLOOKUP($A338,városok!$A$2:$C$346,3,0)-VLOOKUP(AW$1,városok!$A$2:$C$346,3,0))^2)/1000,0)</f>
        <v>144</v>
      </c>
      <c r="AX338">
        <f ca="1">ROUND(SQRT((VLOOKUP($A338,városok!$A$2:$C$346,2,0)-VLOOKUP(AX$1,városok!$A$2:$C$346,2,0))^2+(VLOOKUP($A338,városok!$A$2:$C$346,3,0)-VLOOKUP(AX$1,városok!$A$2:$C$346,3,0))^2)/1000,0)</f>
        <v>195</v>
      </c>
      <c r="AY338">
        <f ca="1">ROUND(SQRT((VLOOKUP($A338,városok!$A$2:$C$346,2,0)-VLOOKUP(AY$1,városok!$A$2:$C$346,2,0))^2+(VLOOKUP($A338,városok!$A$2:$C$346,3,0)-VLOOKUP(AY$1,városok!$A$2:$C$346,3,0))^2)/1000,0)</f>
        <v>170</v>
      </c>
      <c r="AZ338">
        <f ca="1">ROUND(SQRT((VLOOKUP($A338,városok!$A$2:$C$346,2,0)-VLOOKUP(AZ$1,városok!$A$2:$C$346,2,0))^2+(VLOOKUP($A338,városok!$A$2:$C$346,3,0)-VLOOKUP(AZ$1,városok!$A$2:$C$346,3,0))^2)/1000,0)</f>
        <v>172</v>
      </c>
      <c r="BA338">
        <f ca="1">ROUND(SQRT((VLOOKUP($A338,városok!$A$2:$C$346,2,0)-VLOOKUP(BA$1,városok!$A$2:$C$346,2,0))^2+(VLOOKUP($A338,városok!$A$2:$C$346,3,0)-VLOOKUP(BA$1,városok!$A$2:$C$346,3,0))^2)/1000,0)</f>
        <v>34</v>
      </c>
      <c r="BB338">
        <f ca="1">ROUND(SQRT((VLOOKUP($A338,városok!$A$2:$C$346,2,0)-VLOOKUP(BB$1,városok!$A$2:$C$346,2,0))^2+(VLOOKUP($A338,városok!$A$2:$C$346,3,0)-VLOOKUP(BB$1,városok!$A$2:$C$346,3,0))^2)/1000,0)</f>
        <v>59</v>
      </c>
      <c r="BC338">
        <f ca="1">ROUND(SQRT((VLOOKUP($A338,városok!$A$2:$C$346,2,0)-VLOOKUP(BC$1,városok!$A$2:$C$346,2,0))^2+(VLOOKUP($A338,városok!$A$2:$C$346,3,0)-VLOOKUP(BC$1,városok!$A$2:$C$346,3,0))^2)/1000,0)</f>
        <v>62</v>
      </c>
      <c r="BD338">
        <f ca="1">ROUND(SQRT((VLOOKUP($A338,városok!$A$2:$C$346,2,0)-VLOOKUP(BD$1,városok!$A$2:$C$346,2,0))^2+(VLOOKUP($A338,városok!$A$2:$C$346,3,0)-VLOOKUP(BD$1,városok!$A$2:$C$346,3,0))^2)/1000,0)</f>
        <v>64</v>
      </c>
      <c r="BE338">
        <f ca="1">ROUND(SQRT((VLOOKUP($A338,városok!$A$2:$C$346,2,0)-VLOOKUP(BE$1,városok!$A$2:$C$346,2,0))^2+(VLOOKUP($A338,városok!$A$2:$C$346,3,0)-VLOOKUP(BE$1,városok!$A$2:$C$346,3,0))^2)/1000,0)</f>
        <v>426</v>
      </c>
      <c r="BF338">
        <f ca="1">ROUND(SQRT((VLOOKUP($A338,városok!$A$2:$C$346,2,0)-VLOOKUP(BF$1,városok!$A$2:$C$346,2,0))^2+(VLOOKUP($A338,városok!$A$2:$C$346,3,0)-VLOOKUP(BF$1,városok!$A$2:$C$346,3,0))^2)/1000,0)</f>
        <v>397</v>
      </c>
      <c r="BG338">
        <f ca="1">ROUND(SQRT((VLOOKUP($A338,városok!$A$2:$C$346,2,0)-VLOOKUP(BG$1,városok!$A$2:$C$346,2,0))^2+(VLOOKUP($A338,városok!$A$2:$C$346,3,0)-VLOOKUP(BG$1,városok!$A$2:$C$346,3,0))^2)/1000,0)</f>
        <v>352</v>
      </c>
      <c r="BH338">
        <f ca="1">ROUND(SQRT((VLOOKUP($A338,városok!$A$2:$C$346,2,0)-VLOOKUP(BH$1,városok!$A$2:$C$346,2,0))^2+(VLOOKUP($A338,városok!$A$2:$C$346,3,0)-VLOOKUP(BH$1,városok!$A$2:$C$346,3,0))^2)/1000,0)</f>
        <v>351</v>
      </c>
      <c r="BI338">
        <f ca="1">ROUND(SQRT((VLOOKUP($A338,városok!$A$2:$C$346,2,0)-VLOOKUP(BI$1,városok!$A$2:$C$346,2,0))^2+(VLOOKUP($A338,városok!$A$2:$C$346,3,0)-VLOOKUP(BI$1,városok!$A$2:$C$346,3,0))^2)/1000,0)</f>
        <v>113</v>
      </c>
      <c r="BJ338">
        <f ca="1">ROUND(SQRT((VLOOKUP($A338,városok!$A$2:$C$346,2,0)-VLOOKUP(BJ$1,városok!$A$2:$C$346,2,0))^2+(VLOOKUP($A338,városok!$A$2:$C$346,3,0)-VLOOKUP(BJ$1,városok!$A$2:$C$346,3,0))^2)/1000,0)</f>
        <v>107</v>
      </c>
      <c r="BK338">
        <f ca="1">ROUND(SQRT((VLOOKUP($A338,városok!$A$2:$C$346,2,0)-VLOOKUP(BK$1,városok!$A$2:$C$346,2,0))^2+(VLOOKUP($A338,városok!$A$2:$C$346,3,0)-VLOOKUP(BK$1,városok!$A$2:$C$346,3,0))^2)/1000,0)</f>
        <v>120</v>
      </c>
      <c r="BL338">
        <f ca="1">ROUND(SQRT((VLOOKUP($A338,városok!$A$2:$C$346,2,0)-VLOOKUP(BL$1,városok!$A$2:$C$346,2,0))^2+(VLOOKUP($A338,városok!$A$2:$C$346,3,0)-VLOOKUP(BL$1,városok!$A$2:$C$346,3,0))^2)/1000,0)</f>
        <v>57</v>
      </c>
      <c r="BM338">
        <f ca="1">ROUND(SQRT((VLOOKUP($A338,városok!$A$2:$C$346,2,0)-VLOOKUP(BM$1,városok!$A$2:$C$346,2,0))^2+(VLOOKUP($A338,városok!$A$2:$C$346,3,0)-VLOOKUP(BM$1,városok!$A$2:$C$346,3,0))^2)/1000,0)</f>
        <v>59</v>
      </c>
      <c r="BN338">
        <f ca="1">ROUND(SQRT((VLOOKUP($A338,városok!$A$2:$C$346,2,0)-VLOOKUP(BN$1,városok!$A$2:$C$346,2,0))^2+(VLOOKUP($A338,városok!$A$2:$C$346,3,0)-VLOOKUP(BN$1,városok!$A$2:$C$346,3,0))^2)/1000,0)</f>
        <v>70</v>
      </c>
      <c r="BO338">
        <f ca="1">ROUND(SQRT((VLOOKUP($A338,városok!$A$2:$C$346,2,0)-VLOOKUP(BO$1,városok!$A$2:$C$346,2,0))^2+(VLOOKUP($A338,városok!$A$2:$C$346,3,0)-VLOOKUP(BO$1,városok!$A$2:$C$346,3,0))^2)/1000,0)</f>
        <v>65</v>
      </c>
      <c r="BP338">
        <f ca="1">ROUND(SQRT((VLOOKUP($A338,városok!$A$2:$C$346,2,0)-VLOOKUP(BP$1,városok!$A$2:$C$346,2,0))^2+(VLOOKUP($A338,városok!$A$2:$C$346,3,0)-VLOOKUP(BP$1,városok!$A$2:$C$346,3,0))^2)/1000,0)</f>
        <v>72</v>
      </c>
      <c r="BQ338">
        <f ca="1">ROUND(SQRT((VLOOKUP($A338,városok!$A$2:$C$346,2,0)-VLOOKUP(BQ$1,városok!$A$2:$C$346,2,0))^2+(VLOOKUP($A338,városok!$A$2:$C$346,3,0)-VLOOKUP(BQ$1,városok!$A$2:$C$346,3,0))^2)/1000,0)</f>
        <v>61</v>
      </c>
      <c r="BR338">
        <f ca="1">ROUND(SQRT((VLOOKUP($A338,városok!$A$2:$C$346,2,0)-VLOOKUP(BR$1,városok!$A$2:$C$346,2,0))^2+(VLOOKUP($A338,városok!$A$2:$C$346,3,0)-VLOOKUP(BR$1,városok!$A$2:$C$346,3,0))^2)/1000,0)</f>
        <v>0</v>
      </c>
      <c r="BS338">
        <f ca="1">ROUND(SQRT((VLOOKUP($A338,városok!$A$2:$C$346,2,0)-VLOOKUP(BS$1,városok!$A$2:$C$346,2,0))^2+(VLOOKUP($A338,városok!$A$2:$C$346,3,0)-VLOOKUP(BS$1,városok!$A$2:$C$346,3,0))^2)/1000,0)</f>
        <v>41</v>
      </c>
      <c r="BT338">
        <f ca="1">ROUND(SQRT((VLOOKUP($A338,városok!$A$2:$C$346,2,0)-VLOOKUP(BT$1,városok!$A$2:$C$346,2,0))^2+(VLOOKUP($A338,városok!$A$2:$C$346,3,0)-VLOOKUP(BT$1,városok!$A$2:$C$346,3,0))^2)/1000,0)</f>
        <v>32</v>
      </c>
    </row>
    <row r="339" spans="1:72" x14ac:dyDescent="0.2">
      <c r="A339" t="str">
        <f>városok!A339</f>
        <v>Lenti</v>
      </c>
      <c r="B339">
        <f ca="1">ROUND(SQRT((VLOOKUP($A339,városok!$A$2:$C$346,2,0)-VLOOKUP(B$1,városok!$A$2:$C$346,2,0))^2+(VLOOKUP($A339,városok!$A$2:$C$346,3,0)-VLOOKUP(B$1,városok!$A$2:$C$346,3,0))^2)/1000,0)</f>
        <v>192</v>
      </c>
      <c r="C339">
        <f ca="1">ROUND(SQRT((VLOOKUP($A339,városok!$A$2:$C$346,2,0)-VLOOKUP(C$1,városok!$A$2:$C$346,2,0))^2+(VLOOKUP($A339,városok!$A$2:$C$346,3,0)-VLOOKUP(C$1,városok!$A$2:$C$346,3,0))^2)/1000,0)</f>
        <v>187</v>
      </c>
      <c r="D339">
        <f ca="1">ROUND(SQRT((VLOOKUP($A339,városok!$A$2:$C$346,2,0)-VLOOKUP(D$1,városok!$A$2:$C$346,2,0))^2+(VLOOKUP($A339,városok!$A$2:$C$346,3,0)-VLOOKUP(D$1,városok!$A$2:$C$346,3,0))^2)/1000,0)</f>
        <v>242</v>
      </c>
      <c r="E339">
        <f ca="1">ROUND(SQRT((VLOOKUP($A339,városok!$A$2:$C$346,2,0)-VLOOKUP(E$1,városok!$A$2:$C$346,2,0))^2+(VLOOKUP($A339,városok!$A$2:$C$346,3,0)-VLOOKUP(E$1,városok!$A$2:$C$346,3,0))^2)/1000,0)</f>
        <v>141</v>
      </c>
      <c r="F339">
        <f ca="1">ROUND(SQRT((VLOOKUP($A339,városok!$A$2:$C$346,2,0)-VLOOKUP(F$1,városok!$A$2:$C$346,2,0))^2+(VLOOKUP($A339,városok!$A$2:$C$346,3,0)-VLOOKUP(F$1,városok!$A$2:$C$346,3,0))^2)/1000,0)</f>
        <v>179</v>
      </c>
      <c r="G339">
        <f ca="1">ROUND(SQRT((VLOOKUP($A339,városok!$A$2:$C$346,2,0)-VLOOKUP(G$1,városok!$A$2:$C$346,2,0))^2+(VLOOKUP($A339,városok!$A$2:$C$346,3,0)-VLOOKUP(G$1,városok!$A$2:$C$346,3,0))^2)/1000,0)</f>
        <v>144</v>
      </c>
      <c r="H339">
        <f ca="1">ROUND(SQRT((VLOOKUP($A339,városok!$A$2:$C$346,2,0)-VLOOKUP(H$1,városok!$A$2:$C$346,2,0))^2+(VLOOKUP($A339,városok!$A$2:$C$346,3,0)-VLOOKUP(H$1,városok!$A$2:$C$346,3,0))^2)/1000,0)</f>
        <v>116</v>
      </c>
      <c r="I339">
        <f ca="1">ROUND(SQRT((VLOOKUP($A339,városok!$A$2:$C$346,2,0)-VLOOKUP(I$1,városok!$A$2:$C$346,2,0))^2+(VLOOKUP($A339,városok!$A$2:$C$346,3,0)-VLOOKUP(I$1,városok!$A$2:$C$346,3,0))^2)/1000,0)</f>
        <v>347</v>
      </c>
      <c r="J339">
        <f ca="1">ROUND(SQRT((VLOOKUP($A339,városok!$A$2:$C$346,2,0)-VLOOKUP(J$1,városok!$A$2:$C$346,2,0))^2+(VLOOKUP($A339,városok!$A$2:$C$346,3,0)-VLOOKUP(J$1,városok!$A$2:$C$346,3,0))^2)/1000,0)</f>
        <v>362</v>
      </c>
      <c r="K339">
        <f ca="1">ROUND(SQRT((VLOOKUP($A339,városok!$A$2:$C$346,2,0)-VLOOKUP(K$1,városok!$A$2:$C$346,2,0))^2+(VLOOKUP($A339,városok!$A$2:$C$346,3,0)-VLOOKUP(K$1,városok!$A$2:$C$346,3,0))^2)/1000,0)</f>
        <v>316</v>
      </c>
      <c r="L339">
        <f ca="1">ROUND(SQRT((VLOOKUP($A339,városok!$A$2:$C$346,2,0)-VLOOKUP(L$1,városok!$A$2:$C$346,2,0))^2+(VLOOKUP($A339,városok!$A$2:$C$346,3,0)-VLOOKUP(L$1,városok!$A$2:$C$346,3,0))^2)/1000,0)</f>
        <v>358</v>
      </c>
      <c r="M339">
        <f ca="1">ROUND(SQRT((VLOOKUP($A339,városok!$A$2:$C$346,2,0)-VLOOKUP(M$1,városok!$A$2:$C$346,2,0))^2+(VLOOKUP($A339,városok!$A$2:$C$346,3,0)-VLOOKUP(M$1,városok!$A$2:$C$346,3,0))^2)/1000,0)</f>
        <v>361</v>
      </c>
      <c r="N339">
        <f ca="1">ROUND(SQRT((VLOOKUP($A339,városok!$A$2:$C$346,2,0)-VLOOKUP(N$1,városok!$A$2:$C$346,2,0))^2+(VLOOKUP($A339,városok!$A$2:$C$346,3,0)-VLOOKUP(N$1,városok!$A$2:$C$346,3,0))^2)/1000,0)</f>
        <v>334</v>
      </c>
      <c r="O339">
        <f ca="1">ROUND(SQRT((VLOOKUP($A339,városok!$A$2:$C$346,2,0)-VLOOKUP(O$1,városok!$A$2:$C$346,2,0))^2+(VLOOKUP($A339,városok!$A$2:$C$346,3,0)-VLOOKUP(O$1,városok!$A$2:$C$346,3,0))^2)/1000,0)</f>
        <v>432</v>
      </c>
      <c r="P339">
        <f ca="1">ROUND(SQRT((VLOOKUP($A339,városok!$A$2:$C$346,2,0)-VLOOKUP(P$1,városok!$A$2:$C$346,2,0))^2+(VLOOKUP($A339,városok!$A$2:$C$346,3,0)-VLOOKUP(P$1,városok!$A$2:$C$346,3,0))^2)/1000,0)</f>
        <v>432</v>
      </c>
      <c r="Q339">
        <f ca="1">ROUND(SQRT((VLOOKUP($A339,városok!$A$2:$C$346,2,0)-VLOOKUP(Q$1,városok!$A$2:$C$346,2,0))^2+(VLOOKUP($A339,városok!$A$2:$C$346,3,0)-VLOOKUP(Q$1,városok!$A$2:$C$346,3,0))^2)/1000,0)</f>
        <v>291</v>
      </c>
      <c r="R339">
        <f ca="1">ROUND(SQRT((VLOOKUP($A339,városok!$A$2:$C$346,2,0)-VLOOKUP(R$1,városok!$A$2:$C$346,2,0))^2+(VLOOKUP($A339,városok!$A$2:$C$346,3,0)-VLOOKUP(R$1,városok!$A$2:$C$346,3,0))^2)/1000,0)</f>
        <v>305</v>
      </c>
      <c r="S339">
        <f ca="1">ROUND(SQRT((VLOOKUP($A339,városok!$A$2:$C$346,2,0)-VLOOKUP(S$1,városok!$A$2:$C$346,2,0))^2+(VLOOKUP($A339,városok!$A$2:$C$346,3,0)-VLOOKUP(S$1,városok!$A$2:$C$346,3,0))^2)/1000,0)</f>
        <v>281</v>
      </c>
      <c r="T339">
        <f ca="1">ROUND(SQRT((VLOOKUP($A339,városok!$A$2:$C$346,2,0)-VLOOKUP(T$1,városok!$A$2:$C$346,2,0))^2+(VLOOKUP($A339,városok!$A$2:$C$346,3,0)-VLOOKUP(T$1,városok!$A$2:$C$346,3,0))^2)/1000,0)</f>
        <v>186</v>
      </c>
      <c r="U339">
        <f ca="1">ROUND(SQRT((VLOOKUP($A339,városok!$A$2:$C$346,2,0)-VLOOKUP(U$1,városok!$A$2:$C$346,2,0))^2+(VLOOKUP($A339,városok!$A$2:$C$346,3,0)-VLOOKUP(U$1,városok!$A$2:$C$346,3,0))^2)/1000,0)</f>
        <v>186</v>
      </c>
      <c r="V339">
        <f ca="1">ROUND(SQRT((VLOOKUP($A339,városok!$A$2:$C$346,2,0)-VLOOKUP(V$1,városok!$A$2:$C$346,2,0))^2+(VLOOKUP($A339,városok!$A$2:$C$346,3,0)-VLOOKUP(V$1,városok!$A$2:$C$346,3,0))^2)/1000,0)</f>
        <v>143</v>
      </c>
      <c r="W339">
        <f ca="1">ROUND(SQRT((VLOOKUP($A339,városok!$A$2:$C$346,2,0)-VLOOKUP(W$1,városok!$A$2:$C$346,2,0))^2+(VLOOKUP($A339,városok!$A$2:$C$346,3,0)-VLOOKUP(W$1,városok!$A$2:$C$346,3,0))^2)/1000,0)</f>
        <v>161</v>
      </c>
      <c r="X339">
        <f ca="1">ROUND(SQRT((VLOOKUP($A339,városok!$A$2:$C$346,2,0)-VLOOKUP(X$1,városok!$A$2:$C$346,2,0))^2+(VLOOKUP($A339,városok!$A$2:$C$346,3,0)-VLOOKUP(X$1,városok!$A$2:$C$346,3,0))^2)/1000,0)</f>
        <v>155</v>
      </c>
      <c r="Y339">
        <f ca="1">ROUND(SQRT((VLOOKUP($A339,városok!$A$2:$C$346,2,0)-VLOOKUP(Y$1,városok!$A$2:$C$346,2,0))^2+(VLOOKUP($A339,városok!$A$2:$C$346,3,0)-VLOOKUP(Y$1,városok!$A$2:$C$346,3,0))^2)/1000,0)</f>
        <v>144</v>
      </c>
      <c r="Z339">
        <f ca="1">ROUND(SQRT((VLOOKUP($A339,városok!$A$2:$C$346,2,0)-VLOOKUP(Z$1,városok!$A$2:$C$346,2,0))^2+(VLOOKUP($A339,városok!$A$2:$C$346,3,0)-VLOOKUP(Z$1,városok!$A$2:$C$346,3,0))^2)/1000,0)</f>
        <v>139</v>
      </c>
      <c r="AA339">
        <f ca="1">ROUND(SQRT((VLOOKUP($A339,városok!$A$2:$C$346,2,0)-VLOOKUP(AA$1,városok!$A$2:$C$346,2,0))^2+(VLOOKUP($A339,városok!$A$2:$C$346,3,0)-VLOOKUP(AA$1,városok!$A$2:$C$346,3,0))^2)/1000,0)</f>
        <v>118</v>
      </c>
      <c r="AB339">
        <f ca="1">ROUND(SQRT((VLOOKUP($A339,városok!$A$2:$C$346,2,0)-VLOOKUP(AB$1,városok!$A$2:$C$346,2,0))^2+(VLOOKUP($A339,városok!$A$2:$C$346,3,0)-VLOOKUP(AB$1,városok!$A$2:$C$346,3,0))^2)/1000,0)</f>
        <v>399</v>
      </c>
      <c r="AC339">
        <f ca="1">ROUND(SQRT((VLOOKUP($A339,városok!$A$2:$C$346,2,0)-VLOOKUP(AC$1,városok!$A$2:$C$346,2,0))^2+(VLOOKUP($A339,városok!$A$2:$C$346,3,0)-VLOOKUP(AC$1,városok!$A$2:$C$346,3,0))^2)/1000,0)</f>
        <v>380</v>
      </c>
      <c r="AD339">
        <f ca="1">ROUND(SQRT((VLOOKUP($A339,városok!$A$2:$C$346,2,0)-VLOOKUP(AD$1,városok!$A$2:$C$346,2,0))^2+(VLOOKUP($A339,városok!$A$2:$C$346,3,0)-VLOOKUP(AD$1,városok!$A$2:$C$346,3,0))^2)/1000,0)</f>
        <v>362</v>
      </c>
      <c r="AE339">
        <f ca="1">ROUND(SQRT((VLOOKUP($A339,városok!$A$2:$C$346,2,0)-VLOOKUP(AE$1,városok!$A$2:$C$346,2,0))^2+(VLOOKUP($A339,városok!$A$2:$C$346,3,0)-VLOOKUP(AE$1,városok!$A$2:$C$346,3,0))^2)/1000,0)</f>
        <v>359</v>
      </c>
      <c r="AF339">
        <f ca="1">ROUND(SQRT((VLOOKUP($A339,városok!$A$2:$C$346,2,0)-VLOOKUP(AF$1,városok!$A$2:$C$346,2,0))^2+(VLOOKUP($A339,városok!$A$2:$C$346,3,0)-VLOOKUP(AF$1,városok!$A$2:$C$346,3,0))^2)/1000,0)</f>
        <v>323</v>
      </c>
      <c r="AG339">
        <f ca="1">ROUND(SQRT((VLOOKUP($A339,városok!$A$2:$C$346,2,0)-VLOOKUP(AG$1,városok!$A$2:$C$346,2,0))^2+(VLOOKUP($A339,városok!$A$2:$C$346,3,0)-VLOOKUP(AG$1,városok!$A$2:$C$346,3,0))^2)/1000,0)</f>
        <v>287</v>
      </c>
      <c r="AH339">
        <f ca="1">ROUND(SQRT((VLOOKUP($A339,városok!$A$2:$C$346,2,0)-VLOOKUP(AH$1,városok!$A$2:$C$346,2,0))^2+(VLOOKUP($A339,városok!$A$2:$C$346,3,0)-VLOOKUP(AH$1,városok!$A$2:$C$346,3,0))^2)/1000,0)</f>
        <v>264</v>
      </c>
      <c r="AI339">
        <f ca="1">ROUND(SQRT((VLOOKUP($A339,városok!$A$2:$C$346,2,0)-VLOOKUP(AI$1,városok!$A$2:$C$346,2,0))^2+(VLOOKUP($A339,városok!$A$2:$C$346,3,0)-VLOOKUP(AI$1,városok!$A$2:$C$346,3,0))^2)/1000,0)</f>
        <v>310</v>
      </c>
      <c r="AJ339">
        <f ca="1">ROUND(SQRT((VLOOKUP($A339,városok!$A$2:$C$346,2,0)-VLOOKUP(AJ$1,városok!$A$2:$C$346,2,0))^2+(VLOOKUP($A339,városok!$A$2:$C$346,3,0)-VLOOKUP(AJ$1,városok!$A$2:$C$346,3,0))^2)/1000,0)</f>
        <v>284</v>
      </c>
      <c r="AK339">
        <f ca="1">ROUND(SQRT((VLOOKUP($A339,városok!$A$2:$C$346,2,0)-VLOOKUP(AK$1,városok!$A$2:$C$346,2,0))^2+(VLOOKUP($A339,városok!$A$2:$C$346,3,0)-VLOOKUP(AK$1,városok!$A$2:$C$346,3,0))^2)/1000,0)</f>
        <v>345</v>
      </c>
      <c r="AL339">
        <f ca="1">ROUND(SQRT((VLOOKUP($A339,városok!$A$2:$C$346,2,0)-VLOOKUP(AL$1,városok!$A$2:$C$346,2,0))^2+(VLOOKUP($A339,városok!$A$2:$C$346,3,0)-VLOOKUP(AL$1,városok!$A$2:$C$346,3,0))^2)/1000,0)</f>
        <v>321</v>
      </c>
      <c r="AM339">
        <f ca="1">ROUND(SQRT((VLOOKUP($A339,városok!$A$2:$C$346,2,0)-VLOOKUP(AM$1,városok!$A$2:$C$346,2,0))^2+(VLOOKUP($A339,városok!$A$2:$C$346,3,0)-VLOOKUP(AM$1,városok!$A$2:$C$346,3,0))^2)/1000,0)</f>
        <v>284</v>
      </c>
      <c r="AN339">
        <f ca="1">ROUND(SQRT((VLOOKUP($A339,városok!$A$2:$C$346,2,0)-VLOOKUP(AN$1,városok!$A$2:$C$346,2,0))^2+(VLOOKUP($A339,városok!$A$2:$C$346,3,0)-VLOOKUP(AN$1,városok!$A$2:$C$346,3,0))^2)/1000,0)</f>
        <v>211</v>
      </c>
      <c r="AO339">
        <f ca="1">ROUND(SQRT((VLOOKUP($A339,városok!$A$2:$C$346,2,0)-VLOOKUP(AO$1,városok!$A$2:$C$346,2,0))^2+(VLOOKUP($A339,városok!$A$2:$C$346,3,0)-VLOOKUP(AO$1,városok!$A$2:$C$346,3,0))^2)/1000,0)</f>
        <v>172</v>
      </c>
      <c r="AP339">
        <f ca="1">ROUND(SQRT((VLOOKUP($A339,városok!$A$2:$C$346,2,0)-VLOOKUP(AP$1,városok!$A$2:$C$346,2,0))^2+(VLOOKUP($A339,városok!$A$2:$C$346,3,0)-VLOOKUP(AP$1,városok!$A$2:$C$346,3,0))^2)/1000,0)</f>
        <v>177</v>
      </c>
      <c r="AQ339">
        <f ca="1">ROUND(SQRT((VLOOKUP($A339,városok!$A$2:$C$346,2,0)-VLOOKUP(AQ$1,városok!$A$2:$C$346,2,0))^2+(VLOOKUP($A339,városok!$A$2:$C$346,3,0)-VLOOKUP(AQ$1,városok!$A$2:$C$346,3,0))^2)/1000,0)</f>
        <v>176</v>
      </c>
      <c r="AR339">
        <f ca="1">ROUND(SQRT((VLOOKUP($A339,városok!$A$2:$C$346,2,0)-VLOOKUP(AR$1,városok!$A$2:$C$346,2,0))^2+(VLOOKUP($A339,városok!$A$2:$C$346,3,0)-VLOOKUP(AR$1,városok!$A$2:$C$346,3,0))^2)/1000,0)</f>
        <v>278</v>
      </c>
      <c r="AS339">
        <f ca="1">ROUND(SQRT((VLOOKUP($A339,városok!$A$2:$C$346,2,0)-VLOOKUP(AS$1,városok!$A$2:$C$346,2,0))^2+(VLOOKUP($A339,városok!$A$2:$C$346,3,0)-VLOOKUP(AS$1,városok!$A$2:$C$346,3,0))^2)/1000,0)</f>
        <v>297</v>
      </c>
      <c r="AT339">
        <f ca="1">ROUND(SQRT((VLOOKUP($A339,városok!$A$2:$C$346,2,0)-VLOOKUP(AT$1,városok!$A$2:$C$346,2,0))^2+(VLOOKUP($A339,városok!$A$2:$C$346,3,0)-VLOOKUP(AT$1,városok!$A$2:$C$346,3,0))^2)/1000,0)</f>
        <v>197</v>
      </c>
      <c r="AU339">
        <f ca="1">ROUND(SQRT((VLOOKUP($A339,városok!$A$2:$C$346,2,0)-VLOOKUP(AU$1,városok!$A$2:$C$346,2,0))^2+(VLOOKUP($A339,városok!$A$2:$C$346,3,0)-VLOOKUP(AU$1,városok!$A$2:$C$346,3,0))^2)/1000,0)</f>
        <v>206</v>
      </c>
      <c r="AV339">
        <f ca="1">ROUND(SQRT((VLOOKUP($A339,városok!$A$2:$C$346,2,0)-VLOOKUP(AV$1,városok!$A$2:$C$346,2,0))^2+(VLOOKUP($A339,városok!$A$2:$C$346,3,0)-VLOOKUP(AV$1,városok!$A$2:$C$346,3,0))^2)/1000,0)</f>
        <v>203</v>
      </c>
      <c r="AW339">
        <f ca="1">ROUND(SQRT((VLOOKUP($A339,városok!$A$2:$C$346,2,0)-VLOOKUP(AW$1,városok!$A$2:$C$346,2,0))^2+(VLOOKUP($A339,városok!$A$2:$C$346,3,0)-VLOOKUP(AW$1,városok!$A$2:$C$346,3,0))^2)/1000,0)</f>
        <v>199</v>
      </c>
      <c r="AX339">
        <f ca="1">ROUND(SQRT((VLOOKUP($A339,városok!$A$2:$C$346,2,0)-VLOOKUP(AX$1,városok!$A$2:$C$346,2,0))^2+(VLOOKUP($A339,városok!$A$2:$C$346,3,0)-VLOOKUP(AX$1,városok!$A$2:$C$346,3,0))^2)/1000,0)</f>
        <v>251</v>
      </c>
      <c r="AY339">
        <f ca="1">ROUND(SQRT((VLOOKUP($A339,városok!$A$2:$C$346,2,0)-VLOOKUP(AY$1,városok!$A$2:$C$346,2,0))^2+(VLOOKUP($A339,városok!$A$2:$C$346,3,0)-VLOOKUP(AY$1,városok!$A$2:$C$346,3,0))^2)/1000,0)</f>
        <v>224</v>
      </c>
      <c r="AZ339">
        <f ca="1">ROUND(SQRT((VLOOKUP($A339,városok!$A$2:$C$346,2,0)-VLOOKUP(AZ$1,városok!$A$2:$C$346,2,0))^2+(VLOOKUP($A339,városok!$A$2:$C$346,3,0)-VLOOKUP(AZ$1,városok!$A$2:$C$346,3,0))^2)/1000,0)</f>
        <v>225</v>
      </c>
      <c r="BA339">
        <f ca="1">ROUND(SQRT((VLOOKUP($A339,városok!$A$2:$C$346,2,0)-VLOOKUP(BA$1,városok!$A$2:$C$346,2,0))^2+(VLOOKUP($A339,városok!$A$2:$C$346,3,0)-VLOOKUP(BA$1,városok!$A$2:$C$346,3,0))^2)/1000,0)</f>
        <v>90</v>
      </c>
      <c r="BB339">
        <f ca="1">ROUND(SQRT((VLOOKUP($A339,városok!$A$2:$C$346,2,0)-VLOOKUP(BB$1,városok!$A$2:$C$346,2,0))^2+(VLOOKUP($A339,városok!$A$2:$C$346,3,0)-VLOOKUP(BB$1,városok!$A$2:$C$346,3,0))^2)/1000,0)</f>
        <v>107</v>
      </c>
      <c r="BC339">
        <f ca="1">ROUND(SQRT((VLOOKUP($A339,városok!$A$2:$C$346,2,0)-VLOOKUP(BC$1,városok!$A$2:$C$346,2,0))^2+(VLOOKUP($A339,városok!$A$2:$C$346,3,0)-VLOOKUP(BC$1,városok!$A$2:$C$346,3,0))^2)/1000,0)</f>
        <v>101</v>
      </c>
      <c r="BD339">
        <f ca="1">ROUND(SQRT((VLOOKUP($A339,városok!$A$2:$C$346,2,0)-VLOOKUP(BD$1,városok!$A$2:$C$346,2,0))^2+(VLOOKUP($A339,városok!$A$2:$C$346,3,0)-VLOOKUP(BD$1,városok!$A$2:$C$346,3,0))^2)/1000,0)</f>
        <v>120</v>
      </c>
      <c r="BE339">
        <f ca="1">ROUND(SQRT((VLOOKUP($A339,városok!$A$2:$C$346,2,0)-VLOOKUP(BE$1,városok!$A$2:$C$346,2,0))^2+(VLOOKUP($A339,városok!$A$2:$C$346,3,0)-VLOOKUP(BE$1,városok!$A$2:$C$346,3,0))^2)/1000,0)</f>
        <v>483</v>
      </c>
      <c r="BF339">
        <f ca="1">ROUND(SQRT((VLOOKUP($A339,városok!$A$2:$C$346,2,0)-VLOOKUP(BF$1,városok!$A$2:$C$346,2,0))^2+(VLOOKUP($A339,városok!$A$2:$C$346,3,0)-VLOOKUP(BF$1,városok!$A$2:$C$346,3,0))^2)/1000,0)</f>
        <v>453</v>
      </c>
      <c r="BG339">
        <f ca="1">ROUND(SQRT((VLOOKUP($A339,városok!$A$2:$C$346,2,0)-VLOOKUP(BG$1,városok!$A$2:$C$346,2,0))^2+(VLOOKUP($A339,városok!$A$2:$C$346,3,0)-VLOOKUP(BG$1,városok!$A$2:$C$346,3,0))^2)/1000,0)</f>
        <v>407</v>
      </c>
      <c r="BH339">
        <f ca="1">ROUND(SQRT((VLOOKUP($A339,városok!$A$2:$C$346,2,0)-VLOOKUP(BH$1,városok!$A$2:$C$346,2,0))^2+(VLOOKUP($A339,városok!$A$2:$C$346,3,0)-VLOOKUP(BH$1,városok!$A$2:$C$346,3,0))^2)/1000,0)</f>
        <v>407</v>
      </c>
      <c r="BI339">
        <f ca="1">ROUND(SQRT((VLOOKUP($A339,városok!$A$2:$C$346,2,0)-VLOOKUP(BI$1,városok!$A$2:$C$346,2,0))^2+(VLOOKUP($A339,városok!$A$2:$C$346,3,0)-VLOOKUP(BI$1,városok!$A$2:$C$346,3,0))^2)/1000,0)</f>
        <v>161</v>
      </c>
      <c r="BJ339">
        <f ca="1">ROUND(SQRT((VLOOKUP($A339,városok!$A$2:$C$346,2,0)-VLOOKUP(BJ$1,városok!$A$2:$C$346,2,0))^2+(VLOOKUP($A339,városok!$A$2:$C$346,3,0)-VLOOKUP(BJ$1,városok!$A$2:$C$346,3,0))^2)/1000,0)</f>
        <v>152</v>
      </c>
      <c r="BK339">
        <f ca="1">ROUND(SQRT((VLOOKUP($A339,városok!$A$2:$C$346,2,0)-VLOOKUP(BK$1,városok!$A$2:$C$346,2,0))^2+(VLOOKUP($A339,városok!$A$2:$C$346,3,0)-VLOOKUP(BK$1,városok!$A$2:$C$346,3,0))^2)/1000,0)</f>
        <v>168</v>
      </c>
      <c r="BL339">
        <f ca="1">ROUND(SQRT((VLOOKUP($A339,városok!$A$2:$C$346,2,0)-VLOOKUP(BL$1,városok!$A$2:$C$346,2,0))^2+(VLOOKUP($A339,városok!$A$2:$C$346,3,0)-VLOOKUP(BL$1,városok!$A$2:$C$346,3,0))^2)/1000,0)</f>
        <v>44</v>
      </c>
      <c r="BM339">
        <f ca="1">ROUND(SQRT((VLOOKUP($A339,városok!$A$2:$C$346,2,0)-VLOOKUP(BM$1,városok!$A$2:$C$346,2,0))^2+(VLOOKUP($A339,városok!$A$2:$C$346,3,0)-VLOOKUP(BM$1,városok!$A$2:$C$346,3,0))^2)/1000,0)</f>
        <v>76</v>
      </c>
      <c r="BN339">
        <f ca="1">ROUND(SQRT((VLOOKUP($A339,városok!$A$2:$C$346,2,0)-VLOOKUP(BN$1,városok!$A$2:$C$346,2,0))^2+(VLOOKUP($A339,városok!$A$2:$C$346,3,0)-VLOOKUP(BN$1,városok!$A$2:$C$346,3,0))^2)/1000,0)</f>
        <v>68</v>
      </c>
      <c r="BO339">
        <f ca="1">ROUND(SQRT((VLOOKUP($A339,városok!$A$2:$C$346,2,0)-VLOOKUP(BO$1,városok!$A$2:$C$346,2,0))^2+(VLOOKUP($A339,városok!$A$2:$C$346,3,0)-VLOOKUP(BO$1,városok!$A$2:$C$346,3,0))^2)/1000,0)</f>
        <v>121</v>
      </c>
      <c r="BP339">
        <f ca="1">ROUND(SQRT((VLOOKUP($A339,városok!$A$2:$C$346,2,0)-VLOOKUP(BP$1,városok!$A$2:$C$346,2,0))^2+(VLOOKUP($A339,városok!$A$2:$C$346,3,0)-VLOOKUP(BP$1,városok!$A$2:$C$346,3,0))^2)/1000,0)</f>
        <v>128</v>
      </c>
      <c r="BQ339">
        <f ca="1">ROUND(SQRT((VLOOKUP($A339,városok!$A$2:$C$346,2,0)-VLOOKUP(BQ$1,városok!$A$2:$C$346,2,0))^2+(VLOOKUP($A339,városok!$A$2:$C$346,3,0)-VLOOKUP(BQ$1,városok!$A$2:$C$346,3,0))^2)/1000,0)</f>
        <v>116</v>
      </c>
      <c r="BR339">
        <f ca="1">ROUND(SQRT((VLOOKUP($A339,városok!$A$2:$C$346,2,0)-VLOOKUP(BR$1,városok!$A$2:$C$346,2,0))^2+(VLOOKUP($A339,városok!$A$2:$C$346,3,0)-VLOOKUP(BR$1,városok!$A$2:$C$346,3,0))^2)/1000,0)</f>
        <v>57</v>
      </c>
      <c r="BS339">
        <f ca="1">ROUND(SQRT((VLOOKUP($A339,városok!$A$2:$C$346,2,0)-VLOOKUP(BS$1,városok!$A$2:$C$346,2,0))^2+(VLOOKUP($A339,városok!$A$2:$C$346,3,0)-VLOOKUP(BS$1,városok!$A$2:$C$346,3,0))^2)/1000,0)</f>
        <v>40</v>
      </c>
      <c r="BT339">
        <f ca="1">ROUND(SQRT((VLOOKUP($A339,városok!$A$2:$C$346,2,0)-VLOOKUP(BT$1,városok!$A$2:$C$346,2,0))^2+(VLOOKUP($A339,városok!$A$2:$C$346,3,0)-VLOOKUP(BT$1,városok!$A$2:$C$346,3,0))^2)/1000,0)</f>
        <v>33</v>
      </c>
    </row>
    <row r="340" spans="1:72" x14ac:dyDescent="0.2">
      <c r="A340" t="str">
        <f>városok!A340</f>
        <v>Letenye</v>
      </c>
      <c r="B340">
        <f ca="1">ROUND(SQRT((VLOOKUP($A340,városok!$A$2:$C$346,2,0)-VLOOKUP(B$1,városok!$A$2:$C$346,2,0))^2+(VLOOKUP($A340,városok!$A$2:$C$346,3,0)-VLOOKUP(B$1,városok!$A$2:$C$346,3,0))^2)/1000,0)</f>
        <v>174</v>
      </c>
      <c r="C340">
        <f ca="1">ROUND(SQRT((VLOOKUP($A340,városok!$A$2:$C$346,2,0)-VLOOKUP(C$1,városok!$A$2:$C$346,2,0))^2+(VLOOKUP($A340,városok!$A$2:$C$346,3,0)-VLOOKUP(C$1,városok!$A$2:$C$346,3,0))^2)/1000,0)</f>
        <v>173</v>
      </c>
      <c r="D340">
        <f ca="1">ROUND(SQRT((VLOOKUP($A340,városok!$A$2:$C$346,2,0)-VLOOKUP(D$1,városok!$A$2:$C$346,2,0))^2+(VLOOKUP($A340,városok!$A$2:$C$346,3,0)-VLOOKUP(D$1,városok!$A$2:$C$346,3,0))^2)/1000,0)</f>
        <v>233</v>
      </c>
      <c r="E340">
        <f ca="1">ROUND(SQRT((VLOOKUP($A340,városok!$A$2:$C$346,2,0)-VLOOKUP(E$1,városok!$A$2:$C$346,2,0))^2+(VLOOKUP($A340,városok!$A$2:$C$346,3,0)-VLOOKUP(E$1,városok!$A$2:$C$346,3,0))^2)/1000,0)</f>
        <v>121</v>
      </c>
      <c r="F340">
        <f ca="1">ROUND(SQRT((VLOOKUP($A340,városok!$A$2:$C$346,2,0)-VLOOKUP(F$1,városok!$A$2:$C$346,2,0))^2+(VLOOKUP($A340,városok!$A$2:$C$346,3,0)-VLOOKUP(F$1,városok!$A$2:$C$346,3,0))^2)/1000,0)</f>
        <v>159</v>
      </c>
      <c r="G340">
        <f ca="1">ROUND(SQRT((VLOOKUP($A340,városok!$A$2:$C$346,2,0)-VLOOKUP(G$1,városok!$A$2:$C$346,2,0))^2+(VLOOKUP($A340,városok!$A$2:$C$346,3,0)-VLOOKUP(G$1,városok!$A$2:$C$346,3,0))^2)/1000,0)</f>
        <v>123</v>
      </c>
      <c r="H340">
        <f ca="1">ROUND(SQRT((VLOOKUP($A340,városok!$A$2:$C$346,2,0)-VLOOKUP(H$1,városok!$A$2:$C$346,2,0))^2+(VLOOKUP($A340,városok!$A$2:$C$346,3,0)-VLOOKUP(H$1,városok!$A$2:$C$346,3,0))^2)/1000,0)</f>
        <v>93</v>
      </c>
      <c r="I340">
        <f ca="1">ROUND(SQRT((VLOOKUP($A340,városok!$A$2:$C$346,2,0)-VLOOKUP(I$1,városok!$A$2:$C$346,2,0))^2+(VLOOKUP($A340,városok!$A$2:$C$346,3,0)-VLOOKUP(I$1,városok!$A$2:$C$346,3,0))^2)/1000,0)</f>
        <v>335</v>
      </c>
      <c r="J340">
        <f ca="1">ROUND(SQRT((VLOOKUP($A340,városok!$A$2:$C$346,2,0)-VLOOKUP(J$1,városok!$A$2:$C$346,2,0))^2+(VLOOKUP($A340,városok!$A$2:$C$346,3,0)-VLOOKUP(J$1,városok!$A$2:$C$346,3,0))^2)/1000,0)</f>
        <v>349</v>
      </c>
      <c r="K340">
        <f ca="1">ROUND(SQRT((VLOOKUP($A340,városok!$A$2:$C$346,2,0)-VLOOKUP(K$1,városok!$A$2:$C$346,2,0))^2+(VLOOKUP($A340,városok!$A$2:$C$346,3,0)-VLOOKUP(K$1,városok!$A$2:$C$346,3,0))^2)/1000,0)</f>
        <v>303</v>
      </c>
      <c r="L340">
        <f ca="1">ROUND(SQRT((VLOOKUP($A340,városok!$A$2:$C$346,2,0)-VLOOKUP(L$1,városok!$A$2:$C$346,2,0))^2+(VLOOKUP($A340,városok!$A$2:$C$346,3,0)-VLOOKUP(L$1,városok!$A$2:$C$346,3,0))^2)/1000,0)</f>
        <v>358</v>
      </c>
      <c r="M340">
        <f ca="1">ROUND(SQRT((VLOOKUP($A340,városok!$A$2:$C$346,2,0)-VLOOKUP(M$1,városok!$A$2:$C$346,2,0))^2+(VLOOKUP($A340,városok!$A$2:$C$346,3,0)-VLOOKUP(M$1,városok!$A$2:$C$346,3,0))^2)/1000,0)</f>
        <v>360</v>
      </c>
      <c r="N340">
        <f ca="1">ROUND(SQRT((VLOOKUP($A340,városok!$A$2:$C$346,2,0)-VLOOKUP(N$1,városok!$A$2:$C$346,2,0))^2+(VLOOKUP($A340,városok!$A$2:$C$346,3,0)-VLOOKUP(N$1,városok!$A$2:$C$346,3,0))^2)/1000,0)</f>
        <v>335</v>
      </c>
      <c r="O340">
        <f ca="1">ROUND(SQRT((VLOOKUP($A340,városok!$A$2:$C$346,2,0)-VLOOKUP(O$1,városok!$A$2:$C$346,2,0))^2+(VLOOKUP($A340,városok!$A$2:$C$346,3,0)-VLOOKUP(O$1,városok!$A$2:$C$346,3,0))^2)/1000,0)</f>
        <v>431</v>
      </c>
      <c r="P340">
        <f ca="1">ROUND(SQRT((VLOOKUP($A340,városok!$A$2:$C$346,2,0)-VLOOKUP(P$1,városok!$A$2:$C$346,2,0))^2+(VLOOKUP($A340,városok!$A$2:$C$346,3,0)-VLOOKUP(P$1,városok!$A$2:$C$346,3,0))^2)/1000,0)</f>
        <v>431</v>
      </c>
      <c r="Q340">
        <f ca="1">ROUND(SQRT((VLOOKUP($A340,városok!$A$2:$C$346,2,0)-VLOOKUP(Q$1,városok!$A$2:$C$346,2,0))^2+(VLOOKUP($A340,városok!$A$2:$C$346,3,0)-VLOOKUP(Q$1,városok!$A$2:$C$346,3,0))^2)/1000,0)</f>
        <v>276</v>
      </c>
      <c r="R340">
        <f ca="1">ROUND(SQRT((VLOOKUP($A340,városok!$A$2:$C$346,2,0)-VLOOKUP(R$1,városok!$A$2:$C$346,2,0))^2+(VLOOKUP($A340,városok!$A$2:$C$346,3,0)-VLOOKUP(R$1,városok!$A$2:$C$346,3,0))^2)/1000,0)</f>
        <v>289</v>
      </c>
      <c r="S340">
        <f ca="1">ROUND(SQRT((VLOOKUP($A340,városok!$A$2:$C$346,2,0)-VLOOKUP(S$1,városok!$A$2:$C$346,2,0))^2+(VLOOKUP($A340,városok!$A$2:$C$346,3,0)-VLOOKUP(S$1,városok!$A$2:$C$346,3,0))^2)/1000,0)</f>
        <v>265</v>
      </c>
      <c r="T340">
        <f ca="1">ROUND(SQRT((VLOOKUP($A340,városok!$A$2:$C$346,2,0)-VLOOKUP(T$1,városok!$A$2:$C$346,2,0))^2+(VLOOKUP($A340,városok!$A$2:$C$346,3,0)-VLOOKUP(T$1,városok!$A$2:$C$346,3,0))^2)/1000,0)</f>
        <v>187</v>
      </c>
      <c r="U340">
        <f ca="1">ROUND(SQRT((VLOOKUP($A340,városok!$A$2:$C$346,2,0)-VLOOKUP(U$1,városok!$A$2:$C$346,2,0))^2+(VLOOKUP($A340,városok!$A$2:$C$346,3,0)-VLOOKUP(U$1,városok!$A$2:$C$346,3,0))^2)/1000,0)</f>
        <v>179</v>
      </c>
      <c r="V340">
        <f ca="1">ROUND(SQRT((VLOOKUP($A340,városok!$A$2:$C$346,2,0)-VLOOKUP(V$1,városok!$A$2:$C$346,2,0))^2+(VLOOKUP($A340,városok!$A$2:$C$346,3,0)-VLOOKUP(V$1,városok!$A$2:$C$346,3,0))^2)/1000,0)</f>
        <v>139</v>
      </c>
      <c r="W340">
        <f ca="1">ROUND(SQRT((VLOOKUP($A340,városok!$A$2:$C$346,2,0)-VLOOKUP(W$1,városok!$A$2:$C$346,2,0))^2+(VLOOKUP($A340,városok!$A$2:$C$346,3,0)-VLOOKUP(W$1,városok!$A$2:$C$346,3,0))^2)/1000,0)</f>
        <v>153</v>
      </c>
      <c r="X340">
        <f ca="1">ROUND(SQRT((VLOOKUP($A340,városok!$A$2:$C$346,2,0)-VLOOKUP(X$1,városok!$A$2:$C$346,2,0))^2+(VLOOKUP($A340,városok!$A$2:$C$346,3,0)-VLOOKUP(X$1,városok!$A$2:$C$346,3,0))^2)/1000,0)</f>
        <v>155</v>
      </c>
      <c r="Y340">
        <f ca="1">ROUND(SQRT((VLOOKUP($A340,városok!$A$2:$C$346,2,0)-VLOOKUP(Y$1,városok!$A$2:$C$346,2,0))^2+(VLOOKUP($A340,városok!$A$2:$C$346,3,0)-VLOOKUP(Y$1,városok!$A$2:$C$346,3,0))^2)/1000,0)</f>
        <v>156</v>
      </c>
      <c r="Z340">
        <f ca="1">ROUND(SQRT((VLOOKUP($A340,városok!$A$2:$C$346,2,0)-VLOOKUP(Z$1,városok!$A$2:$C$346,2,0))^2+(VLOOKUP($A340,városok!$A$2:$C$346,3,0)-VLOOKUP(Z$1,városok!$A$2:$C$346,3,0))^2)/1000,0)</f>
        <v>154</v>
      </c>
      <c r="AA340">
        <f ca="1">ROUND(SQRT((VLOOKUP($A340,városok!$A$2:$C$346,2,0)-VLOOKUP(AA$1,városok!$A$2:$C$346,2,0))^2+(VLOOKUP($A340,városok!$A$2:$C$346,3,0)-VLOOKUP(AA$1,városok!$A$2:$C$346,3,0))^2)/1000,0)</f>
        <v>140</v>
      </c>
      <c r="AB340">
        <f ca="1">ROUND(SQRT((VLOOKUP($A340,városok!$A$2:$C$346,2,0)-VLOOKUP(AB$1,városok!$A$2:$C$346,2,0))^2+(VLOOKUP($A340,városok!$A$2:$C$346,3,0)-VLOOKUP(AB$1,városok!$A$2:$C$346,3,0))^2)/1000,0)</f>
        <v>392</v>
      </c>
      <c r="AC340">
        <f ca="1">ROUND(SQRT((VLOOKUP($A340,városok!$A$2:$C$346,2,0)-VLOOKUP(AC$1,városok!$A$2:$C$346,2,0))^2+(VLOOKUP($A340,városok!$A$2:$C$346,3,0)-VLOOKUP(AC$1,városok!$A$2:$C$346,3,0))^2)/1000,0)</f>
        <v>373</v>
      </c>
      <c r="AD340">
        <f ca="1">ROUND(SQRT((VLOOKUP($A340,városok!$A$2:$C$346,2,0)-VLOOKUP(AD$1,városok!$A$2:$C$346,2,0))^2+(VLOOKUP($A340,városok!$A$2:$C$346,3,0)-VLOOKUP(AD$1,városok!$A$2:$C$346,3,0))^2)/1000,0)</f>
        <v>355</v>
      </c>
      <c r="AE340">
        <f ca="1">ROUND(SQRT((VLOOKUP($A340,városok!$A$2:$C$346,2,0)-VLOOKUP(AE$1,városok!$A$2:$C$346,2,0))^2+(VLOOKUP($A340,városok!$A$2:$C$346,3,0)-VLOOKUP(AE$1,városok!$A$2:$C$346,3,0))^2)/1000,0)</f>
        <v>352</v>
      </c>
      <c r="AF340">
        <f ca="1">ROUND(SQRT((VLOOKUP($A340,városok!$A$2:$C$346,2,0)-VLOOKUP(AF$1,városok!$A$2:$C$346,2,0))^2+(VLOOKUP($A340,városok!$A$2:$C$346,3,0)-VLOOKUP(AF$1,városok!$A$2:$C$346,3,0))^2)/1000,0)</f>
        <v>321</v>
      </c>
      <c r="AG340">
        <f ca="1">ROUND(SQRT((VLOOKUP($A340,városok!$A$2:$C$346,2,0)-VLOOKUP(AG$1,városok!$A$2:$C$346,2,0))^2+(VLOOKUP($A340,városok!$A$2:$C$346,3,0)-VLOOKUP(AG$1,városok!$A$2:$C$346,3,0))^2)/1000,0)</f>
        <v>285</v>
      </c>
      <c r="AH340">
        <f ca="1">ROUND(SQRT((VLOOKUP($A340,városok!$A$2:$C$346,2,0)-VLOOKUP(AH$1,városok!$A$2:$C$346,2,0))^2+(VLOOKUP($A340,városok!$A$2:$C$346,3,0)-VLOOKUP(AH$1,városok!$A$2:$C$346,3,0))^2)/1000,0)</f>
        <v>263</v>
      </c>
      <c r="AI340">
        <f ca="1">ROUND(SQRT((VLOOKUP($A340,városok!$A$2:$C$346,2,0)-VLOOKUP(AI$1,városok!$A$2:$C$346,2,0))^2+(VLOOKUP($A340,városok!$A$2:$C$346,3,0)-VLOOKUP(AI$1,városok!$A$2:$C$346,3,0))^2)/1000,0)</f>
        <v>310</v>
      </c>
      <c r="AJ340">
        <f ca="1">ROUND(SQRT((VLOOKUP($A340,városok!$A$2:$C$346,2,0)-VLOOKUP(AJ$1,városok!$A$2:$C$346,2,0))^2+(VLOOKUP($A340,városok!$A$2:$C$346,3,0)-VLOOKUP(AJ$1,városok!$A$2:$C$346,3,0))^2)/1000,0)</f>
        <v>281</v>
      </c>
      <c r="AK340">
        <f ca="1">ROUND(SQRT((VLOOKUP($A340,városok!$A$2:$C$346,2,0)-VLOOKUP(AK$1,városok!$A$2:$C$346,2,0))^2+(VLOOKUP($A340,városok!$A$2:$C$346,3,0)-VLOOKUP(AK$1,városok!$A$2:$C$346,3,0))^2)/1000,0)</f>
        <v>337</v>
      </c>
      <c r="AL340">
        <f ca="1">ROUND(SQRT((VLOOKUP($A340,városok!$A$2:$C$346,2,0)-VLOOKUP(AL$1,városok!$A$2:$C$346,2,0))^2+(VLOOKUP($A340,városok!$A$2:$C$346,3,0)-VLOOKUP(AL$1,városok!$A$2:$C$346,3,0))^2)/1000,0)</f>
        <v>315</v>
      </c>
      <c r="AM340">
        <f ca="1">ROUND(SQRT((VLOOKUP($A340,városok!$A$2:$C$346,2,0)-VLOOKUP(AM$1,városok!$A$2:$C$346,2,0))^2+(VLOOKUP($A340,városok!$A$2:$C$346,3,0)-VLOOKUP(AM$1,városok!$A$2:$C$346,3,0))^2)/1000,0)</f>
        <v>277</v>
      </c>
      <c r="AN340">
        <f ca="1">ROUND(SQRT((VLOOKUP($A340,városok!$A$2:$C$346,2,0)-VLOOKUP(AN$1,városok!$A$2:$C$346,2,0))^2+(VLOOKUP($A340,városok!$A$2:$C$346,3,0)-VLOOKUP(AN$1,városok!$A$2:$C$346,3,0))^2)/1000,0)</f>
        <v>215</v>
      </c>
      <c r="AO340">
        <f ca="1">ROUND(SQRT((VLOOKUP($A340,városok!$A$2:$C$346,2,0)-VLOOKUP(AO$1,városok!$A$2:$C$346,2,0))^2+(VLOOKUP($A340,városok!$A$2:$C$346,3,0)-VLOOKUP(AO$1,városok!$A$2:$C$346,3,0))^2)/1000,0)</f>
        <v>180</v>
      </c>
      <c r="AP340">
        <f ca="1">ROUND(SQRT((VLOOKUP($A340,városok!$A$2:$C$346,2,0)-VLOOKUP(AP$1,városok!$A$2:$C$346,2,0))^2+(VLOOKUP($A340,városok!$A$2:$C$346,3,0)-VLOOKUP(AP$1,városok!$A$2:$C$346,3,0))^2)/1000,0)</f>
        <v>182</v>
      </c>
      <c r="AQ340">
        <f ca="1">ROUND(SQRT((VLOOKUP($A340,városok!$A$2:$C$346,2,0)-VLOOKUP(AQ$1,városok!$A$2:$C$346,2,0))^2+(VLOOKUP($A340,városok!$A$2:$C$346,3,0)-VLOOKUP(AQ$1,városok!$A$2:$C$346,3,0))^2)/1000,0)</f>
        <v>180</v>
      </c>
      <c r="AR340">
        <f ca="1">ROUND(SQRT((VLOOKUP($A340,városok!$A$2:$C$346,2,0)-VLOOKUP(AR$1,városok!$A$2:$C$346,2,0))^2+(VLOOKUP($A340,városok!$A$2:$C$346,3,0)-VLOOKUP(AR$1,városok!$A$2:$C$346,3,0))^2)/1000,0)</f>
        <v>279</v>
      </c>
      <c r="AS340">
        <f ca="1">ROUND(SQRT((VLOOKUP($A340,városok!$A$2:$C$346,2,0)-VLOOKUP(AS$1,városok!$A$2:$C$346,2,0))^2+(VLOOKUP($A340,városok!$A$2:$C$346,3,0)-VLOOKUP(AS$1,városok!$A$2:$C$346,3,0))^2)/1000,0)</f>
        <v>299</v>
      </c>
      <c r="AT340">
        <f ca="1">ROUND(SQRT((VLOOKUP($A340,városok!$A$2:$C$346,2,0)-VLOOKUP(AT$1,városok!$A$2:$C$346,2,0))^2+(VLOOKUP($A340,városok!$A$2:$C$346,3,0)-VLOOKUP(AT$1,városok!$A$2:$C$346,3,0))^2)/1000,0)</f>
        <v>197</v>
      </c>
      <c r="AU340">
        <f ca="1">ROUND(SQRT((VLOOKUP($A340,városok!$A$2:$C$346,2,0)-VLOOKUP(AU$1,városok!$A$2:$C$346,2,0))^2+(VLOOKUP($A340,városok!$A$2:$C$346,3,0)-VLOOKUP(AU$1,városok!$A$2:$C$346,3,0))^2)/1000,0)</f>
        <v>205</v>
      </c>
      <c r="AV340">
        <f ca="1">ROUND(SQRT((VLOOKUP($A340,városok!$A$2:$C$346,2,0)-VLOOKUP(AV$1,városok!$A$2:$C$346,2,0))^2+(VLOOKUP($A340,városok!$A$2:$C$346,3,0)-VLOOKUP(AV$1,városok!$A$2:$C$346,3,0))^2)/1000,0)</f>
        <v>201</v>
      </c>
      <c r="AW340">
        <f ca="1">ROUND(SQRT((VLOOKUP($A340,városok!$A$2:$C$346,2,0)-VLOOKUP(AW$1,városok!$A$2:$C$346,2,0))^2+(VLOOKUP($A340,városok!$A$2:$C$346,3,0)-VLOOKUP(AW$1,városok!$A$2:$C$346,3,0))^2)/1000,0)</f>
        <v>198</v>
      </c>
      <c r="AX340">
        <f ca="1">ROUND(SQRT((VLOOKUP($A340,városok!$A$2:$C$346,2,0)-VLOOKUP(AX$1,városok!$A$2:$C$346,2,0))^2+(VLOOKUP($A340,városok!$A$2:$C$346,3,0)-VLOOKUP(AX$1,városok!$A$2:$C$346,3,0))^2)/1000,0)</f>
        <v>243</v>
      </c>
      <c r="AY340">
        <f ca="1">ROUND(SQRT((VLOOKUP($A340,városok!$A$2:$C$346,2,0)-VLOOKUP(AY$1,városok!$A$2:$C$346,2,0))^2+(VLOOKUP($A340,városok!$A$2:$C$346,3,0)-VLOOKUP(AY$1,városok!$A$2:$C$346,3,0))^2)/1000,0)</f>
        <v>225</v>
      </c>
      <c r="AZ340">
        <f ca="1">ROUND(SQRT((VLOOKUP($A340,városok!$A$2:$C$346,2,0)-VLOOKUP(AZ$1,városok!$A$2:$C$346,2,0))^2+(VLOOKUP($A340,városok!$A$2:$C$346,3,0)-VLOOKUP(AZ$1,városok!$A$2:$C$346,3,0))^2)/1000,0)</f>
        <v>227</v>
      </c>
      <c r="BA340">
        <f ca="1">ROUND(SQRT((VLOOKUP($A340,városok!$A$2:$C$346,2,0)-VLOOKUP(BA$1,városok!$A$2:$C$346,2,0))^2+(VLOOKUP($A340,városok!$A$2:$C$346,3,0)-VLOOKUP(BA$1,városok!$A$2:$C$346,3,0))^2)/1000,0)</f>
        <v>84</v>
      </c>
      <c r="BB340">
        <f ca="1">ROUND(SQRT((VLOOKUP($A340,városok!$A$2:$C$346,2,0)-VLOOKUP(BB$1,városok!$A$2:$C$346,2,0))^2+(VLOOKUP($A340,városok!$A$2:$C$346,3,0)-VLOOKUP(BB$1,városok!$A$2:$C$346,3,0))^2)/1000,0)</f>
        <v>94</v>
      </c>
      <c r="BC340">
        <f ca="1">ROUND(SQRT((VLOOKUP($A340,városok!$A$2:$C$346,2,0)-VLOOKUP(BC$1,városok!$A$2:$C$346,2,0))^2+(VLOOKUP($A340,városok!$A$2:$C$346,3,0)-VLOOKUP(BC$1,városok!$A$2:$C$346,3,0))^2)/1000,0)</f>
        <v>82</v>
      </c>
      <c r="BD340">
        <f ca="1">ROUND(SQRT((VLOOKUP($A340,városok!$A$2:$C$346,2,0)-VLOOKUP(BD$1,városok!$A$2:$C$346,2,0))^2+(VLOOKUP($A340,városok!$A$2:$C$346,3,0)-VLOOKUP(BD$1,városok!$A$2:$C$346,3,0))^2)/1000,0)</f>
        <v>115</v>
      </c>
      <c r="BE340">
        <f ca="1">ROUND(SQRT((VLOOKUP($A340,városok!$A$2:$C$346,2,0)-VLOOKUP(BE$1,városok!$A$2:$C$346,2,0))^2+(VLOOKUP($A340,városok!$A$2:$C$346,3,0)-VLOOKUP(BE$1,városok!$A$2:$C$346,3,0))^2)/1000,0)</f>
        <v>477</v>
      </c>
      <c r="BF340">
        <f ca="1">ROUND(SQRT((VLOOKUP($A340,városok!$A$2:$C$346,2,0)-VLOOKUP(BF$1,városok!$A$2:$C$346,2,0))^2+(VLOOKUP($A340,városok!$A$2:$C$346,3,0)-VLOOKUP(BF$1,városok!$A$2:$C$346,3,0))^2)/1000,0)</f>
        <v>450</v>
      </c>
      <c r="BG340">
        <f ca="1">ROUND(SQRT((VLOOKUP($A340,városok!$A$2:$C$346,2,0)-VLOOKUP(BG$1,városok!$A$2:$C$346,2,0))^2+(VLOOKUP($A340,városok!$A$2:$C$346,3,0)-VLOOKUP(BG$1,városok!$A$2:$C$346,3,0))^2)/1000,0)</f>
        <v>405</v>
      </c>
      <c r="BH340">
        <f ca="1">ROUND(SQRT((VLOOKUP($A340,városok!$A$2:$C$346,2,0)-VLOOKUP(BH$1,városok!$A$2:$C$346,2,0))^2+(VLOOKUP($A340,városok!$A$2:$C$346,3,0)-VLOOKUP(BH$1,városok!$A$2:$C$346,3,0))^2)/1000,0)</f>
        <v>405</v>
      </c>
      <c r="BI340">
        <f ca="1">ROUND(SQRT((VLOOKUP($A340,városok!$A$2:$C$346,2,0)-VLOOKUP(BI$1,városok!$A$2:$C$346,2,0))^2+(VLOOKUP($A340,városok!$A$2:$C$346,3,0)-VLOOKUP(BI$1,városok!$A$2:$C$346,3,0))^2)/1000,0)</f>
        <v>146</v>
      </c>
      <c r="BJ340">
        <f ca="1">ROUND(SQRT((VLOOKUP($A340,városok!$A$2:$C$346,2,0)-VLOOKUP(BJ$1,városok!$A$2:$C$346,2,0))^2+(VLOOKUP($A340,városok!$A$2:$C$346,3,0)-VLOOKUP(BJ$1,városok!$A$2:$C$346,3,0))^2)/1000,0)</f>
        <v>134</v>
      </c>
      <c r="BK340">
        <f ca="1">ROUND(SQRT((VLOOKUP($A340,városok!$A$2:$C$346,2,0)-VLOOKUP(BK$1,városok!$A$2:$C$346,2,0))^2+(VLOOKUP($A340,városok!$A$2:$C$346,3,0)-VLOOKUP(BK$1,városok!$A$2:$C$346,3,0))^2)/1000,0)</f>
        <v>152</v>
      </c>
      <c r="BL340">
        <f ca="1">ROUND(SQRT((VLOOKUP($A340,városok!$A$2:$C$346,2,0)-VLOOKUP(BL$1,városok!$A$2:$C$346,2,0))^2+(VLOOKUP($A340,városok!$A$2:$C$346,3,0)-VLOOKUP(BL$1,városok!$A$2:$C$346,3,0))^2)/1000,0)</f>
        <v>66</v>
      </c>
      <c r="BM340">
        <f ca="1">ROUND(SQRT((VLOOKUP($A340,városok!$A$2:$C$346,2,0)-VLOOKUP(BM$1,városok!$A$2:$C$346,2,0))^2+(VLOOKUP($A340,városok!$A$2:$C$346,3,0)-VLOOKUP(BM$1,városok!$A$2:$C$346,3,0))^2)/1000,0)</f>
        <v>93</v>
      </c>
      <c r="BN340">
        <f ca="1">ROUND(SQRT((VLOOKUP($A340,városok!$A$2:$C$346,2,0)-VLOOKUP(BN$1,városok!$A$2:$C$346,2,0))^2+(VLOOKUP($A340,városok!$A$2:$C$346,3,0)-VLOOKUP(BN$1,városok!$A$2:$C$346,3,0))^2)/1000,0)</f>
        <v>90</v>
      </c>
      <c r="BO340">
        <f ca="1">ROUND(SQRT((VLOOKUP($A340,városok!$A$2:$C$346,2,0)-VLOOKUP(BO$1,városok!$A$2:$C$346,2,0))^2+(VLOOKUP($A340,városok!$A$2:$C$346,3,0)-VLOOKUP(BO$1,városok!$A$2:$C$346,3,0))^2)/1000,0)</f>
        <v>119</v>
      </c>
      <c r="BP340">
        <f ca="1">ROUND(SQRT((VLOOKUP($A340,városok!$A$2:$C$346,2,0)-VLOOKUP(BP$1,városok!$A$2:$C$346,2,0))^2+(VLOOKUP($A340,városok!$A$2:$C$346,3,0)-VLOOKUP(BP$1,városok!$A$2:$C$346,3,0))^2)/1000,0)</f>
        <v>125</v>
      </c>
      <c r="BQ340">
        <f ca="1">ROUND(SQRT((VLOOKUP($A340,városok!$A$2:$C$346,2,0)-VLOOKUP(BQ$1,városok!$A$2:$C$346,2,0))^2+(VLOOKUP($A340,városok!$A$2:$C$346,3,0)-VLOOKUP(BQ$1,városok!$A$2:$C$346,3,0))^2)/1000,0)</f>
        <v>117</v>
      </c>
      <c r="BR340">
        <f ca="1">ROUND(SQRT((VLOOKUP($A340,városok!$A$2:$C$346,2,0)-VLOOKUP(BR$1,városok!$A$2:$C$346,2,0))^2+(VLOOKUP($A340,városok!$A$2:$C$346,3,0)-VLOOKUP(BR$1,városok!$A$2:$C$346,3,0))^2)/1000,0)</f>
        <v>55</v>
      </c>
      <c r="BS340">
        <f ca="1">ROUND(SQRT((VLOOKUP($A340,városok!$A$2:$C$346,2,0)-VLOOKUP(BS$1,városok!$A$2:$C$346,2,0))^2+(VLOOKUP($A340,városok!$A$2:$C$346,3,0)-VLOOKUP(BS$1,városok!$A$2:$C$346,3,0))^2)/1000,0)</f>
        <v>20</v>
      </c>
      <c r="BT340">
        <f ca="1">ROUND(SQRT((VLOOKUP($A340,városok!$A$2:$C$346,2,0)-VLOOKUP(BT$1,városok!$A$2:$C$346,2,0))^2+(VLOOKUP($A340,városok!$A$2:$C$346,3,0)-VLOOKUP(BT$1,városok!$A$2:$C$346,3,0))^2)/1000,0)</f>
        <v>46</v>
      </c>
    </row>
    <row r="341" spans="1:72" x14ac:dyDescent="0.2">
      <c r="A341" t="str">
        <f>városok!A341</f>
        <v>Nagykanizsa</v>
      </c>
      <c r="B341">
        <f ca="1">ROUND(SQRT((VLOOKUP($A341,városok!$A$2:$C$346,2,0)-VLOOKUP(B$1,városok!$A$2:$C$346,2,0))^2+(VLOOKUP($A341,városok!$A$2:$C$346,3,0)-VLOOKUP(B$1,városok!$A$2:$C$346,3,0))^2)/1000,0)</f>
        <v>154</v>
      </c>
      <c r="C341">
        <f ca="1">ROUND(SQRT((VLOOKUP($A341,városok!$A$2:$C$346,2,0)-VLOOKUP(C$1,városok!$A$2:$C$346,2,0))^2+(VLOOKUP($A341,városok!$A$2:$C$346,3,0)-VLOOKUP(C$1,városok!$A$2:$C$346,3,0))^2)/1000,0)</f>
        <v>153</v>
      </c>
      <c r="D341">
        <f ca="1">ROUND(SQRT((VLOOKUP($A341,városok!$A$2:$C$346,2,0)-VLOOKUP(D$1,városok!$A$2:$C$346,2,0))^2+(VLOOKUP($A341,városok!$A$2:$C$346,3,0)-VLOOKUP(D$1,városok!$A$2:$C$346,3,0))^2)/1000,0)</f>
        <v>213</v>
      </c>
      <c r="E341">
        <f ca="1">ROUND(SQRT((VLOOKUP($A341,városok!$A$2:$C$346,2,0)-VLOOKUP(E$1,városok!$A$2:$C$346,2,0))^2+(VLOOKUP($A341,városok!$A$2:$C$346,3,0)-VLOOKUP(E$1,városok!$A$2:$C$346,3,0))^2)/1000,0)</f>
        <v>102</v>
      </c>
      <c r="F341">
        <f ca="1">ROUND(SQRT((VLOOKUP($A341,városok!$A$2:$C$346,2,0)-VLOOKUP(F$1,városok!$A$2:$C$346,2,0))^2+(VLOOKUP($A341,városok!$A$2:$C$346,3,0)-VLOOKUP(F$1,városok!$A$2:$C$346,3,0))^2)/1000,0)</f>
        <v>140</v>
      </c>
      <c r="G341">
        <f ca="1">ROUND(SQRT((VLOOKUP($A341,városok!$A$2:$C$346,2,0)-VLOOKUP(G$1,városok!$A$2:$C$346,2,0))^2+(VLOOKUP($A341,városok!$A$2:$C$346,3,0)-VLOOKUP(G$1,városok!$A$2:$C$346,3,0))^2)/1000,0)</f>
        <v>105</v>
      </c>
      <c r="H341">
        <f ca="1">ROUND(SQRT((VLOOKUP($A341,városok!$A$2:$C$346,2,0)-VLOOKUP(H$1,városok!$A$2:$C$346,2,0))^2+(VLOOKUP($A341,városok!$A$2:$C$346,3,0)-VLOOKUP(H$1,városok!$A$2:$C$346,3,0))^2)/1000,0)</f>
        <v>76</v>
      </c>
      <c r="I341">
        <f ca="1">ROUND(SQRT((VLOOKUP($A341,városok!$A$2:$C$346,2,0)-VLOOKUP(I$1,városok!$A$2:$C$346,2,0))^2+(VLOOKUP($A341,városok!$A$2:$C$346,3,0)-VLOOKUP(I$1,városok!$A$2:$C$346,3,0))^2)/1000,0)</f>
        <v>314</v>
      </c>
      <c r="J341">
        <f ca="1">ROUND(SQRT((VLOOKUP($A341,városok!$A$2:$C$346,2,0)-VLOOKUP(J$1,városok!$A$2:$C$346,2,0))^2+(VLOOKUP($A341,városok!$A$2:$C$346,3,0)-VLOOKUP(J$1,városok!$A$2:$C$346,3,0))^2)/1000,0)</f>
        <v>329</v>
      </c>
      <c r="K341">
        <f ca="1">ROUND(SQRT((VLOOKUP($A341,városok!$A$2:$C$346,2,0)-VLOOKUP(K$1,városok!$A$2:$C$346,2,0))^2+(VLOOKUP($A341,városok!$A$2:$C$346,3,0)-VLOOKUP(K$1,városok!$A$2:$C$346,3,0))^2)/1000,0)</f>
        <v>282</v>
      </c>
      <c r="L341">
        <f ca="1">ROUND(SQRT((VLOOKUP($A341,városok!$A$2:$C$346,2,0)-VLOOKUP(L$1,városok!$A$2:$C$346,2,0))^2+(VLOOKUP($A341,városok!$A$2:$C$346,3,0)-VLOOKUP(L$1,városok!$A$2:$C$346,3,0))^2)/1000,0)</f>
        <v>340</v>
      </c>
      <c r="M341">
        <f ca="1">ROUND(SQRT((VLOOKUP($A341,városok!$A$2:$C$346,2,0)-VLOOKUP(M$1,városok!$A$2:$C$346,2,0))^2+(VLOOKUP($A341,városok!$A$2:$C$346,3,0)-VLOOKUP(M$1,városok!$A$2:$C$346,3,0))^2)/1000,0)</f>
        <v>341</v>
      </c>
      <c r="N341">
        <f ca="1">ROUND(SQRT((VLOOKUP($A341,városok!$A$2:$C$346,2,0)-VLOOKUP(N$1,városok!$A$2:$C$346,2,0))^2+(VLOOKUP($A341,városok!$A$2:$C$346,3,0)-VLOOKUP(N$1,városok!$A$2:$C$346,3,0))^2)/1000,0)</f>
        <v>318</v>
      </c>
      <c r="O341">
        <f ca="1">ROUND(SQRT((VLOOKUP($A341,városok!$A$2:$C$346,2,0)-VLOOKUP(O$1,városok!$A$2:$C$346,2,0))^2+(VLOOKUP($A341,városok!$A$2:$C$346,3,0)-VLOOKUP(O$1,városok!$A$2:$C$346,3,0))^2)/1000,0)</f>
        <v>413</v>
      </c>
      <c r="P341">
        <f ca="1">ROUND(SQRT((VLOOKUP($A341,városok!$A$2:$C$346,2,0)-VLOOKUP(P$1,városok!$A$2:$C$346,2,0))^2+(VLOOKUP($A341,városok!$A$2:$C$346,3,0)-VLOOKUP(P$1,városok!$A$2:$C$346,3,0))^2)/1000,0)</f>
        <v>413</v>
      </c>
      <c r="Q341">
        <f ca="1">ROUND(SQRT((VLOOKUP($A341,városok!$A$2:$C$346,2,0)-VLOOKUP(Q$1,városok!$A$2:$C$346,2,0))^2+(VLOOKUP($A341,városok!$A$2:$C$346,3,0)-VLOOKUP(Q$1,városok!$A$2:$C$346,3,0))^2)/1000,0)</f>
        <v>256</v>
      </c>
      <c r="R341">
        <f ca="1">ROUND(SQRT((VLOOKUP($A341,városok!$A$2:$C$346,2,0)-VLOOKUP(R$1,városok!$A$2:$C$346,2,0))^2+(VLOOKUP($A341,városok!$A$2:$C$346,3,0)-VLOOKUP(R$1,városok!$A$2:$C$346,3,0))^2)/1000,0)</f>
        <v>269</v>
      </c>
      <c r="S341">
        <f ca="1">ROUND(SQRT((VLOOKUP($A341,városok!$A$2:$C$346,2,0)-VLOOKUP(S$1,városok!$A$2:$C$346,2,0))^2+(VLOOKUP($A341,városok!$A$2:$C$346,3,0)-VLOOKUP(S$1,városok!$A$2:$C$346,3,0))^2)/1000,0)</f>
        <v>245</v>
      </c>
      <c r="T341">
        <f ca="1">ROUND(SQRT((VLOOKUP($A341,városok!$A$2:$C$346,2,0)-VLOOKUP(T$1,városok!$A$2:$C$346,2,0))^2+(VLOOKUP($A341,városok!$A$2:$C$346,3,0)-VLOOKUP(T$1,városok!$A$2:$C$346,3,0))^2)/1000,0)</f>
        <v>170</v>
      </c>
      <c r="U341">
        <f ca="1">ROUND(SQRT((VLOOKUP($A341,városok!$A$2:$C$346,2,0)-VLOOKUP(U$1,városok!$A$2:$C$346,2,0))^2+(VLOOKUP($A341,városok!$A$2:$C$346,3,0)-VLOOKUP(U$1,városok!$A$2:$C$346,3,0))^2)/1000,0)</f>
        <v>159</v>
      </c>
      <c r="V341">
        <f ca="1">ROUND(SQRT((VLOOKUP($A341,városok!$A$2:$C$346,2,0)-VLOOKUP(V$1,városok!$A$2:$C$346,2,0))^2+(VLOOKUP($A341,városok!$A$2:$C$346,3,0)-VLOOKUP(V$1,városok!$A$2:$C$346,3,0))^2)/1000,0)</f>
        <v>121</v>
      </c>
      <c r="W341">
        <f ca="1">ROUND(SQRT((VLOOKUP($A341,városok!$A$2:$C$346,2,0)-VLOOKUP(W$1,városok!$A$2:$C$346,2,0))^2+(VLOOKUP($A341,városok!$A$2:$C$346,3,0)-VLOOKUP(W$1,városok!$A$2:$C$346,3,0))^2)/1000,0)</f>
        <v>134</v>
      </c>
      <c r="X341">
        <f ca="1">ROUND(SQRT((VLOOKUP($A341,városok!$A$2:$C$346,2,0)-VLOOKUP(X$1,városok!$A$2:$C$346,2,0))^2+(VLOOKUP($A341,városok!$A$2:$C$346,3,0)-VLOOKUP(X$1,városok!$A$2:$C$346,3,0))^2)/1000,0)</f>
        <v>138</v>
      </c>
      <c r="Y341">
        <f ca="1">ROUND(SQRT((VLOOKUP($A341,városok!$A$2:$C$346,2,0)-VLOOKUP(Y$1,városok!$A$2:$C$346,2,0))^2+(VLOOKUP($A341,városok!$A$2:$C$346,3,0)-VLOOKUP(Y$1,városok!$A$2:$C$346,3,0))^2)/1000,0)</f>
        <v>146</v>
      </c>
      <c r="Z341">
        <f ca="1">ROUND(SQRT((VLOOKUP($A341,városok!$A$2:$C$346,2,0)-VLOOKUP(Z$1,városok!$A$2:$C$346,2,0))^2+(VLOOKUP($A341,városok!$A$2:$C$346,3,0)-VLOOKUP(Z$1,városok!$A$2:$C$346,3,0))^2)/1000,0)</f>
        <v>146</v>
      </c>
      <c r="AA341">
        <f ca="1">ROUND(SQRT((VLOOKUP($A341,városok!$A$2:$C$346,2,0)-VLOOKUP(AA$1,városok!$A$2:$C$346,2,0))^2+(VLOOKUP($A341,városok!$A$2:$C$346,3,0)-VLOOKUP(AA$1,városok!$A$2:$C$346,3,0))^2)/1000,0)</f>
        <v>141</v>
      </c>
      <c r="AB341">
        <f ca="1">ROUND(SQRT((VLOOKUP($A341,városok!$A$2:$C$346,2,0)-VLOOKUP(AB$1,városok!$A$2:$C$346,2,0))^2+(VLOOKUP($A341,városok!$A$2:$C$346,3,0)-VLOOKUP(AB$1,városok!$A$2:$C$346,3,0))^2)/1000,0)</f>
        <v>373</v>
      </c>
      <c r="AC341">
        <f ca="1">ROUND(SQRT((VLOOKUP($A341,városok!$A$2:$C$346,2,0)-VLOOKUP(AC$1,városok!$A$2:$C$346,2,0))^2+(VLOOKUP($A341,városok!$A$2:$C$346,3,0)-VLOOKUP(AC$1,városok!$A$2:$C$346,3,0))^2)/1000,0)</f>
        <v>353</v>
      </c>
      <c r="AD341">
        <f ca="1">ROUND(SQRT((VLOOKUP($A341,városok!$A$2:$C$346,2,0)-VLOOKUP(AD$1,városok!$A$2:$C$346,2,0))^2+(VLOOKUP($A341,városok!$A$2:$C$346,3,0)-VLOOKUP(AD$1,városok!$A$2:$C$346,3,0))^2)/1000,0)</f>
        <v>335</v>
      </c>
      <c r="AE341">
        <f ca="1">ROUND(SQRT((VLOOKUP($A341,városok!$A$2:$C$346,2,0)-VLOOKUP(AE$1,városok!$A$2:$C$346,2,0))^2+(VLOOKUP($A341,városok!$A$2:$C$346,3,0)-VLOOKUP(AE$1,városok!$A$2:$C$346,3,0))^2)/1000,0)</f>
        <v>331</v>
      </c>
      <c r="AF341">
        <f ca="1">ROUND(SQRT((VLOOKUP($A341,városok!$A$2:$C$346,2,0)-VLOOKUP(AF$1,városok!$A$2:$C$346,2,0))^2+(VLOOKUP($A341,városok!$A$2:$C$346,3,0)-VLOOKUP(AF$1,városok!$A$2:$C$346,3,0))^2)/1000,0)</f>
        <v>303</v>
      </c>
      <c r="AG341">
        <f ca="1">ROUND(SQRT((VLOOKUP($A341,városok!$A$2:$C$346,2,0)-VLOOKUP(AG$1,városok!$A$2:$C$346,2,0))^2+(VLOOKUP($A341,városok!$A$2:$C$346,3,0)-VLOOKUP(AG$1,városok!$A$2:$C$346,3,0))^2)/1000,0)</f>
        <v>267</v>
      </c>
      <c r="AH341">
        <f ca="1">ROUND(SQRT((VLOOKUP($A341,városok!$A$2:$C$346,2,0)-VLOOKUP(AH$1,városok!$A$2:$C$346,2,0))^2+(VLOOKUP($A341,városok!$A$2:$C$346,3,0)-VLOOKUP(AH$1,városok!$A$2:$C$346,3,0))^2)/1000,0)</f>
        <v>245</v>
      </c>
      <c r="AI341">
        <f ca="1">ROUND(SQRT((VLOOKUP($A341,városok!$A$2:$C$346,2,0)-VLOOKUP(AI$1,városok!$A$2:$C$346,2,0))^2+(VLOOKUP($A341,városok!$A$2:$C$346,3,0)-VLOOKUP(AI$1,városok!$A$2:$C$346,3,0))^2)/1000,0)</f>
        <v>293</v>
      </c>
      <c r="AJ341">
        <f ca="1">ROUND(SQRT((VLOOKUP($A341,városok!$A$2:$C$346,2,0)-VLOOKUP(AJ$1,városok!$A$2:$C$346,2,0))^2+(VLOOKUP($A341,városok!$A$2:$C$346,3,0)-VLOOKUP(AJ$1,városok!$A$2:$C$346,3,0))^2)/1000,0)</f>
        <v>263</v>
      </c>
      <c r="AK341">
        <f ca="1">ROUND(SQRT((VLOOKUP($A341,városok!$A$2:$C$346,2,0)-VLOOKUP(AK$1,városok!$A$2:$C$346,2,0))^2+(VLOOKUP($A341,városok!$A$2:$C$346,3,0)-VLOOKUP(AK$1,városok!$A$2:$C$346,3,0))^2)/1000,0)</f>
        <v>317</v>
      </c>
      <c r="AL341">
        <f ca="1">ROUND(SQRT((VLOOKUP($A341,városok!$A$2:$C$346,2,0)-VLOOKUP(AL$1,városok!$A$2:$C$346,2,0))^2+(VLOOKUP($A341,városok!$A$2:$C$346,3,0)-VLOOKUP(AL$1,városok!$A$2:$C$346,3,0))^2)/1000,0)</f>
        <v>295</v>
      </c>
      <c r="AM341">
        <f ca="1">ROUND(SQRT((VLOOKUP($A341,városok!$A$2:$C$346,2,0)-VLOOKUP(AM$1,városok!$A$2:$C$346,2,0))^2+(VLOOKUP($A341,városok!$A$2:$C$346,3,0)-VLOOKUP(AM$1,városok!$A$2:$C$346,3,0))^2)/1000,0)</f>
        <v>257</v>
      </c>
      <c r="AN341">
        <f ca="1">ROUND(SQRT((VLOOKUP($A341,városok!$A$2:$C$346,2,0)-VLOOKUP(AN$1,városok!$A$2:$C$346,2,0))^2+(VLOOKUP($A341,városok!$A$2:$C$346,3,0)-VLOOKUP(AN$1,városok!$A$2:$C$346,3,0))^2)/1000,0)</f>
        <v>200</v>
      </c>
      <c r="AO341">
        <f ca="1">ROUND(SQRT((VLOOKUP($A341,városok!$A$2:$C$346,2,0)-VLOOKUP(AO$1,városok!$A$2:$C$346,2,0))^2+(VLOOKUP($A341,városok!$A$2:$C$346,3,0)-VLOOKUP(AO$1,városok!$A$2:$C$346,3,0))^2)/1000,0)</f>
        <v>167</v>
      </c>
      <c r="AP341">
        <f ca="1">ROUND(SQRT((VLOOKUP($A341,városok!$A$2:$C$346,2,0)-VLOOKUP(AP$1,városok!$A$2:$C$346,2,0))^2+(VLOOKUP($A341,városok!$A$2:$C$346,3,0)-VLOOKUP(AP$1,városok!$A$2:$C$346,3,0))^2)/1000,0)</f>
        <v>167</v>
      </c>
      <c r="AQ341">
        <f ca="1">ROUND(SQRT((VLOOKUP($A341,városok!$A$2:$C$346,2,0)-VLOOKUP(AQ$1,városok!$A$2:$C$346,2,0))^2+(VLOOKUP($A341,városok!$A$2:$C$346,3,0)-VLOOKUP(AQ$1,városok!$A$2:$C$346,3,0))^2)/1000,0)</f>
        <v>164</v>
      </c>
      <c r="AR341">
        <f ca="1">ROUND(SQRT((VLOOKUP($A341,városok!$A$2:$C$346,2,0)-VLOOKUP(AR$1,városok!$A$2:$C$346,2,0))^2+(VLOOKUP($A341,városok!$A$2:$C$346,3,0)-VLOOKUP(AR$1,városok!$A$2:$C$346,3,0))^2)/1000,0)</f>
        <v>262</v>
      </c>
      <c r="AS341">
        <f ca="1">ROUND(SQRT((VLOOKUP($A341,városok!$A$2:$C$346,2,0)-VLOOKUP(AS$1,városok!$A$2:$C$346,2,0))^2+(VLOOKUP($A341,városok!$A$2:$C$346,3,0)-VLOOKUP(AS$1,városok!$A$2:$C$346,3,0))^2)/1000,0)</f>
        <v>282</v>
      </c>
      <c r="AT341">
        <f ca="1">ROUND(SQRT((VLOOKUP($A341,városok!$A$2:$C$346,2,0)-VLOOKUP(AT$1,városok!$A$2:$C$346,2,0))^2+(VLOOKUP($A341,városok!$A$2:$C$346,3,0)-VLOOKUP(AT$1,városok!$A$2:$C$346,3,0))^2)/1000,0)</f>
        <v>179</v>
      </c>
      <c r="AU341">
        <f ca="1">ROUND(SQRT((VLOOKUP($A341,városok!$A$2:$C$346,2,0)-VLOOKUP(AU$1,városok!$A$2:$C$346,2,0))^2+(VLOOKUP($A341,városok!$A$2:$C$346,3,0)-VLOOKUP(AU$1,városok!$A$2:$C$346,3,0))^2)/1000,0)</f>
        <v>187</v>
      </c>
      <c r="AV341">
        <f ca="1">ROUND(SQRT((VLOOKUP($A341,városok!$A$2:$C$346,2,0)-VLOOKUP(AV$1,városok!$A$2:$C$346,2,0))^2+(VLOOKUP($A341,városok!$A$2:$C$346,3,0)-VLOOKUP(AV$1,városok!$A$2:$C$346,3,0))^2)/1000,0)</f>
        <v>183</v>
      </c>
      <c r="AW341">
        <f ca="1">ROUND(SQRT((VLOOKUP($A341,városok!$A$2:$C$346,2,0)-VLOOKUP(AW$1,városok!$A$2:$C$346,2,0))^2+(VLOOKUP($A341,városok!$A$2:$C$346,3,0)-VLOOKUP(AW$1,városok!$A$2:$C$346,3,0))^2)/1000,0)</f>
        <v>180</v>
      </c>
      <c r="AX341">
        <f ca="1">ROUND(SQRT((VLOOKUP($A341,városok!$A$2:$C$346,2,0)-VLOOKUP(AX$1,városok!$A$2:$C$346,2,0))^2+(VLOOKUP($A341,városok!$A$2:$C$346,3,0)-VLOOKUP(AX$1,városok!$A$2:$C$346,3,0))^2)/1000,0)</f>
        <v>223</v>
      </c>
      <c r="AY341">
        <f ca="1">ROUND(SQRT((VLOOKUP($A341,városok!$A$2:$C$346,2,0)-VLOOKUP(AY$1,városok!$A$2:$C$346,2,0))^2+(VLOOKUP($A341,városok!$A$2:$C$346,3,0)-VLOOKUP(AY$1,városok!$A$2:$C$346,3,0))^2)/1000,0)</f>
        <v>209</v>
      </c>
      <c r="AZ341">
        <f ca="1">ROUND(SQRT((VLOOKUP($A341,városok!$A$2:$C$346,2,0)-VLOOKUP(AZ$1,városok!$A$2:$C$346,2,0))^2+(VLOOKUP($A341,városok!$A$2:$C$346,3,0)-VLOOKUP(AZ$1,városok!$A$2:$C$346,3,0))^2)/1000,0)</f>
        <v>211</v>
      </c>
      <c r="BA341">
        <f ca="1">ROUND(SQRT((VLOOKUP($A341,városok!$A$2:$C$346,2,0)-VLOOKUP(BA$1,városok!$A$2:$C$346,2,0))^2+(VLOOKUP($A341,városok!$A$2:$C$346,3,0)-VLOOKUP(BA$1,városok!$A$2:$C$346,3,0))^2)/1000,0)</f>
        <v>66</v>
      </c>
      <c r="BB341">
        <f ca="1">ROUND(SQRT((VLOOKUP($A341,városok!$A$2:$C$346,2,0)-VLOOKUP(BB$1,városok!$A$2:$C$346,2,0))^2+(VLOOKUP($A341,városok!$A$2:$C$346,3,0)-VLOOKUP(BB$1,városok!$A$2:$C$346,3,0))^2)/1000,0)</f>
        <v>73</v>
      </c>
      <c r="BC341">
        <f ca="1">ROUND(SQRT((VLOOKUP($A341,városok!$A$2:$C$346,2,0)-VLOOKUP(BC$1,városok!$A$2:$C$346,2,0))^2+(VLOOKUP($A341,városok!$A$2:$C$346,3,0)-VLOOKUP(BC$1,városok!$A$2:$C$346,3,0))^2)/1000,0)</f>
        <v>63</v>
      </c>
      <c r="BD341">
        <f ca="1">ROUND(SQRT((VLOOKUP($A341,városok!$A$2:$C$346,2,0)-VLOOKUP(BD$1,városok!$A$2:$C$346,2,0))^2+(VLOOKUP($A341,városok!$A$2:$C$346,3,0)-VLOOKUP(BD$1,városok!$A$2:$C$346,3,0))^2)/1000,0)</f>
        <v>97</v>
      </c>
      <c r="BE341">
        <f ca="1">ROUND(SQRT((VLOOKUP($A341,városok!$A$2:$C$346,2,0)-VLOOKUP(BE$1,városok!$A$2:$C$346,2,0))^2+(VLOOKUP($A341,városok!$A$2:$C$346,3,0)-VLOOKUP(BE$1,városok!$A$2:$C$346,3,0))^2)/1000,0)</f>
        <v>457</v>
      </c>
      <c r="BF341">
        <f ca="1">ROUND(SQRT((VLOOKUP($A341,városok!$A$2:$C$346,2,0)-VLOOKUP(BF$1,városok!$A$2:$C$346,2,0))^2+(VLOOKUP($A341,városok!$A$2:$C$346,3,0)-VLOOKUP(BF$1,városok!$A$2:$C$346,3,0))^2)/1000,0)</f>
        <v>432</v>
      </c>
      <c r="BG341">
        <f ca="1">ROUND(SQRT((VLOOKUP($A341,városok!$A$2:$C$346,2,0)-VLOOKUP(BG$1,városok!$A$2:$C$346,2,0))^2+(VLOOKUP($A341,városok!$A$2:$C$346,3,0)-VLOOKUP(BG$1,városok!$A$2:$C$346,3,0))^2)/1000,0)</f>
        <v>386</v>
      </c>
      <c r="BH341">
        <f ca="1">ROUND(SQRT((VLOOKUP($A341,városok!$A$2:$C$346,2,0)-VLOOKUP(BH$1,városok!$A$2:$C$346,2,0))^2+(VLOOKUP($A341,városok!$A$2:$C$346,3,0)-VLOOKUP(BH$1,városok!$A$2:$C$346,3,0))^2)/1000,0)</f>
        <v>386</v>
      </c>
      <c r="BI341">
        <f ca="1">ROUND(SQRT((VLOOKUP($A341,városok!$A$2:$C$346,2,0)-VLOOKUP(BI$1,városok!$A$2:$C$346,2,0))^2+(VLOOKUP($A341,városok!$A$2:$C$346,3,0)-VLOOKUP(BI$1,városok!$A$2:$C$346,3,0))^2)/1000,0)</f>
        <v>125</v>
      </c>
      <c r="BJ341">
        <f ca="1">ROUND(SQRT((VLOOKUP($A341,városok!$A$2:$C$346,2,0)-VLOOKUP(BJ$1,városok!$A$2:$C$346,2,0))^2+(VLOOKUP($A341,városok!$A$2:$C$346,3,0)-VLOOKUP(BJ$1,városok!$A$2:$C$346,3,0))^2)/1000,0)</f>
        <v>114</v>
      </c>
      <c r="BK341">
        <f ca="1">ROUND(SQRT((VLOOKUP($A341,városok!$A$2:$C$346,2,0)-VLOOKUP(BK$1,városok!$A$2:$C$346,2,0))^2+(VLOOKUP($A341,városok!$A$2:$C$346,3,0)-VLOOKUP(BK$1,városok!$A$2:$C$346,3,0))^2)/1000,0)</f>
        <v>132</v>
      </c>
      <c r="BL341">
        <f ca="1">ROUND(SQRT((VLOOKUP($A341,városok!$A$2:$C$346,2,0)-VLOOKUP(BL$1,városok!$A$2:$C$346,2,0))^2+(VLOOKUP($A341,városok!$A$2:$C$346,3,0)-VLOOKUP(BL$1,városok!$A$2:$C$346,3,0))^2)/1000,0)</f>
        <v>70</v>
      </c>
      <c r="BM341">
        <f ca="1">ROUND(SQRT((VLOOKUP($A341,városok!$A$2:$C$346,2,0)-VLOOKUP(BM$1,városok!$A$2:$C$346,2,0))^2+(VLOOKUP($A341,városok!$A$2:$C$346,3,0)-VLOOKUP(BM$1,városok!$A$2:$C$346,3,0))^2)/1000,0)</f>
        <v>90</v>
      </c>
      <c r="BN341">
        <f ca="1">ROUND(SQRT((VLOOKUP($A341,városok!$A$2:$C$346,2,0)-VLOOKUP(BN$1,városok!$A$2:$C$346,2,0))^2+(VLOOKUP($A341,városok!$A$2:$C$346,3,0)-VLOOKUP(BN$1,városok!$A$2:$C$346,3,0))^2)/1000,0)</f>
        <v>92</v>
      </c>
      <c r="BO341">
        <f ca="1">ROUND(SQRT((VLOOKUP($A341,városok!$A$2:$C$346,2,0)-VLOOKUP(BO$1,városok!$A$2:$C$346,2,0))^2+(VLOOKUP($A341,városok!$A$2:$C$346,3,0)-VLOOKUP(BO$1,városok!$A$2:$C$346,3,0))^2)/1000,0)</f>
        <v>101</v>
      </c>
      <c r="BP341">
        <f ca="1">ROUND(SQRT((VLOOKUP($A341,városok!$A$2:$C$346,2,0)-VLOOKUP(BP$1,városok!$A$2:$C$346,2,0))^2+(VLOOKUP($A341,városok!$A$2:$C$346,3,0)-VLOOKUP(BP$1,városok!$A$2:$C$346,3,0))^2)/1000,0)</f>
        <v>107</v>
      </c>
      <c r="BQ341">
        <f ca="1">ROUND(SQRT((VLOOKUP($A341,városok!$A$2:$C$346,2,0)-VLOOKUP(BQ$1,városok!$A$2:$C$346,2,0))^2+(VLOOKUP($A341,városok!$A$2:$C$346,3,0)-VLOOKUP(BQ$1,városok!$A$2:$C$346,3,0))^2)/1000,0)</f>
        <v>100</v>
      </c>
      <c r="BR341">
        <f ca="1">ROUND(SQRT((VLOOKUP($A341,városok!$A$2:$C$346,2,0)-VLOOKUP(BR$1,városok!$A$2:$C$346,2,0))^2+(VLOOKUP($A341,városok!$A$2:$C$346,3,0)-VLOOKUP(BR$1,városok!$A$2:$C$346,3,0))^2)/1000,0)</f>
        <v>41</v>
      </c>
      <c r="BS341">
        <f ca="1">ROUND(SQRT((VLOOKUP($A341,városok!$A$2:$C$346,2,0)-VLOOKUP(BS$1,városok!$A$2:$C$346,2,0))^2+(VLOOKUP($A341,városok!$A$2:$C$346,3,0)-VLOOKUP(BS$1,városok!$A$2:$C$346,3,0))^2)/1000,0)</f>
        <v>0</v>
      </c>
      <c r="BT341">
        <f ca="1">ROUND(SQRT((VLOOKUP($A341,városok!$A$2:$C$346,2,0)-VLOOKUP(BT$1,városok!$A$2:$C$346,2,0))^2+(VLOOKUP($A341,városok!$A$2:$C$346,3,0)-VLOOKUP(BT$1,városok!$A$2:$C$346,3,0))^2)/1000,0)</f>
        <v>44</v>
      </c>
    </row>
    <row r="342" spans="1:72" x14ac:dyDescent="0.2">
      <c r="A342" t="str">
        <f>városok!A342</f>
        <v>Pacsa</v>
      </c>
      <c r="B342">
        <f ca="1">ROUND(SQRT((VLOOKUP($A342,városok!$A$2:$C$346,2,0)-VLOOKUP(B$1,városok!$A$2:$C$346,2,0))^2+(VLOOKUP($A342,városok!$A$2:$C$346,3,0)-VLOOKUP(B$1,városok!$A$2:$C$346,3,0))^2)/1000,0)</f>
        <v>161</v>
      </c>
      <c r="C342">
        <f ca="1">ROUND(SQRT((VLOOKUP($A342,városok!$A$2:$C$346,2,0)-VLOOKUP(C$1,városok!$A$2:$C$346,2,0))^2+(VLOOKUP($A342,városok!$A$2:$C$346,3,0)-VLOOKUP(C$1,városok!$A$2:$C$346,3,0))^2)/1000,0)</f>
        <v>152</v>
      </c>
      <c r="D342">
        <f ca="1">ROUND(SQRT((VLOOKUP($A342,városok!$A$2:$C$346,2,0)-VLOOKUP(D$1,városok!$A$2:$C$346,2,0))^2+(VLOOKUP($A342,városok!$A$2:$C$346,3,0)-VLOOKUP(D$1,városok!$A$2:$C$346,3,0))^2)/1000,0)</f>
        <v>205</v>
      </c>
      <c r="E342">
        <f ca="1">ROUND(SQRT((VLOOKUP($A342,városok!$A$2:$C$346,2,0)-VLOOKUP(E$1,városok!$A$2:$C$346,2,0))^2+(VLOOKUP($A342,városok!$A$2:$C$346,3,0)-VLOOKUP(E$1,városok!$A$2:$C$346,3,0))^2)/1000,0)</f>
        <v>112</v>
      </c>
      <c r="F342">
        <f ca="1">ROUND(SQRT((VLOOKUP($A342,városok!$A$2:$C$346,2,0)-VLOOKUP(F$1,városok!$A$2:$C$346,2,0))^2+(VLOOKUP($A342,városok!$A$2:$C$346,3,0)-VLOOKUP(F$1,városok!$A$2:$C$346,3,0))^2)/1000,0)</f>
        <v>152</v>
      </c>
      <c r="G342">
        <f ca="1">ROUND(SQRT((VLOOKUP($A342,városok!$A$2:$C$346,2,0)-VLOOKUP(G$1,városok!$A$2:$C$346,2,0))^2+(VLOOKUP($A342,városok!$A$2:$C$346,3,0)-VLOOKUP(G$1,városok!$A$2:$C$346,3,0))^2)/1000,0)</f>
        <v>119</v>
      </c>
      <c r="H342">
        <f ca="1">ROUND(SQRT((VLOOKUP($A342,városok!$A$2:$C$346,2,0)-VLOOKUP(H$1,városok!$A$2:$C$346,2,0))^2+(VLOOKUP($A342,városok!$A$2:$C$346,3,0)-VLOOKUP(H$1,városok!$A$2:$C$346,3,0))^2)/1000,0)</f>
        <v>96</v>
      </c>
      <c r="I342">
        <f ca="1">ROUND(SQRT((VLOOKUP($A342,városok!$A$2:$C$346,2,0)-VLOOKUP(I$1,városok!$A$2:$C$346,2,0))^2+(VLOOKUP($A342,városok!$A$2:$C$346,3,0)-VLOOKUP(I$1,városok!$A$2:$C$346,3,0))^2)/1000,0)</f>
        <v>311</v>
      </c>
      <c r="J342">
        <f ca="1">ROUND(SQRT((VLOOKUP($A342,városok!$A$2:$C$346,2,0)-VLOOKUP(J$1,városok!$A$2:$C$346,2,0))^2+(VLOOKUP($A342,városok!$A$2:$C$346,3,0)-VLOOKUP(J$1,városok!$A$2:$C$346,3,0))^2)/1000,0)</f>
        <v>326</v>
      </c>
      <c r="K342">
        <f ca="1">ROUND(SQRT((VLOOKUP($A342,városok!$A$2:$C$346,2,0)-VLOOKUP(K$1,városok!$A$2:$C$346,2,0))^2+(VLOOKUP($A342,városok!$A$2:$C$346,3,0)-VLOOKUP(K$1,városok!$A$2:$C$346,3,0))^2)/1000,0)</f>
        <v>280</v>
      </c>
      <c r="L342">
        <f ca="1">ROUND(SQRT((VLOOKUP($A342,városok!$A$2:$C$346,2,0)-VLOOKUP(L$1,városok!$A$2:$C$346,2,0))^2+(VLOOKUP($A342,városok!$A$2:$C$346,3,0)-VLOOKUP(L$1,városok!$A$2:$C$346,3,0))^2)/1000,0)</f>
        <v>322</v>
      </c>
      <c r="M342">
        <f ca="1">ROUND(SQRT((VLOOKUP($A342,városok!$A$2:$C$346,2,0)-VLOOKUP(M$1,városok!$A$2:$C$346,2,0))^2+(VLOOKUP($A342,városok!$A$2:$C$346,3,0)-VLOOKUP(M$1,városok!$A$2:$C$346,3,0))^2)/1000,0)</f>
        <v>324</v>
      </c>
      <c r="N342">
        <f ca="1">ROUND(SQRT((VLOOKUP($A342,városok!$A$2:$C$346,2,0)-VLOOKUP(N$1,városok!$A$2:$C$346,2,0))^2+(VLOOKUP($A342,városok!$A$2:$C$346,3,0)-VLOOKUP(N$1,városok!$A$2:$C$346,3,0))^2)/1000,0)</f>
        <v>298</v>
      </c>
      <c r="O342">
        <f ca="1">ROUND(SQRT((VLOOKUP($A342,városok!$A$2:$C$346,2,0)-VLOOKUP(O$1,városok!$A$2:$C$346,2,0))^2+(VLOOKUP($A342,városok!$A$2:$C$346,3,0)-VLOOKUP(O$1,városok!$A$2:$C$346,3,0))^2)/1000,0)</f>
        <v>396</v>
      </c>
      <c r="P342">
        <f ca="1">ROUND(SQRT((VLOOKUP($A342,városok!$A$2:$C$346,2,0)-VLOOKUP(P$1,városok!$A$2:$C$346,2,0))^2+(VLOOKUP($A342,városok!$A$2:$C$346,3,0)-VLOOKUP(P$1,városok!$A$2:$C$346,3,0))^2)/1000,0)</f>
        <v>396</v>
      </c>
      <c r="Q342">
        <f ca="1">ROUND(SQRT((VLOOKUP($A342,városok!$A$2:$C$346,2,0)-VLOOKUP(Q$1,városok!$A$2:$C$346,2,0))^2+(VLOOKUP($A342,városok!$A$2:$C$346,3,0)-VLOOKUP(Q$1,városok!$A$2:$C$346,3,0))^2)/1000,0)</f>
        <v>256</v>
      </c>
      <c r="R342">
        <f ca="1">ROUND(SQRT((VLOOKUP($A342,városok!$A$2:$C$346,2,0)-VLOOKUP(R$1,városok!$A$2:$C$346,2,0))^2+(VLOOKUP($A342,városok!$A$2:$C$346,3,0)-VLOOKUP(R$1,városok!$A$2:$C$346,3,0))^2)/1000,0)</f>
        <v>272</v>
      </c>
      <c r="S342">
        <f ca="1">ROUND(SQRT((VLOOKUP($A342,városok!$A$2:$C$346,2,0)-VLOOKUP(S$1,városok!$A$2:$C$346,2,0))^2+(VLOOKUP($A342,városok!$A$2:$C$346,3,0)-VLOOKUP(S$1,városok!$A$2:$C$346,3,0))^2)/1000,0)</f>
        <v>247</v>
      </c>
      <c r="T342">
        <f ca="1">ROUND(SQRT((VLOOKUP($A342,városok!$A$2:$C$346,2,0)-VLOOKUP(T$1,városok!$A$2:$C$346,2,0))^2+(VLOOKUP($A342,városok!$A$2:$C$346,3,0)-VLOOKUP(T$1,városok!$A$2:$C$346,3,0))^2)/1000,0)</f>
        <v>150</v>
      </c>
      <c r="U342">
        <f ca="1">ROUND(SQRT((VLOOKUP($A342,városok!$A$2:$C$346,2,0)-VLOOKUP(U$1,városok!$A$2:$C$346,2,0))^2+(VLOOKUP($A342,városok!$A$2:$C$346,3,0)-VLOOKUP(U$1,városok!$A$2:$C$346,3,0))^2)/1000,0)</f>
        <v>149</v>
      </c>
      <c r="V342">
        <f ca="1">ROUND(SQRT((VLOOKUP($A342,városok!$A$2:$C$346,2,0)-VLOOKUP(V$1,városok!$A$2:$C$346,2,0))^2+(VLOOKUP($A342,városok!$A$2:$C$346,3,0)-VLOOKUP(V$1,városok!$A$2:$C$346,3,0))^2)/1000,0)</f>
        <v>105</v>
      </c>
      <c r="W342">
        <f ca="1">ROUND(SQRT((VLOOKUP($A342,városok!$A$2:$C$346,2,0)-VLOOKUP(W$1,városok!$A$2:$C$346,2,0))^2+(VLOOKUP($A342,városok!$A$2:$C$346,3,0)-VLOOKUP(W$1,városok!$A$2:$C$346,3,0))^2)/1000,0)</f>
        <v>124</v>
      </c>
      <c r="X342">
        <f ca="1">ROUND(SQRT((VLOOKUP($A342,városok!$A$2:$C$346,2,0)-VLOOKUP(X$1,városok!$A$2:$C$346,2,0))^2+(VLOOKUP($A342,városok!$A$2:$C$346,3,0)-VLOOKUP(X$1,városok!$A$2:$C$346,3,0))^2)/1000,0)</f>
        <v>118</v>
      </c>
      <c r="Y342">
        <f ca="1">ROUND(SQRT((VLOOKUP($A342,városok!$A$2:$C$346,2,0)-VLOOKUP(Y$1,városok!$A$2:$C$346,2,0))^2+(VLOOKUP($A342,városok!$A$2:$C$346,3,0)-VLOOKUP(Y$1,városok!$A$2:$C$346,3,0))^2)/1000,0)</f>
        <v>118</v>
      </c>
      <c r="Z342">
        <f ca="1">ROUND(SQRT((VLOOKUP($A342,városok!$A$2:$C$346,2,0)-VLOOKUP(Z$1,városok!$A$2:$C$346,2,0))^2+(VLOOKUP($A342,városok!$A$2:$C$346,3,0)-VLOOKUP(Z$1,városok!$A$2:$C$346,3,0))^2)/1000,0)</f>
        <v>117</v>
      </c>
      <c r="AA342">
        <f ca="1">ROUND(SQRT((VLOOKUP($A342,városok!$A$2:$C$346,2,0)-VLOOKUP(AA$1,városok!$A$2:$C$346,2,0))^2+(VLOOKUP($A342,városok!$A$2:$C$346,3,0)-VLOOKUP(AA$1,városok!$A$2:$C$346,3,0))^2)/1000,0)</f>
        <v>112</v>
      </c>
      <c r="AB342">
        <f ca="1">ROUND(SQRT((VLOOKUP($A342,városok!$A$2:$C$346,2,0)-VLOOKUP(AB$1,városok!$A$2:$C$346,2,0))^2+(VLOOKUP($A342,városok!$A$2:$C$346,3,0)-VLOOKUP(AB$1,városok!$A$2:$C$346,3,0))^2)/1000,0)</f>
        <v>362</v>
      </c>
      <c r="AC342">
        <f ca="1">ROUND(SQRT((VLOOKUP($A342,városok!$A$2:$C$346,2,0)-VLOOKUP(AC$1,városok!$A$2:$C$346,2,0))^2+(VLOOKUP($A342,városok!$A$2:$C$346,3,0)-VLOOKUP(AC$1,városok!$A$2:$C$346,3,0))^2)/1000,0)</f>
        <v>342</v>
      </c>
      <c r="AD342">
        <f ca="1">ROUND(SQRT((VLOOKUP($A342,városok!$A$2:$C$346,2,0)-VLOOKUP(AD$1,városok!$A$2:$C$346,2,0))^2+(VLOOKUP($A342,városok!$A$2:$C$346,3,0)-VLOOKUP(AD$1,városok!$A$2:$C$346,3,0))^2)/1000,0)</f>
        <v>324</v>
      </c>
      <c r="AE342">
        <f ca="1">ROUND(SQRT((VLOOKUP($A342,városok!$A$2:$C$346,2,0)-VLOOKUP(AE$1,városok!$A$2:$C$346,2,0))^2+(VLOOKUP($A342,városok!$A$2:$C$346,3,0)-VLOOKUP(AE$1,városok!$A$2:$C$346,3,0))^2)/1000,0)</f>
        <v>322</v>
      </c>
      <c r="AF342">
        <f ca="1">ROUND(SQRT((VLOOKUP($A342,városok!$A$2:$C$346,2,0)-VLOOKUP(AF$1,városok!$A$2:$C$346,2,0))^2+(VLOOKUP($A342,városok!$A$2:$C$346,3,0)-VLOOKUP(AF$1,városok!$A$2:$C$346,3,0))^2)/1000,0)</f>
        <v>286</v>
      </c>
      <c r="AG342">
        <f ca="1">ROUND(SQRT((VLOOKUP($A342,városok!$A$2:$C$346,2,0)-VLOOKUP(AG$1,városok!$A$2:$C$346,2,0))^2+(VLOOKUP($A342,városok!$A$2:$C$346,3,0)-VLOOKUP(AG$1,városok!$A$2:$C$346,3,0))^2)/1000,0)</f>
        <v>250</v>
      </c>
      <c r="AH342">
        <f ca="1">ROUND(SQRT((VLOOKUP($A342,városok!$A$2:$C$346,2,0)-VLOOKUP(AH$1,városok!$A$2:$C$346,2,0))^2+(VLOOKUP($A342,városok!$A$2:$C$346,3,0)-VLOOKUP(AH$1,városok!$A$2:$C$346,3,0))^2)/1000,0)</f>
        <v>227</v>
      </c>
      <c r="AI342">
        <f ca="1">ROUND(SQRT((VLOOKUP($A342,városok!$A$2:$C$346,2,0)-VLOOKUP(AI$1,városok!$A$2:$C$346,2,0))^2+(VLOOKUP($A342,városok!$A$2:$C$346,3,0)-VLOOKUP(AI$1,városok!$A$2:$C$346,3,0))^2)/1000,0)</f>
        <v>274</v>
      </c>
      <c r="AJ342">
        <f ca="1">ROUND(SQRT((VLOOKUP($A342,városok!$A$2:$C$346,2,0)-VLOOKUP(AJ$1,városok!$A$2:$C$346,2,0))^2+(VLOOKUP($A342,városok!$A$2:$C$346,3,0)-VLOOKUP(AJ$1,városok!$A$2:$C$346,3,0))^2)/1000,0)</f>
        <v>247</v>
      </c>
      <c r="AK342">
        <f ca="1">ROUND(SQRT((VLOOKUP($A342,városok!$A$2:$C$346,2,0)-VLOOKUP(AK$1,városok!$A$2:$C$346,2,0))^2+(VLOOKUP($A342,városok!$A$2:$C$346,3,0)-VLOOKUP(AK$1,városok!$A$2:$C$346,3,0))^2)/1000,0)</f>
        <v>308</v>
      </c>
      <c r="AL342">
        <f ca="1">ROUND(SQRT((VLOOKUP($A342,városok!$A$2:$C$346,2,0)-VLOOKUP(AL$1,városok!$A$2:$C$346,2,0))^2+(VLOOKUP($A342,városok!$A$2:$C$346,3,0)-VLOOKUP(AL$1,városok!$A$2:$C$346,3,0))^2)/1000,0)</f>
        <v>284</v>
      </c>
      <c r="AM342">
        <f ca="1">ROUND(SQRT((VLOOKUP($A342,városok!$A$2:$C$346,2,0)-VLOOKUP(AM$1,városok!$A$2:$C$346,2,0))^2+(VLOOKUP($A342,városok!$A$2:$C$346,3,0)-VLOOKUP(AM$1,városok!$A$2:$C$346,3,0))^2)/1000,0)</f>
        <v>247</v>
      </c>
      <c r="AN342">
        <f ca="1">ROUND(SQRT((VLOOKUP($A342,városok!$A$2:$C$346,2,0)-VLOOKUP(AN$1,városok!$A$2:$C$346,2,0))^2+(VLOOKUP($A342,városok!$A$2:$C$346,3,0)-VLOOKUP(AN$1,városok!$A$2:$C$346,3,0))^2)/1000,0)</f>
        <v>177</v>
      </c>
      <c r="AO342">
        <f ca="1">ROUND(SQRT((VLOOKUP($A342,városok!$A$2:$C$346,2,0)-VLOOKUP(AO$1,városok!$A$2:$C$346,2,0))^2+(VLOOKUP($A342,városok!$A$2:$C$346,3,0)-VLOOKUP(AO$1,városok!$A$2:$C$346,3,0))^2)/1000,0)</f>
        <v>141</v>
      </c>
      <c r="AP342">
        <f ca="1">ROUND(SQRT((VLOOKUP($A342,városok!$A$2:$C$346,2,0)-VLOOKUP(AP$1,városok!$A$2:$C$346,2,0))^2+(VLOOKUP($A342,városok!$A$2:$C$346,3,0)-VLOOKUP(AP$1,városok!$A$2:$C$346,3,0))^2)/1000,0)</f>
        <v>143</v>
      </c>
      <c r="AQ342">
        <f ca="1">ROUND(SQRT((VLOOKUP($A342,városok!$A$2:$C$346,2,0)-VLOOKUP(AQ$1,városok!$A$2:$C$346,2,0))^2+(VLOOKUP($A342,városok!$A$2:$C$346,3,0)-VLOOKUP(AQ$1,városok!$A$2:$C$346,3,0))^2)/1000,0)</f>
        <v>142</v>
      </c>
      <c r="AR342">
        <f ca="1">ROUND(SQRT((VLOOKUP($A342,városok!$A$2:$C$346,2,0)-VLOOKUP(AR$1,városok!$A$2:$C$346,2,0))^2+(VLOOKUP($A342,városok!$A$2:$C$346,3,0)-VLOOKUP(AR$1,városok!$A$2:$C$346,3,0))^2)/1000,0)</f>
        <v>243</v>
      </c>
      <c r="AS342">
        <f ca="1">ROUND(SQRT((VLOOKUP($A342,városok!$A$2:$C$346,2,0)-VLOOKUP(AS$1,városok!$A$2:$C$346,2,0))^2+(VLOOKUP($A342,városok!$A$2:$C$346,3,0)-VLOOKUP(AS$1,városok!$A$2:$C$346,3,0))^2)/1000,0)</f>
        <v>262</v>
      </c>
      <c r="AT342">
        <f ca="1">ROUND(SQRT((VLOOKUP($A342,városok!$A$2:$C$346,2,0)-VLOOKUP(AT$1,városok!$A$2:$C$346,2,0))^2+(VLOOKUP($A342,városok!$A$2:$C$346,3,0)-VLOOKUP(AT$1,városok!$A$2:$C$346,3,0))^2)/1000,0)</f>
        <v>160</v>
      </c>
      <c r="AU342">
        <f ca="1">ROUND(SQRT((VLOOKUP($A342,városok!$A$2:$C$346,2,0)-VLOOKUP(AU$1,városok!$A$2:$C$346,2,0))^2+(VLOOKUP($A342,városok!$A$2:$C$346,3,0)-VLOOKUP(AU$1,városok!$A$2:$C$346,3,0))^2)/1000,0)</f>
        <v>169</v>
      </c>
      <c r="AV342">
        <f ca="1">ROUND(SQRT((VLOOKUP($A342,városok!$A$2:$C$346,2,0)-VLOOKUP(AV$1,városok!$A$2:$C$346,2,0))^2+(VLOOKUP($A342,városok!$A$2:$C$346,3,0)-VLOOKUP(AV$1,városok!$A$2:$C$346,3,0))^2)/1000,0)</f>
        <v>166</v>
      </c>
      <c r="AW342">
        <f ca="1">ROUND(SQRT((VLOOKUP($A342,városok!$A$2:$C$346,2,0)-VLOOKUP(AW$1,városok!$A$2:$C$346,2,0))^2+(VLOOKUP($A342,városok!$A$2:$C$346,3,0)-VLOOKUP(AW$1,városok!$A$2:$C$346,3,0))^2)/1000,0)</f>
        <v>162</v>
      </c>
      <c r="AX342">
        <f ca="1">ROUND(SQRT((VLOOKUP($A342,városok!$A$2:$C$346,2,0)-VLOOKUP(AX$1,városok!$A$2:$C$346,2,0))^2+(VLOOKUP($A342,városok!$A$2:$C$346,3,0)-VLOOKUP(AX$1,városok!$A$2:$C$346,3,0))^2)/1000,0)</f>
        <v>214</v>
      </c>
      <c r="AY342">
        <f ca="1">ROUND(SQRT((VLOOKUP($A342,városok!$A$2:$C$346,2,0)-VLOOKUP(AY$1,városok!$A$2:$C$346,2,0))^2+(VLOOKUP($A342,városok!$A$2:$C$346,3,0)-VLOOKUP(AY$1,városok!$A$2:$C$346,3,0))^2)/1000,0)</f>
        <v>189</v>
      </c>
      <c r="AZ342">
        <f ca="1">ROUND(SQRT((VLOOKUP($A342,városok!$A$2:$C$346,2,0)-VLOOKUP(AZ$1,városok!$A$2:$C$346,2,0))^2+(VLOOKUP($A342,városok!$A$2:$C$346,3,0)-VLOOKUP(AZ$1,városok!$A$2:$C$346,3,0))^2)/1000,0)</f>
        <v>190</v>
      </c>
      <c r="BA342">
        <f ca="1">ROUND(SQRT((VLOOKUP($A342,városok!$A$2:$C$346,2,0)-VLOOKUP(BA$1,városok!$A$2:$C$346,2,0))^2+(VLOOKUP($A342,városok!$A$2:$C$346,3,0)-VLOOKUP(BA$1,városok!$A$2:$C$346,3,0))^2)/1000,0)</f>
        <v>53</v>
      </c>
      <c r="BB342">
        <f ca="1">ROUND(SQRT((VLOOKUP($A342,városok!$A$2:$C$346,2,0)-VLOOKUP(BB$1,városok!$A$2:$C$346,2,0))^2+(VLOOKUP($A342,városok!$A$2:$C$346,3,0)-VLOOKUP(BB$1,városok!$A$2:$C$346,3,0))^2)/1000,0)</f>
        <v>74</v>
      </c>
      <c r="BC342">
        <f ca="1">ROUND(SQRT((VLOOKUP($A342,városok!$A$2:$C$346,2,0)-VLOOKUP(BC$1,városok!$A$2:$C$346,2,0))^2+(VLOOKUP($A342,városok!$A$2:$C$346,3,0)-VLOOKUP(BC$1,városok!$A$2:$C$346,3,0))^2)/1000,0)</f>
        <v>72</v>
      </c>
      <c r="BD342">
        <f ca="1">ROUND(SQRT((VLOOKUP($A342,városok!$A$2:$C$346,2,0)-VLOOKUP(BD$1,városok!$A$2:$C$346,2,0))^2+(VLOOKUP($A342,városok!$A$2:$C$346,3,0)-VLOOKUP(BD$1,városok!$A$2:$C$346,3,0))^2)/1000,0)</f>
        <v>83</v>
      </c>
      <c r="BE342">
        <f ca="1">ROUND(SQRT((VLOOKUP($A342,városok!$A$2:$C$346,2,0)-VLOOKUP(BE$1,városok!$A$2:$C$346,2,0))^2+(VLOOKUP($A342,városok!$A$2:$C$346,3,0)-VLOOKUP(BE$1,városok!$A$2:$C$346,3,0))^2)/1000,0)</f>
        <v>445</v>
      </c>
      <c r="BF342">
        <f ca="1">ROUND(SQRT((VLOOKUP($A342,városok!$A$2:$C$346,2,0)-VLOOKUP(BF$1,városok!$A$2:$C$346,2,0))^2+(VLOOKUP($A342,városok!$A$2:$C$346,3,0)-VLOOKUP(BF$1,városok!$A$2:$C$346,3,0))^2)/1000,0)</f>
        <v>416</v>
      </c>
      <c r="BG342">
        <f ca="1">ROUND(SQRT((VLOOKUP($A342,városok!$A$2:$C$346,2,0)-VLOOKUP(BG$1,városok!$A$2:$C$346,2,0))^2+(VLOOKUP($A342,városok!$A$2:$C$346,3,0)-VLOOKUP(BG$1,városok!$A$2:$C$346,3,0))^2)/1000,0)</f>
        <v>370</v>
      </c>
      <c r="BH342">
        <f ca="1">ROUND(SQRT((VLOOKUP($A342,városok!$A$2:$C$346,2,0)-VLOOKUP(BH$1,városok!$A$2:$C$346,2,0))^2+(VLOOKUP($A342,városok!$A$2:$C$346,3,0)-VLOOKUP(BH$1,városok!$A$2:$C$346,3,0))^2)/1000,0)</f>
        <v>370</v>
      </c>
      <c r="BI342">
        <f ca="1">ROUND(SQRT((VLOOKUP($A342,városok!$A$2:$C$346,2,0)-VLOOKUP(BI$1,városok!$A$2:$C$346,2,0))^2+(VLOOKUP($A342,városok!$A$2:$C$346,3,0)-VLOOKUP(BI$1,városok!$A$2:$C$346,3,0))^2)/1000,0)</f>
        <v>128</v>
      </c>
      <c r="BJ342">
        <f ca="1">ROUND(SQRT((VLOOKUP($A342,városok!$A$2:$C$346,2,0)-VLOOKUP(BJ$1,városok!$A$2:$C$346,2,0))^2+(VLOOKUP($A342,városok!$A$2:$C$346,3,0)-VLOOKUP(BJ$1,városok!$A$2:$C$346,3,0))^2)/1000,0)</f>
        <v>121</v>
      </c>
      <c r="BK342">
        <f ca="1">ROUND(SQRT((VLOOKUP($A342,városok!$A$2:$C$346,2,0)-VLOOKUP(BK$1,városok!$A$2:$C$346,2,0))^2+(VLOOKUP($A342,városok!$A$2:$C$346,3,0)-VLOOKUP(BK$1,városok!$A$2:$C$346,3,0))^2)/1000,0)</f>
        <v>136</v>
      </c>
      <c r="BL342">
        <f ca="1">ROUND(SQRT((VLOOKUP($A342,városok!$A$2:$C$346,2,0)-VLOOKUP(BL$1,városok!$A$2:$C$346,2,0))^2+(VLOOKUP($A342,városok!$A$2:$C$346,3,0)-VLOOKUP(BL$1,városok!$A$2:$C$346,3,0))^2)/1000,0)</f>
        <v>45</v>
      </c>
      <c r="BM342">
        <f ca="1">ROUND(SQRT((VLOOKUP($A342,városok!$A$2:$C$346,2,0)-VLOOKUP(BM$1,városok!$A$2:$C$346,2,0))^2+(VLOOKUP($A342,városok!$A$2:$C$346,3,0)-VLOOKUP(BM$1,városok!$A$2:$C$346,3,0))^2)/1000,0)</f>
        <v>60</v>
      </c>
      <c r="BN342">
        <f ca="1">ROUND(SQRT((VLOOKUP($A342,városok!$A$2:$C$346,2,0)-VLOOKUP(BN$1,városok!$A$2:$C$346,2,0))^2+(VLOOKUP($A342,városok!$A$2:$C$346,3,0)-VLOOKUP(BN$1,városok!$A$2:$C$346,3,0))^2)/1000,0)</f>
        <v>65</v>
      </c>
      <c r="BO342">
        <f ca="1">ROUND(SQRT((VLOOKUP($A342,városok!$A$2:$C$346,2,0)-VLOOKUP(BO$1,városok!$A$2:$C$346,2,0))^2+(VLOOKUP($A342,városok!$A$2:$C$346,3,0)-VLOOKUP(BO$1,városok!$A$2:$C$346,3,0))^2)/1000,0)</f>
        <v>84</v>
      </c>
      <c r="BP342">
        <f ca="1">ROUND(SQRT((VLOOKUP($A342,városok!$A$2:$C$346,2,0)-VLOOKUP(BP$1,városok!$A$2:$C$346,2,0))^2+(VLOOKUP($A342,városok!$A$2:$C$346,3,0)-VLOOKUP(BP$1,városok!$A$2:$C$346,3,0))^2)/1000,0)</f>
        <v>91</v>
      </c>
      <c r="BQ342">
        <f ca="1">ROUND(SQRT((VLOOKUP($A342,városok!$A$2:$C$346,2,0)-VLOOKUP(BQ$1,városok!$A$2:$C$346,2,0))^2+(VLOOKUP($A342,városok!$A$2:$C$346,3,0)-VLOOKUP(BQ$1,városok!$A$2:$C$346,3,0))^2)/1000,0)</f>
        <v>80</v>
      </c>
      <c r="BR342">
        <f ca="1">ROUND(SQRT((VLOOKUP($A342,városok!$A$2:$C$346,2,0)-VLOOKUP(BR$1,városok!$A$2:$C$346,2,0))^2+(VLOOKUP($A342,városok!$A$2:$C$346,3,0)-VLOOKUP(BR$1,városok!$A$2:$C$346,3,0))^2)/1000,0)</f>
        <v>19</v>
      </c>
      <c r="BS342">
        <f ca="1">ROUND(SQRT((VLOOKUP($A342,városok!$A$2:$C$346,2,0)-VLOOKUP(BS$1,városok!$A$2:$C$346,2,0))^2+(VLOOKUP($A342,városok!$A$2:$C$346,3,0)-VLOOKUP(BS$1,városok!$A$2:$C$346,3,0))^2)/1000,0)</f>
        <v>30</v>
      </c>
      <c r="BT342">
        <f ca="1">ROUND(SQRT((VLOOKUP($A342,városok!$A$2:$C$346,2,0)-VLOOKUP(BT$1,városok!$A$2:$C$346,2,0))^2+(VLOOKUP($A342,városok!$A$2:$C$346,3,0)-VLOOKUP(BT$1,városok!$A$2:$C$346,3,0))^2)/1000,0)</f>
        <v>19</v>
      </c>
    </row>
    <row r="343" spans="1:72" x14ac:dyDescent="0.2">
      <c r="A343" t="str">
        <f>városok!A343</f>
        <v>Zalaegerszeg</v>
      </c>
      <c r="B343">
        <f ca="1">ROUND(SQRT((VLOOKUP($A343,városok!$A$2:$C$346,2,0)-VLOOKUP(B$1,városok!$A$2:$C$346,2,0))^2+(VLOOKUP($A343,városok!$A$2:$C$346,3,0)-VLOOKUP(B$1,városok!$A$2:$C$346,3,0))^2)/1000,0)</f>
        <v>178</v>
      </c>
      <c r="C343">
        <f ca="1">ROUND(SQRT((VLOOKUP($A343,városok!$A$2:$C$346,2,0)-VLOOKUP(C$1,városok!$A$2:$C$346,2,0))^2+(VLOOKUP($A343,városok!$A$2:$C$346,3,0)-VLOOKUP(C$1,városok!$A$2:$C$346,3,0))^2)/1000,0)</f>
        <v>167</v>
      </c>
      <c r="D343">
        <f ca="1">ROUND(SQRT((VLOOKUP($A343,városok!$A$2:$C$346,2,0)-VLOOKUP(D$1,városok!$A$2:$C$346,2,0))^2+(VLOOKUP($A343,városok!$A$2:$C$346,3,0)-VLOOKUP(D$1,városok!$A$2:$C$346,3,0))^2)/1000,0)</f>
        <v>217</v>
      </c>
      <c r="E343">
        <f ca="1">ROUND(SQRT((VLOOKUP($A343,városok!$A$2:$C$346,2,0)-VLOOKUP(E$1,városok!$A$2:$C$346,2,0))^2+(VLOOKUP($A343,városok!$A$2:$C$346,3,0)-VLOOKUP(E$1,városok!$A$2:$C$346,3,0))^2)/1000,0)</f>
        <v>131</v>
      </c>
      <c r="F343">
        <f ca="1">ROUND(SQRT((VLOOKUP($A343,városok!$A$2:$C$346,2,0)-VLOOKUP(F$1,városok!$A$2:$C$346,2,0))^2+(VLOOKUP($A343,városok!$A$2:$C$346,3,0)-VLOOKUP(F$1,városok!$A$2:$C$346,3,0))^2)/1000,0)</f>
        <v>170</v>
      </c>
      <c r="G343">
        <f ca="1">ROUND(SQRT((VLOOKUP($A343,városok!$A$2:$C$346,2,0)-VLOOKUP(G$1,városok!$A$2:$C$346,2,0))^2+(VLOOKUP($A343,városok!$A$2:$C$346,3,0)-VLOOKUP(G$1,városok!$A$2:$C$346,3,0))^2)/1000,0)</f>
        <v>137</v>
      </c>
      <c r="H343">
        <f ca="1">ROUND(SQRT((VLOOKUP($A343,városok!$A$2:$C$346,2,0)-VLOOKUP(H$1,városok!$A$2:$C$346,2,0))^2+(VLOOKUP($A343,városok!$A$2:$C$346,3,0)-VLOOKUP(H$1,városok!$A$2:$C$346,3,0))^2)/1000,0)</f>
        <v>114</v>
      </c>
      <c r="I343">
        <f ca="1">ROUND(SQRT((VLOOKUP($A343,városok!$A$2:$C$346,2,0)-VLOOKUP(I$1,városok!$A$2:$C$346,2,0))^2+(VLOOKUP($A343,városok!$A$2:$C$346,3,0)-VLOOKUP(I$1,városok!$A$2:$C$346,3,0))^2)/1000,0)</f>
        <v>324</v>
      </c>
      <c r="J343">
        <f ca="1">ROUND(SQRT((VLOOKUP($A343,városok!$A$2:$C$346,2,0)-VLOOKUP(J$1,városok!$A$2:$C$346,2,0))^2+(VLOOKUP($A343,városok!$A$2:$C$346,3,0)-VLOOKUP(J$1,városok!$A$2:$C$346,3,0))^2)/1000,0)</f>
        <v>339</v>
      </c>
      <c r="K343">
        <f ca="1">ROUND(SQRT((VLOOKUP($A343,városok!$A$2:$C$346,2,0)-VLOOKUP(K$1,városok!$A$2:$C$346,2,0))^2+(VLOOKUP($A343,városok!$A$2:$C$346,3,0)-VLOOKUP(K$1,városok!$A$2:$C$346,3,0))^2)/1000,0)</f>
        <v>294</v>
      </c>
      <c r="L343">
        <f ca="1">ROUND(SQRT((VLOOKUP($A343,városok!$A$2:$C$346,2,0)-VLOOKUP(L$1,városok!$A$2:$C$346,2,0))^2+(VLOOKUP($A343,városok!$A$2:$C$346,3,0)-VLOOKUP(L$1,városok!$A$2:$C$346,3,0))^2)/1000,0)</f>
        <v>326</v>
      </c>
      <c r="M343">
        <f ca="1">ROUND(SQRT((VLOOKUP($A343,városok!$A$2:$C$346,2,0)-VLOOKUP(M$1,városok!$A$2:$C$346,2,0))^2+(VLOOKUP($A343,városok!$A$2:$C$346,3,0)-VLOOKUP(M$1,városok!$A$2:$C$346,3,0))^2)/1000,0)</f>
        <v>330</v>
      </c>
      <c r="N343">
        <f ca="1">ROUND(SQRT((VLOOKUP($A343,városok!$A$2:$C$346,2,0)-VLOOKUP(N$1,városok!$A$2:$C$346,2,0))^2+(VLOOKUP($A343,városok!$A$2:$C$346,3,0)-VLOOKUP(N$1,városok!$A$2:$C$346,3,0))^2)/1000,0)</f>
        <v>302</v>
      </c>
      <c r="O343">
        <f ca="1">ROUND(SQRT((VLOOKUP($A343,városok!$A$2:$C$346,2,0)-VLOOKUP(O$1,városok!$A$2:$C$346,2,0))^2+(VLOOKUP($A343,városok!$A$2:$C$346,3,0)-VLOOKUP(O$1,városok!$A$2:$C$346,3,0))^2)/1000,0)</f>
        <v>401</v>
      </c>
      <c r="P343">
        <f ca="1">ROUND(SQRT((VLOOKUP($A343,városok!$A$2:$C$346,2,0)-VLOOKUP(P$1,városok!$A$2:$C$346,2,0))^2+(VLOOKUP($A343,városok!$A$2:$C$346,3,0)-VLOOKUP(P$1,városok!$A$2:$C$346,3,0))^2)/1000,0)</f>
        <v>401</v>
      </c>
      <c r="Q343">
        <f ca="1">ROUND(SQRT((VLOOKUP($A343,városok!$A$2:$C$346,2,0)-VLOOKUP(Q$1,városok!$A$2:$C$346,2,0))^2+(VLOOKUP($A343,városok!$A$2:$C$346,3,0)-VLOOKUP(Q$1,városok!$A$2:$C$346,3,0))^2)/1000,0)</f>
        <v>271</v>
      </c>
      <c r="R343">
        <f ca="1">ROUND(SQRT((VLOOKUP($A343,városok!$A$2:$C$346,2,0)-VLOOKUP(R$1,városok!$A$2:$C$346,2,0))^2+(VLOOKUP($A343,városok!$A$2:$C$346,3,0)-VLOOKUP(R$1,városok!$A$2:$C$346,3,0))^2)/1000,0)</f>
        <v>287</v>
      </c>
      <c r="S343">
        <f ca="1">ROUND(SQRT((VLOOKUP($A343,városok!$A$2:$C$346,2,0)-VLOOKUP(S$1,városok!$A$2:$C$346,2,0))^2+(VLOOKUP($A343,városok!$A$2:$C$346,3,0)-VLOOKUP(S$1,városok!$A$2:$C$346,3,0))^2)/1000,0)</f>
        <v>263</v>
      </c>
      <c r="T343">
        <f ca="1">ROUND(SQRT((VLOOKUP($A343,városok!$A$2:$C$346,2,0)-VLOOKUP(T$1,városok!$A$2:$C$346,2,0))^2+(VLOOKUP($A343,városok!$A$2:$C$346,3,0)-VLOOKUP(T$1,városok!$A$2:$C$346,3,0))^2)/1000,0)</f>
        <v>154</v>
      </c>
      <c r="U343">
        <f ca="1">ROUND(SQRT((VLOOKUP($A343,városok!$A$2:$C$346,2,0)-VLOOKUP(U$1,városok!$A$2:$C$346,2,0))^2+(VLOOKUP($A343,városok!$A$2:$C$346,3,0)-VLOOKUP(U$1,városok!$A$2:$C$346,3,0))^2)/1000,0)</f>
        <v>160</v>
      </c>
      <c r="V343">
        <f ca="1">ROUND(SQRT((VLOOKUP($A343,városok!$A$2:$C$346,2,0)-VLOOKUP(V$1,városok!$A$2:$C$346,2,0))^2+(VLOOKUP($A343,városok!$A$2:$C$346,3,0)-VLOOKUP(V$1,városok!$A$2:$C$346,3,0))^2)/1000,0)</f>
        <v>114</v>
      </c>
      <c r="W343">
        <f ca="1">ROUND(SQRT((VLOOKUP($A343,városok!$A$2:$C$346,2,0)-VLOOKUP(W$1,városok!$A$2:$C$346,2,0))^2+(VLOOKUP($A343,városok!$A$2:$C$346,3,0)-VLOOKUP(W$1,városok!$A$2:$C$346,3,0))^2)/1000,0)</f>
        <v>136</v>
      </c>
      <c r="X343">
        <f ca="1">ROUND(SQRT((VLOOKUP($A343,városok!$A$2:$C$346,2,0)-VLOOKUP(X$1,városok!$A$2:$C$346,2,0))^2+(VLOOKUP($A343,városok!$A$2:$C$346,3,0)-VLOOKUP(X$1,városok!$A$2:$C$346,3,0))^2)/1000,0)</f>
        <v>124</v>
      </c>
      <c r="Y343">
        <f ca="1">ROUND(SQRT((VLOOKUP($A343,városok!$A$2:$C$346,2,0)-VLOOKUP(Y$1,városok!$A$2:$C$346,2,0))^2+(VLOOKUP($A343,városok!$A$2:$C$346,3,0)-VLOOKUP(Y$1,városok!$A$2:$C$346,3,0))^2)/1000,0)</f>
        <v>112</v>
      </c>
      <c r="Z343">
        <f ca="1">ROUND(SQRT((VLOOKUP($A343,városok!$A$2:$C$346,2,0)-VLOOKUP(Z$1,városok!$A$2:$C$346,2,0))^2+(VLOOKUP($A343,városok!$A$2:$C$346,3,0)-VLOOKUP(Z$1,városok!$A$2:$C$346,3,0))^2)/1000,0)</f>
        <v>108</v>
      </c>
      <c r="AA343">
        <f ca="1">ROUND(SQRT((VLOOKUP($A343,városok!$A$2:$C$346,2,0)-VLOOKUP(AA$1,városok!$A$2:$C$346,2,0))^2+(VLOOKUP($A343,városok!$A$2:$C$346,3,0)-VLOOKUP(AA$1,városok!$A$2:$C$346,3,0))^2)/1000,0)</f>
        <v>96</v>
      </c>
      <c r="AB343">
        <f ca="1">ROUND(SQRT((VLOOKUP($A343,városok!$A$2:$C$346,2,0)-VLOOKUP(AB$1,városok!$A$2:$C$346,2,0))^2+(VLOOKUP($A343,városok!$A$2:$C$346,3,0)-VLOOKUP(AB$1,városok!$A$2:$C$346,3,0))^2)/1000,0)</f>
        <v>371</v>
      </c>
      <c r="AC343">
        <f ca="1">ROUND(SQRT((VLOOKUP($A343,városok!$A$2:$C$346,2,0)-VLOOKUP(AC$1,városok!$A$2:$C$346,2,0))^2+(VLOOKUP($A343,városok!$A$2:$C$346,3,0)-VLOOKUP(AC$1,városok!$A$2:$C$346,3,0))^2)/1000,0)</f>
        <v>352</v>
      </c>
      <c r="AD343">
        <f ca="1">ROUND(SQRT((VLOOKUP($A343,városok!$A$2:$C$346,2,0)-VLOOKUP(AD$1,városok!$A$2:$C$346,2,0))^2+(VLOOKUP($A343,városok!$A$2:$C$346,3,0)-VLOOKUP(AD$1,városok!$A$2:$C$346,3,0))^2)/1000,0)</f>
        <v>334</v>
      </c>
      <c r="AE343">
        <f ca="1">ROUND(SQRT((VLOOKUP($A343,városok!$A$2:$C$346,2,0)-VLOOKUP(AE$1,városok!$A$2:$C$346,2,0))^2+(VLOOKUP($A343,városok!$A$2:$C$346,3,0)-VLOOKUP(AE$1,városok!$A$2:$C$346,3,0))^2)/1000,0)</f>
        <v>332</v>
      </c>
      <c r="AF343">
        <f ca="1">ROUND(SQRT((VLOOKUP($A343,városok!$A$2:$C$346,2,0)-VLOOKUP(AF$1,városok!$A$2:$C$346,2,0))^2+(VLOOKUP($A343,városok!$A$2:$C$346,3,0)-VLOOKUP(AF$1,városok!$A$2:$C$346,3,0))^2)/1000,0)</f>
        <v>292</v>
      </c>
      <c r="AG343">
        <f ca="1">ROUND(SQRT((VLOOKUP($A343,városok!$A$2:$C$346,2,0)-VLOOKUP(AG$1,városok!$A$2:$C$346,2,0))^2+(VLOOKUP($A343,városok!$A$2:$C$346,3,0)-VLOOKUP(AG$1,városok!$A$2:$C$346,3,0))^2)/1000,0)</f>
        <v>256</v>
      </c>
      <c r="AH343">
        <f ca="1">ROUND(SQRT((VLOOKUP($A343,városok!$A$2:$C$346,2,0)-VLOOKUP(AH$1,városok!$A$2:$C$346,2,0))^2+(VLOOKUP($A343,városok!$A$2:$C$346,3,0)-VLOOKUP(AH$1,városok!$A$2:$C$346,3,0))^2)/1000,0)</f>
        <v>234</v>
      </c>
      <c r="AI343">
        <f ca="1">ROUND(SQRT((VLOOKUP($A343,városok!$A$2:$C$346,2,0)-VLOOKUP(AI$1,városok!$A$2:$C$346,2,0))^2+(VLOOKUP($A343,városok!$A$2:$C$346,3,0)-VLOOKUP(AI$1,városok!$A$2:$C$346,3,0))^2)/1000,0)</f>
        <v>279</v>
      </c>
      <c r="AJ343">
        <f ca="1">ROUND(SQRT((VLOOKUP($A343,városok!$A$2:$C$346,2,0)-VLOOKUP(AJ$1,városok!$A$2:$C$346,2,0))^2+(VLOOKUP($A343,városok!$A$2:$C$346,3,0)-VLOOKUP(AJ$1,városok!$A$2:$C$346,3,0))^2)/1000,0)</f>
        <v>254</v>
      </c>
      <c r="AK343">
        <f ca="1">ROUND(SQRT((VLOOKUP($A343,városok!$A$2:$C$346,2,0)-VLOOKUP(AK$1,városok!$A$2:$C$346,2,0))^2+(VLOOKUP($A343,városok!$A$2:$C$346,3,0)-VLOOKUP(AK$1,városok!$A$2:$C$346,3,0))^2)/1000,0)</f>
        <v>318</v>
      </c>
      <c r="AL343">
        <f ca="1">ROUND(SQRT((VLOOKUP($A343,városok!$A$2:$C$346,2,0)-VLOOKUP(AL$1,városok!$A$2:$C$346,2,0))^2+(VLOOKUP($A343,városok!$A$2:$C$346,3,0)-VLOOKUP(AL$1,városok!$A$2:$C$346,3,0))^2)/1000,0)</f>
        <v>293</v>
      </c>
      <c r="AM343">
        <f ca="1">ROUND(SQRT((VLOOKUP($A343,városok!$A$2:$C$346,2,0)-VLOOKUP(AM$1,városok!$A$2:$C$346,2,0))^2+(VLOOKUP($A343,városok!$A$2:$C$346,3,0)-VLOOKUP(AM$1,városok!$A$2:$C$346,3,0))^2)/1000,0)</f>
        <v>257</v>
      </c>
      <c r="AN343">
        <f ca="1">ROUND(SQRT((VLOOKUP($A343,városok!$A$2:$C$346,2,0)-VLOOKUP(AN$1,városok!$A$2:$C$346,2,0))^2+(VLOOKUP($A343,városok!$A$2:$C$346,3,0)-VLOOKUP(AN$1,városok!$A$2:$C$346,3,0))^2)/1000,0)</f>
        <v>179</v>
      </c>
      <c r="AO343">
        <f ca="1">ROUND(SQRT((VLOOKUP($A343,városok!$A$2:$C$346,2,0)-VLOOKUP(AO$1,városok!$A$2:$C$346,2,0))^2+(VLOOKUP($A343,városok!$A$2:$C$346,3,0)-VLOOKUP(AO$1,városok!$A$2:$C$346,3,0))^2)/1000,0)</f>
        <v>140</v>
      </c>
      <c r="AP343">
        <f ca="1">ROUND(SQRT((VLOOKUP($A343,városok!$A$2:$C$346,2,0)-VLOOKUP(AP$1,városok!$A$2:$C$346,2,0))^2+(VLOOKUP($A343,városok!$A$2:$C$346,3,0)-VLOOKUP(AP$1,városok!$A$2:$C$346,3,0))^2)/1000,0)</f>
        <v>144</v>
      </c>
      <c r="AQ343">
        <f ca="1">ROUND(SQRT((VLOOKUP($A343,városok!$A$2:$C$346,2,0)-VLOOKUP(AQ$1,városok!$A$2:$C$346,2,0))^2+(VLOOKUP($A343,városok!$A$2:$C$346,3,0)-VLOOKUP(AQ$1,városok!$A$2:$C$346,3,0))^2)/1000,0)</f>
        <v>144</v>
      </c>
      <c r="AR343">
        <f ca="1">ROUND(SQRT((VLOOKUP($A343,városok!$A$2:$C$346,2,0)-VLOOKUP(AR$1,városok!$A$2:$C$346,2,0))^2+(VLOOKUP($A343,városok!$A$2:$C$346,3,0)-VLOOKUP(AR$1,városok!$A$2:$C$346,3,0))^2)/1000,0)</f>
        <v>247</v>
      </c>
      <c r="AS343">
        <f ca="1">ROUND(SQRT((VLOOKUP($A343,városok!$A$2:$C$346,2,0)-VLOOKUP(AS$1,városok!$A$2:$C$346,2,0))^2+(VLOOKUP($A343,városok!$A$2:$C$346,3,0)-VLOOKUP(AS$1,városok!$A$2:$C$346,3,0))^2)/1000,0)</f>
        <v>265</v>
      </c>
      <c r="AT343">
        <f ca="1">ROUND(SQRT((VLOOKUP($A343,városok!$A$2:$C$346,2,0)-VLOOKUP(AT$1,városok!$A$2:$C$346,2,0))^2+(VLOOKUP($A343,városok!$A$2:$C$346,3,0)-VLOOKUP(AT$1,városok!$A$2:$C$346,3,0))^2)/1000,0)</f>
        <v>166</v>
      </c>
      <c r="AU343">
        <f ca="1">ROUND(SQRT((VLOOKUP($A343,városok!$A$2:$C$346,2,0)-VLOOKUP(AU$1,városok!$A$2:$C$346,2,0))^2+(VLOOKUP($A343,városok!$A$2:$C$346,3,0)-VLOOKUP(AU$1,városok!$A$2:$C$346,3,0))^2)/1000,0)</f>
        <v>175</v>
      </c>
      <c r="AV343">
        <f ca="1">ROUND(SQRT((VLOOKUP($A343,városok!$A$2:$C$346,2,0)-VLOOKUP(AV$1,városok!$A$2:$C$346,2,0))^2+(VLOOKUP($A343,városok!$A$2:$C$346,3,0)-VLOOKUP(AV$1,városok!$A$2:$C$346,3,0))^2)/1000,0)</f>
        <v>172</v>
      </c>
      <c r="AW343">
        <f ca="1">ROUND(SQRT((VLOOKUP($A343,városok!$A$2:$C$346,2,0)-VLOOKUP(AW$1,városok!$A$2:$C$346,2,0))^2+(VLOOKUP($A343,városok!$A$2:$C$346,3,0)-VLOOKUP(AW$1,városok!$A$2:$C$346,3,0))^2)/1000,0)</f>
        <v>169</v>
      </c>
      <c r="AX343">
        <f ca="1">ROUND(SQRT((VLOOKUP($A343,városok!$A$2:$C$346,2,0)-VLOOKUP(AX$1,városok!$A$2:$C$346,2,0))^2+(VLOOKUP($A343,városok!$A$2:$C$346,3,0)-VLOOKUP(AX$1,városok!$A$2:$C$346,3,0))^2)/1000,0)</f>
        <v>225</v>
      </c>
      <c r="AY343">
        <f ca="1">ROUND(SQRT((VLOOKUP($A343,városok!$A$2:$C$346,2,0)-VLOOKUP(AY$1,városok!$A$2:$C$346,2,0))^2+(VLOOKUP($A343,városok!$A$2:$C$346,3,0)-VLOOKUP(AY$1,városok!$A$2:$C$346,3,0))^2)/1000,0)</f>
        <v>193</v>
      </c>
      <c r="AZ343">
        <f ca="1">ROUND(SQRT((VLOOKUP($A343,városok!$A$2:$C$346,2,0)-VLOOKUP(AZ$1,városok!$A$2:$C$346,2,0))^2+(VLOOKUP($A343,városok!$A$2:$C$346,3,0)-VLOOKUP(AZ$1,városok!$A$2:$C$346,3,0))^2)/1000,0)</f>
        <v>193</v>
      </c>
      <c r="BA343">
        <f ca="1">ROUND(SQRT((VLOOKUP($A343,városok!$A$2:$C$346,2,0)-VLOOKUP(BA$1,városok!$A$2:$C$346,2,0))^2+(VLOOKUP($A343,városok!$A$2:$C$346,3,0)-VLOOKUP(BA$1,városok!$A$2:$C$346,3,0))^2)/1000,0)</f>
        <v>66</v>
      </c>
      <c r="BB343">
        <f ca="1">ROUND(SQRT((VLOOKUP($A343,városok!$A$2:$C$346,2,0)-VLOOKUP(BB$1,városok!$A$2:$C$346,2,0))^2+(VLOOKUP($A343,városok!$A$2:$C$346,3,0)-VLOOKUP(BB$1,városok!$A$2:$C$346,3,0))^2)/1000,0)</f>
        <v>90</v>
      </c>
      <c r="BC343">
        <f ca="1">ROUND(SQRT((VLOOKUP($A343,városok!$A$2:$C$346,2,0)-VLOOKUP(BC$1,városok!$A$2:$C$346,2,0))^2+(VLOOKUP($A343,városok!$A$2:$C$346,3,0)-VLOOKUP(BC$1,városok!$A$2:$C$346,3,0))^2)/1000,0)</f>
        <v>91</v>
      </c>
      <c r="BD343">
        <f ca="1">ROUND(SQRT((VLOOKUP($A343,városok!$A$2:$C$346,2,0)-VLOOKUP(BD$1,városok!$A$2:$C$346,2,0))^2+(VLOOKUP($A343,városok!$A$2:$C$346,3,0)-VLOOKUP(BD$1,városok!$A$2:$C$346,3,0))^2)/1000,0)</f>
        <v>94</v>
      </c>
      <c r="BE343">
        <f ca="1">ROUND(SQRT((VLOOKUP($A343,városok!$A$2:$C$346,2,0)-VLOOKUP(BE$1,városok!$A$2:$C$346,2,0))^2+(VLOOKUP($A343,városok!$A$2:$C$346,3,0)-VLOOKUP(BE$1,városok!$A$2:$C$346,3,0))^2)/1000,0)</f>
        <v>454</v>
      </c>
      <c r="BF343">
        <f ca="1">ROUND(SQRT((VLOOKUP($A343,városok!$A$2:$C$346,2,0)-VLOOKUP(BF$1,városok!$A$2:$C$346,2,0))^2+(VLOOKUP($A343,városok!$A$2:$C$346,3,0)-VLOOKUP(BF$1,városok!$A$2:$C$346,3,0))^2)/1000,0)</f>
        <v>423</v>
      </c>
      <c r="BG343">
        <f ca="1">ROUND(SQRT((VLOOKUP($A343,városok!$A$2:$C$346,2,0)-VLOOKUP(BG$1,városok!$A$2:$C$346,2,0))^2+(VLOOKUP($A343,városok!$A$2:$C$346,3,0)-VLOOKUP(BG$1,városok!$A$2:$C$346,3,0))^2)/1000,0)</f>
        <v>377</v>
      </c>
      <c r="BH343">
        <f ca="1">ROUND(SQRT((VLOOKUP($A343,városok!$A$2:$C$346,2,0)-VLOOKUP(BH$1,városok!$A$2:$C$346,2,0))^2+(VLOOKUP($A343,városok!$A$2:$C$346,3,0)-VLOOKUP(BH$1,városok!$A$2:$C$346,3,0))^2)/1000,0)</f>
        <v>377</v>
      </c>
      <c r="BI343">
        <f ca="1">ROUND(SQRT((VLOOKUP($A343,városok!$A$2:$C$346,2,0)-VLOOKUP(BI$1,városok!$A$2:$C$346,2,0))^2+(VLOOKUP($A343,városok!$A$2:$C$346,3,0)-VLOOKUP(BI$1,városok!$A$2:$C$346,3,0))^2)/1000,0)</f>
        <v>145</v>
      </c>
      <c r="BJ343">
        <f ca="1">ROUND(SQRT((VLOOKUP($A343,városok!$A$2:$C$346,2,0)-VLOOKUP(BJ$1,városok!$A$2:$C$346,2,0))^2+(VLOOKUP($A343,városok!$A$2:$C$346,3,0)-VLOOKUP(BJ$1,városok!$A$2:$C$346,3,0))^2)/1000,0)</f>
        <v>138</v>
      </c>
      <c r="BK343">
        <f ca="1">ROUND(SQRT((VLOOKUP($A343,városok!$A$2:$C$346,2,0)-VLOOKUP(BK$1,városok!$A$2:$C$346,2,0))^2+(VLOOKUP($A343,városok!$A$2:$C$346,3,0)-VLOOKUP(BK$1,városok!$A$2:$C$346,3,0))^2)/1000,0)</f>
        <v>152</v>
      </c>
      <c r="BL343">
        <f ca="1">ROUND(SQRT((VLOOKUP($A343,városok!$A$2:$C$346,2,0)-VLOOKUP(BL$1,városok!$A$2:$C$346,2,0))^2+(VLOOKUP($A343,városok!$A$2:$C$346,3,0)-VLOOKUP(BL$1,városok!$A$2:$C$346,3,0))^2)/1000,0)</f>
        <v>27</v>
      </c>
      <c r="BM343">
        <f ca="1">ROUND(SQRT((VLOOKUP($A343,városok!$A$2:$C$346,2,0)-VLOOKUP(BM$1,városok!$A$2:$C$346,2,0))^2+(VLOOKUP($A343,városok!$A$2:$C$346,3,0)-VLOOKUP(BM$1,városok!$A$2:$C$346,3,0))^2)/1000,0)</f>
        <v>47</v>
      </c>
      <c r="BN343">
        <f ca="1">ROUND(SQRT((VLOOKUP($A343,városok!$A$2:$C$346,2,0)-VLOOKUP(BN$1,városok!$A$2:$C$346,2,0))^2+(VLOOKUP($A343,városok!$A$2:$C$346,3,0)-VLOOKUP(BN$1,városok!$A$2:$C$346,3,0))^2)/1000,0)</f>
        <v>47</v>
      </c>
      <c r="BO343">
        <f ca="1">ROUND(SQRT((VLOOKUP($A343,városok!$A$2:$C$346,2,0)-VLOOKUP(BO$1,városok!$A$2:$C$346,2,0))^2+(VLOOKUP($A343,városok!$A$2:$C$346,3,0)-VLOOKUP(BO$1,városok!$A$2:$C$346,3,0))^2)/1000,0)</f>
        <v>92</v>
      </c>
      <c r="BP343">
        <f ca="1">ROUND(SQRT((VLOOKUP($A343,városok!$A$2:$C$346,2,0)-VLOOKUP(BP$1,városok!$A$2:$C$346,2,0))^2+(VLOOKUP($A343,városok!$A$2:$C$346,3,0)-VLOOKUP(BP$1,városok!$A$2:$C$346,3,0))^2)/1000,0)</f>
        <v>99</v>
      </c>
      <c r="BQ343">
        <f ca="1">ROUND(SQRT((VLOOKUP($A343,városok!$A$2:$C$346,2,0)-VLOOKUP(BQ$1,városok!$A$2:$C$346,2,0))^2+(VLOOKUP($A343,városok!$A$2:$C$346,3,0)-VLOOKUP(BQ$1,városok!$A$2:$C$346,3,0))^2)/1000,0)</f>
        <v>86</v>
      </c>
      <c r="BR343">
        <f ca="1">ROUND(SQRT((VLOOKUP($A343,városok!$A$2:$C$346,2,0)-VLOOKUP(BR$1,városok!$A$2:$C$346,2,0))^2+(VLOOKUP($A343,városok!$A$2:$C$346,3,0)-VLOOKUP(BR$1,városok!$A$2:$C$346,3,0))^2)/1000,0)</f>
        <v>32</v>
      </c>
      <c r="BS343">
        <f ca="1">ROUND(SQRT((VLOOKUP($A343,városok!$A$2:$C$346,2,0)-VLOOKUP(BS$1,városok!$A$2:$C$346,2,0))^2+(VLOOKUP($A343,városok!$A$2:$C$346,3,0)-VLOOKUP(BS$1,városok!$A$2:$C$346,3,0))^2)/1000,0)</f>
        <v>44</v>
      </c>
      <c r="BT343">
        <f ca="1">ROUND(SQRT((VLOOKUP($A343,városok!$A$2:$C$346,2,0)-VLOOKUP(BT$1,városok!$A$2:$C$346,2,0))^2+(VLOOKUP($A343,városok!$A$2:$C$346,3,0)-VLOOKUP(BT$1,városok!$A$2:$C$346,3,0))^2)/1000,0)</f>
        <v>0</v>
      </c>
    </row>
    <row r="344" spans="1:72" x14ac:dyDescent="0.2">
      <c r="A344" t="str">
        <f>városok!A344</f>
        <v>Zalakaros</v>
      </c>
      <c r="B344">
        <f ca="1">ROUND(SQRT((VLOOKUP($A344,városok!$A$2:$C$346,2,0)-VLOOKUP(B$1,városok!$A$2:$C$346,2,0))^2+(VLOOKUP($A344,városok!$A$2:$C$346,3,0)-VLOOKUP(B$1,városok!$A$2:$C$346,3,0))^2)/1000,0)</f>
        <v>147</v>
      </c>
      <c r="C344">
        <f ca="1">ROUND(SQRT((VLOOKUP($A344,városok!$A$2:$C$346,2,0)-VLOOKUP(C$1,városok!$A$2:$C$346,2,0))^2+(VLOOKUP($A344,városok!$A$2:$C$346,3,0)-VLOOKUP(C$1,városok!$A$2:$C$346,3,0))^2)/1000,0)</f>
        <v>142</v>
      </c>
      <c r="D344">
        <f ca="1">ROUND(SQRT((VLOOKUP($A344,városok!$A$2:$C$346,2,0)-VLOOKUP(D$1,városok!$A$2:$C$346,2,0))^2+(VLOOKUP($A344,városok!$A$2:$C$346,3,0)-VLOOKUP(D$1,városok!$A$2:$C$346,3,0))^2)/1000,0)</f>
        <v>200</v>
      </c>
      <c r="E344">
        <f ca="1">ROUND(SQRT((VLOOKUP($A344,városok!$A$2:$C$346,2,0)-VLOOKUP(E$1,városok!$A$2:$C$346,2,0))^2+(VLOOKUP($A344,városok!$A$2:$C$346,3,0)-VLOOKUP(E$1,városok!$A$2:$C$346,3,0))^2)/1000,0)</f>
        <v>97</v>
      </c>
      <c r="F344">
        <f ca="1">ROUND(SQRT((VLOOKUP($A344,városok!$A$2:$C$346,2,0)-VLOOKUP(F$1,városok!$A$2:$C$346,2,0))^2+(VLOOKUP($A344,városok!$A$2:$C$346,3,0)-VLOOKUP(F$1,városok!$A$2:$C$346,3,0))^2)/1000,0)</f>
        <v>136</v>
      </c>
      <c r="G344">
        <f ca="1">ROUND(SQRT((VLOOKUP($A344,városok!$A$2:$C$346,2,0)-VLOOKUP(G$1,városok!$A$2:$C$346,2,0))^2+(VLOOKUP($A344,városok!$A$2:$C$346,3,0)-VLOOKUP(G$1,városok!$A$2:$C$346,3,0))^2)/1000,0)</f>
        <v>102</v>
      </c>
      <c r="H344">
        <f ca="1">ROUND(SQRT((VLOOKUP($A344,városok!$A$2:$C$346,2,0)-VLOOKUP(H$1,városok!$A$2:$C$346,2,0))^2+(VLOOKUP($A344,városok!$A$2:$C$346,3,0)-VLOOKUP(H$1,városok!$A$2:$C$346,3,0))^2)/1000,0)</f>
        <v>77</v>
      </c>
      <c r="I344">
        <f ca="1">ROUND(SQRT((VLOOKUP($A344,városok!$A$2:$C$346,2,0)-VLOOKUP(I$1,városok!$A$2:$C$346,2,0))^2+(VLOOKUP($A344,városok!$A$2:$C$346,3,0)-VLOOKUP(I$1,városok!$A$2:$C$346,3,0))^2)/1000,0)</f>
        <v>303</v>
      </c>
      <c r="J344">
        <f ca="1">ROUND(SQRT((VLOOKUP($A344,városok!$A$2:$C$346,2,0)-VLOOKUP(J$1,városok!$A$2:$C$346,2,0))^2+(VLOOKUP($A344,városok!$A$2:$C$346,3,0)-VLOOKUP(J$1,városok!$A$2:$C$346,3,0))^2)/1000,0)</f>
        <v>318</v>
      </c>
      <c r="K344">
        <f ca="1">ROUND(SQRT((VLOOKUP($A344,városok!$A$2:$C$346,2,0)-VLOOKUP(K$1,városok!$A$2:$C$346,2,0))^2+(VLOOKUP($A344,városok!$A$2:$C$346,3,0)-VLOOKUP(K$1,városok!$A$2:$C$346,3,0))^2)/1000,0)</f>
        <v>272</v>
      </c>
      <c r="L344">
        <f ca="1">ROUND(SQRT((VLOOKUP($A344,városok!$A$2:$C$346,2,0)-VLOOKUP(L$1,városok!$A$2:$C$346,2,0))^2+(VLOOKUP($A344,városok!$A$2:$C$346,3,0)-VLOOKUP(L$1,városok!$A$2:$C$346,3,0))^2)/1000,0)</f>
        <v>325</v>
      </c>
      <c r="M344">
        <f ca="1">ROUND(SQRT((VLOOKUP($A344,városok!$A$2:$C$346,2,0)-VLOOKUP(M$1,városok!$A$2:$C$346,2,0))^2+(VLOOKUP($A344,városok!$A$2:$C$346,3,0)-VLOOKUP(M$1,városok!$A$2:$C$346,3,0))^2)/1000,0)</f>
        <v>326</v>
      </c>
      <c r="N344">
        <f ca="1">ROUND(SQRT((VLOOKUP($A344,városok!$A$2:$C$346,2,0)-VLOOKUP(N$1,városok!$A$2:$C$346,2,0))^2+(VLOOKUP($A344,városok!$A$2:$C$346,3,0)-VLOOKUP(N$1,városok!$A$2:$C$346,3,0))^2)/1000,0)</f>
        <v>302</v>
      </c>
      <c r="O344">
        <f ca="1">ROUND(SQRT((VLOOKUP($A344,városok!$A$2:$C$346,2,0)-VLOOKUP(O$1,városok!$A$2:$C$346,2,0))^2+(VLOOKUP($A344,városok!$A$2:$C$346,3,0)-VLOOKUP(O$1,városok!$A$2:$C$346,3,0))^2)/1000,0)</f>
        <v>398</v>
      </c>
      <c r="P344">
        <f ca="1">ROUND(SQRT((VLOOKUP($A344,városok!$A$2:$C$346,2,0)-VLOOKUP(P$1,városok!$A$2:$C$346,2,0))^2+(VLOOKUP($A344,városok!$A$2:$C$346,3,0)-VLOOKUP(P$1,városok!$A$2:$C$346,3,0))^2)/1000,0)</f>
        <v>398</v>
      </c>
      <c r="Q344">
        <f ca="1">ROUND(SQRT((VLOOKUP($A344,városok!$A$2:$C$346,2,0)-VLOOKUP(Q$1,városok!$A$2:$C$346,2,0))^2+(VLOOKUP($A344,városok!$A$2:$C$346,3,0)-VLOOKUP(Q$1,városok!$A$2:$C$346,3,0))^2)/1000,0)</f>
        <v>246</v>
      </c>
      <c r="R344">
        <f ca="1">ROUND(SQRT((VLOOKUP($A344,városok!$A$2:$C$346,2,0)-VLOOKUP(R$1,városok!$A$2:$C$346,2,0))^2+(VLOOKUP($A344,városok!$A$2:$C$346,3,0)-VLOOKUP(R$1,városok!$A$2:$C$346,3,0))^2)/1000,0)</f>
        <v>261</v>
      </c>
      <c r="S344">
        <f ca="1">ROUND(SQRT((VLOOKUP($A344,városok!$A$2:$C$346,2,0)-VLOOKUP(S$1,városok!$A$2:$C$346,2,0))^2+(VLOOKUP($A344,városok!$A$2:$C$346,3,0)-VLOOKUP(S$1,városok!$A$2:$C$346,3,0))^2)/1000,0)</f>
        <v>236</v>
      </c>
      <c r="T344">
        <f ca="1">ROUND(SQRT((VLOOKUP($A344,városok!$A$2:$C$346,2,0)-VLOOKUP(T$1,városok!$A$2:$C$346,2,0))^2+(VLOOKUP($A344,városok!$A$2:$C$346,3,0)-VLOOKUP(T$1,városok!$A$2:$C$346,3,0))^2)/1000,0)</f>
        <v>154</v>
      </c>
      <c r="U344">
        <f ca="1">ROUND(SQRT((VLOOKUP($A344,városok!$A$2:$C$346,2,0)-VLOOKUP(U$1,városok!$A$2:$C$346,2,0))^2+(VLOOKUP($A344,városok!$A$2:$C$346,3,0)-VLOOKUP(U$1,városok!$A$2:$C$346,3,0))^2)/1000,0)</f>
        <v>146</v>
      </c>
      <c r="V344">
        <f ca="1">ROUND(SQRT((VLOOKUP($A344,városok!$A$2:$C$346,2,0)-VLOOKUP(V$1,városok!$A$2:$C$346,2,0))^2+(VLOOKUP($A344,városok!$A$2:$C$346,3,0)-VLOOKUP(V$1,városok!$A$2:$C$346,3,0))^2)/1000,0)</f>
        <v>106</v>
      </c>
      <c r="W344">
        <f ca="1">ROUND(SQRT((VLOOKUP($A344,városok!$A$2:$C$346,2,0)-VLOOKUP(W$1,városok!$A$2:$C$346,2,0))^2+(VLOOKUP($A344,városok!$A$2:$C$346,3,0)-VLOOKUP(W$1,városok!$A$2:$C$346,3,0))^2)/1000,0)</f>
        <v>120</v>
      </c>
      <c r="X344">
        <f ca="1">ROUND(SQRT((VLOOKUP($A344,városok!$A$2:$C$346,2,0)-VLOOKUP(X$1,városok!$A$2:$C$346,2,0))^2+(VLOOKUP($A344,városok!$A$2:$C$346,3,0)-VLOOKUP(X$1,városok!$A$2:$C$346,3,0))^2)/1000,0)</f>
        <v>122</v>
      </c>
      <c r="Y344">
        <f ca="1">ROUND(SQRT((VLOOKUP($A344,városok!$A$2:$C$346,2,0)-VLOOKUP(Y$1,városok!$A$2:$C$346,2,0))^2+(VLOOKUP($A344,városok!$A$2:$C$346,3,0)-VLOOKUP(Y$1,városok!$A$2:$C$346,3,0))^2)/1000,0)</f>
        <v>131</v>
      </c>
      <c r="Z344">
        <f ca="1">ROUND(SQRT((VLOOKUP($A344,városok!$A$2:$C$346,2,0)-VLOOKUP(Z$1,városok!$A$2:$C$346,2,0))^2+(VLOOKUP($A344,városok!$A$2:$C$346,3,0)-VLOOKUP(Z$1,városok!$A$2:$C$346,3,0))^2)/1000,0)</f>
        <v>132</v>
      </c>
      <c r="AA344">
        <f ca="1">ROUND(SQRT((VLOOKUP($A344,városok!$A$2:$C$346,2,0)-VLOOKUP(AA$1,városok!$A$2:$C$346,2,0))^2+(VLOOKUP($A344,városok!$A$2:$C$346,3,0)-VLOOKUP(AA$1,városok!$A$2:$C$346,3,0))^2)/1000,0)</f>
        <v>132</v>
      </c>
      <c r="AB344">
        <f ca="1">ROUND(SQRT((VLOOKUP($A344,városok!$A$2:$C$346,2,0)-VLOOKUP(AB$1,városok!$A$2:$C$346,2,0))^2+(VLOOKUP($A344,városok!$A$2:$C$346,3,0)-VLOOKUP(AB$1,városok!$A$2:$C$346,3,0))^2)/1000,0)</f>
        <v>359</v>
      </c>
      <c r="AC344">
        <f ca="1">ROUND(SQRT((VLOOKUP($A344,városok!$A$2:$C$346,2,0)-VLOOKUP(AC$1,városok!$A$2:$C$346,2,0))^2+(VLOOKUP($A344,városok!$A$2:$C$346,3,0)-VLOOKUP(AC$1,városok!$A$2:$C$346,3,0))^2)/1000,0)</f>
        <v>339</v>
      </c>
      <c r="AD344">
        <f ca="1">ROUND(SQRT((VLOOKUP($A344,városok!$A$2:$C$346,2,0)-VLOOKUP(AD$1,városok!$A$2:$C$346,2,0))^2+(VLOOKUP($A344,városok!$A$2:$C$346,3,0)-VLOOKUP(AD$1,városok!$A$2:$C$346,3,0))^2)/1000,0)</f>
        <v>322</v>
      </c>
      <c r="AE344">
        <f ca="1">ROUND(SQRT((VLOOKUP($A344,városok!$A$2:$C$346,2,0)-VLOOKUP(AE$1,városok!$A$2:$C$346,2,0))^2+(VLOOKUP($A344,városok!$A$2:$C$346,3,0)-VLOOKUP(AE$1,városok!$A$2:$C$346,3,0))^2)/1000,0)</f>
        <v>318</v>
      </c>
      <c r="AF344">
        <f ca="1">ROUND(SQRT((VLOOKUP($A344,városok!$A$2:$C$346,2,0)-VLOOKUP(AF$1,városok!$A$2:$C$346,2,0))^2+(VLOOKUP($A344,városok!$A$2:$C$346,3,0)-VLOOKUP(AF$1,városok!$A$2:$C$346,3,0))^2)/1000,0)</f>
        <v>288</v>
      </c>
      <c r="AG344">
        <f ca="1">ROUND(SQRT((VLOOKUP($A344,városok!$A$2:$C$346,2,0)-VLOOKUP(AG$1,városok!$A$2:$C$346,2,0))^2+(VLOOKUP($A344,városok!$A$2:$C$346,3,0)-VLOOKUP(AG$1,városok!$A$2:$C$346,3,0))^2)/1000,0)</f>
        <v>252</v>
      </c>
      <c r="AH344">
        <f ca="1">ROUND(SQRT((VLOOKUP($A344,városok!$A$2:$C$346,2,0)-VLOOKUP(AH$1,városok!$A$2:$C$346,2,0))^2+(VLOOKUP($A344,városok!$A$2:$C$346,3,0)-VLOOKUP(AH$1,városok!$A$2:$C$346,3,0))^2)/1000,0)</f>
        <v>229</v>
      </c>
      <c r="AI344">
        <f ca="1">ROUND(SQRT((VLOOKUP($A344,városok!$A$2:$C$346,2,0)-VLOOKUP(AI$1,városok!$A$2:$C$346,2,0))^2+(VLOOKUP($A344,városok!$A$2:$C$346,3,0)-VLOOKUP(AI$1,városok!$A$2:$C$346,3,0))^2)/1000,0)</f>
        <v>277</v>
      </c>
      <c r="AJ344">
        <f ca="1">ROUND(SQRT((VLOOKUP($A344,városok!$A$2:$C$346,2,0)-VLOOKUP(AJ$1,városok!$A$2:$C$346,2,0))^2+(VLOOKUP($A344,városok!$A$2:$C$346,3,0)-VLOOKUP(AJ$1,városok!$A$2:$C$346,3,0))^2)/1000,0)</f>
        <v>248</v>
      </c>
      <c r="AK344">
        <f ca="1">ROUND(SQRT((VLOOKUP($A344,városok!$A$2:$C$346,2,0)-VLOOKUP(AK$1,városok!$A$2:$C$346,2,0))^2+(VLOOKUP($A344,városok!$A$2:$C$346,3,0)-VLOOKUP(AK$1,városok!$A$2:$C$346,3,0))^2)/1000,0)</f>
        <v>304</v>
      </c>
      <c r="AL344">
        <f ca="1">ROUND(SQRT((VLOOKUP($A344,városok!$A$2:$C$346,2,0)-VLOOKUP(AL$1,városok!$A$2:$C$346,2,0))^2+(VLOOKUP($A344,városok!$A$2:$C$346,3,0)-VLOOKUP(AL$1,városok!$A$2:$C$346,3,0))^2)/1000,0)</f>
        <v>281</v>
      </c>
      <c r="AM344">
        <f ca="1">ROUND(SQRT((VLOOKUP($A344,városok!$A$2:$C$346,2,0)-VLOOKUP(AM$1,városok!$A$2:$C$346,2,0))^2+(VLOOKUP($A344,városok!$A$2:$C$346,3,0)-VLOOKUP(AM$1,városok!$A$2:$C$346,3,0))^2)/1000,0)</f>
        <v>243</v>
      </c>
      <c r="AN344">
        <f ca="1">ROUND(SQRT((VLOOKUP($A344,városok!$A$2:$C$346,2,0)-VLOOKUP(AN$1,városok!$A$2:$C$346,2,0))^2+(VLOOKUP($A344,városok!$A$2:$C$346,3,0)-VLOOKUP(AN$1,városok!$A$2:$C$346,3,0))^2)/1000,0)</f>
        <v>184</v>
      </c>
      <c r="AO344">
        <f ca="1">ROUND(SQRT((VLOOKUP($A344,városok!$A$2:$C$346,2,0)-VLOOKUP(AO$1,városok!$A$2:$C$346,2,0))^2+(VLOOKUP($A344,városok!$A$2:$C$346,3,0)-VLOOKUP(AO$1,városok!$A$2:$C$346,3,0))^2)/1000,0)</f>
        <v>152</v>
      </c>
      <c r="AP344">
        <f ca="1">ROUND(SQRT((VLOOKUP($A344,városok!$A$2:$C$346,2,0)-VLOOKUP(AP$1,városok!$A$2:$C$346,2,0))^2+(VLOOKUP($A344,városok!$A$2:$C$346,3,0)-VLOOKUP(AP$1,városok!$A$2:$C$346,3,0))^2)/1000,0)</f>
        <v>152</v>
      </c>
      <c r="AQ344">
        <f ca="1">ROUND(SQRT((VLOOKUP($A344,városok!$A$2:$C$346,2,0)-VLOOKUP(AQ$1,városok!$A$2:$C$346,2,0))^2+(VLOOKUP($A344,városok!$A$2:$C$346,3,0)-VLOOKUP(AQ$1,városok!$A$2:$C$346,3,0))^2)/1000,0)</f>
        <v>149</v>
      </c>
      <c r="AR344">
        <f ca="1">ROUND(SQRT((VLOOKUP($A344,városok!$A$2:$C$346,2,0)-VLOOKUP(AR$1,városok!$A$2:$C$346,2,0))^2+(VLOOKUP($A344,városok!$A$2:$C$346,3,0)-VLOOKUP(AR$1,városok!$A$2:$C$346,3,0))^2)/1000,0)</f>
        <v>247</v>
      </c>
      <c r="AS344">
        <f ca="1">ROUND(SQRT((VLOOKUP($A344,városok!$A$2:$C$346,2,0)-VLOOKUP(AS$1,városok!$A$2:$C$346,2,0))^2+(VLOOKUP($A344,városok!$A$2:$C$346,3,0)-VLOOKUP(AS$1,városok!$A$2:$C$346,3,0))^2)/1000,0)</f>
        <v>267</v>
      </c>
      <c r="AT344">
        <f ca="1">ROUND(SQRT((VLOOKUP($A344,városok!$A$2:$C$346,2,0)-VLOOKUP(AT$1,városok!$A$2:$C$346,2,0))^2+(VLOOKUP($A344,városok!$A$2:$C$346,3,0)-VLOOKUP(AT$1,városok!$A$2:$C$346,3,0))^2)/1000,0)</f>
        <v>164</v>
      </c>
      <c r="AU344">
        <f ca="1">ROUND(SQRT((VLOOKUP($A344,városok!$A$2:$C$346,2,0)-VLOOKUP(AU$1,városok!$A$2:$C$346,2,0))^2+(VLOOKUP($A344,városok!$A$2:$C$346,3,0)-VLOOKUP(AU$1,városok!$A$2:$C$346,3,0))^2)/1000,0)</f>
        <v>172</v>
      </c>
      <c r="AV344">
        <f ca="1">ROUND(SQRT((VLOOKUP($A344,városok!$A$2:$C$346,2,0)-VLOOKUP(AV$1,városok!$A$2:$C$346,2,0))^2+(VLOOKUP($A344,városok!$A$2:$C$346,3,0)-VLOOKUP(AV$1,városok!$A$2:$C$346,3,0))^2)/1000,0)</f>
        <v>168</v>
      </c>
      <c r="AW344">
        <f ca="1">ROUND(SQRT((VLOOKUP($A344,városok!$A$2:$C$346,2,0)-VLOOKUP(AW$1,városok!$A$2:$C$346,2,0))^2+(VLOOKUP($A344,városok!$A$2:$C$346,3,0)-VLOOKUP(AW$1,városok!$A$2:$C$346,3,0))^2)/1000,0)</f>
        <v>165</v>
      </c>
      <c r="AX344">
        <f ca="1">ROUND(SQRT((VLOOKUP($A344,városok!$A$2:$C$346,2,0)-VLOOKUP(AX$1,városok!$A$2:$C$346,2,0))^2+(VLOOKUP($A344,városok!$A$2:$C$346,3,0)-VLOOKUP(AX$1,városok!$A$2:$C$346,3,0))^2)/1000,0)</f>
        <v>209</v>
      </c>
      <c r="AY344">
        <f ca="1">ROUND(SQRT((VLOOKUP($A344,városok!$A$2:$C$346,2,0)-VLOOKUP(AY$1,városok!$A$2:$C$346,2,0))^2+(VLOOKUP($A344,városok!$A$2:$C$346,3,0)-VLOOKUP(AY$1,városok!$A$2:$C$346,3,0))^2)/1000,0)</f>
        <v>193</v>
      </c>
      <c r="AZ344">
        <f ca="1">ROUND(SQRT((VLOOKUP($A344,városok!$A$2:$C$346,2,0)-VLOOKUP(AZ$1,városok!$A$2:$C$346,2,0))^2+(VLOOKUP($A344,városok!$A$2:$C$346,3,0)-VLOOKUP(AZ$1,városok!$A$2:$C$346,3,0))^2)/1000,0)</f>
        <v>195</v>
      </c>
      <c r="BA344">
        <f ca="1">ROUND(SQRT((VLOOKUP($A344,városok!$A$2:$C$346,2,0)-VLOOKUP(BA$1,városok!$A$2:$C$346,2,0))^2+(VLOOKUP($A344,városok!$A$2:$C$346,3,0)-VLOOKUP(BA$1,városok!$A$2:$C$346,3,0))^2)/1000,0)</f>
        <v>51</v>
      </c>
      <c r="BB344">
        <f ca="1">ROUND(SQRT((VLOOKUP($A344,városok!$A$2:$C$346,2,0)-VLOOKUP(BB$1,városok!$A$2:$C$346,2,0))^2+(VLOOKUP($A344,városok!$A$2:$C$346,3,0)-VLOOKUP(BB$1,városok!$A$2:$C$346,3,0))^2)/1000,0)</f>
        <v>63</v>
      </c>
      <c r="BC344">
        <f ca="1">ROUND(SQRT((VLOOKUP($A344,városok!$A$2:$C$346,2,0)-VLOOKUP(BC$1,városok!$A$2:$C$346,2,0))^2+(VLOOKUP($A344,városok!$A$2:$C$346,3,0)-VLOOKUP(BC$1,városok!$A$2:$C$346,3,0))^2)/1000,0)</f>
        <v>56</v>
      </c>
      <c r="BD344">
        <f ca="1">ROUND(SQRT((VLOOKUP($A344,városok!$A$2:$C$346,2,0)-VLOOKUP(BD$1,városok!$A$2:$C$346,2,0))^2+(VLOOKUP($A344,városok!$A$2:$C$346,3,0)-VLOOKUP(BD$1,városok!$A$2:$C$346,3,0))^2)/1000,0)</f>
        <v>82</v>
      </c>
      <c r="BE344">
        <f ca="1">ROUND(SQRT((VLOOKUP($A344,városok!$A$2:$C$346,2,0)-VLOOKUP(BE$1,városok!$A$2:$C$346,2,0))^2+(VLOOKUP($A344,városok!$A$2:$C$346,3,0)-VLOOKUP(BE$1,városok!$A$2:$C$346,3,0))^2)/1000,0)</f>
        <v>443</v>
      </c>
      <c r="BF344">
        <f ca="1">ROUND(SQRT((VLOOKUP($A344,városok!$A$2:$C$346,2,0)-VLOOKUP(BF$1,városok!$A$2:$C$346,2,0))^2+(VLOOKUP($A344,városok!$A$2:$C$346,3,0)-VLOOKUP(BF$1,városok!$A$2:$C$346,3,0))^2)/1000,0)</f>
        <v>417</v>
      </c>
      <c r="BG344">
        <f ca="1">ROUND(SQRT((VLOOKUP($A344,városok!$A$2:$C$346,2,0)-VLOOKUP(BG$1,városok!$A$2:$C$346,2,0))^2+(VLOOKUP($A344,városok!$A$2:$C$346,3,0)-VLOOKUP(BG$1,városok!$A$2:$C$346,3,0))^2)/1000,0)</f>
        <v>371</v>
      </c>
      <c r="BH344">
        <f ca="1">ROUND(SQRT((VLOOKUP($A344,városok!$A$2:$C$346,2,0)-VLOOKUP(BH$1,városok!$A$2:$C$346,2,0))^2+(VLOOKUP($A344,városok!$A$2:$C$346,3,0)-VLOOKUP(BH$1,városok!$A$2:$C$346,3,0))^2)/1000,0)</f>
        <v>371</v>
      </c>
      <c r="BI344">
        <f ca="1">ROUND(SQRT((VLOOKUP($A344,városok!$A$2:$C$346,2,0)-VLOOKUP(BI$1,városok!$A$2:$C$346,2,0))^2+(VLOOKUP($A344,városok!$A$2:$C$346,3,0)-VLOOKUP(BI$1,városok!$A$2:$C$346,3,0))^2)/1000,0)</f>
        <v>116</v>
      </c>
      <c r="BJ344">
        <f ca="1">ROUND(SQRT((VLOOKUP($A344,városok!$A$2:$C$346,2,0)-VLOOKUP(BJ$1,városok!$A$2:$C$346,2,0))^2+(VLOOKUP($A344,városok!$A$2:$C$346,3,0)-VLOOKUP(BJ$1,városok!$A$2:$C$346,3,0))^2)/1000,0)</f>
        <v>107</v>
      </c>
      <c r="BK344">
        <f ca="1">ROUND(SQRT((VLOOKUP($A344,városok!$A$2:$C$346,2,0)-VLOOKUP(BK$1,városok!$A$2:$C$346,2,0))^2+(VLOOKUP($A344,városok!$A$2:$C$346,3,0)-VLOOKUP(BK$1,városok!$A$2:$C$346,3,0))^2)/1000,0)</f>
        <v>123</v>
      </c>
      <c r="BL344">
        <f ca="1">ROUND(SQRT((VLOOKUP($A344,városok!$A$2:$C$346,2,0)-VLOOKUP(BL$1,városok!$A$2:$C$346,2,0))^2+(VLOOKUP($A344,városok!$A$2:$C$346,3,0)-VLOOKUP(BL$1,városok!$A$2:$C$346,3,0))^2)/1000,0)</f>
        <v>64</v>
      </c>
      <c r="BM344">
        <f ca="1">ROUND(SQRT((VLOOKUP($A344,városok!$A$2:$C$346,2,0)-VLOOKUP(BM$1,városok!$A$2:$C$346,2,0))^2+(VLOOKUP($A344,városok!$A$2:$C$346,3,0)-VLOOKUP(BM$1,városok!$A$2:$C$346,3,0))^2)/1000,0)</f>
        <v>79</v>
      </c>
      <c r="BN344">
        <f ca="1">ROUND(SQRT((VLOOKUP($A344,városok!$A$2:$C$346,2,0)-VLOOKUP(BN$1,városok!$A$2:$C$346,2,0))^2+(VLOOKUP($A344,városok!$A$2:$C$346,3,0)-VLOOKUP(BN$1,városok!$A$2:$C$346,3,0))^2)/1000,0)</f>
        <v>84</v>
      </c>
      <c r="BO344">
        <f ca="1">ROUND(SQRT((VLOOKUP($A344,városok!$A$2:$C$346,2,0)-VLOOKUP(BO$1,városok!$A$2:$C$346,2,0))^2+(VLOOKUP($A344,városok!$A$2:$C$346,3,0)-VLOOKUP(BO$1,városok!$A$2:$C$346,3,0))^2)/1000,0)</f>
        <v>86</v>
      </c>
      <c r="BP344">
        <f ca="1">ROUND(SQRT((VLOOKUP($A344,városok!$A$2:$C$346,2,0)-VLOOKUP(BP$1,városok!$A$2:$C$346,2,0))^2+(VLOOKUP($A344,városok!$A$2:$C$346,3,0)-VLOOKUP(BP$1,városok!$A$2:$C$346,3,0))^2)/1000,0)</f>
        <v>92</v>
      </c>
      <c r="BQ344">
        <f ca="1">ROUND(SQRT((VLOOKUP($A344,városok!$A$2:$C$346,2,0)-VLOOKUP(BQ$1,városok!$A$2:$C$346,2,0))^2+(VLOOKUP($A344,városok!$A$2:$C$346,3,0)-VLOOKUP(BQ$1,városok!$A$2:$C$346,3,0))^2)/1000,0)</f>
        <v>84</v>
      </c>
      <c r="BR344">
        <f ca="1">ROUND(SQRT((VLOOKUP($A344,városok!$A$2:$C$346,2,0)-VLOOKUP(BR$1,városok!$A$2:$C$346,2,0))^2+(VLOOKUP($A344,városok!$A$2:$C$346,3,0)-VLOOKUP(BR$1,városok!$A$2:$C$346,3,0))^2)/1000,0)</f>
        <v>25</v>
      </c>
      <c r="BS344">
        <f ca="1">ROUND(SQRT((VLOOKUP($A344,városok!$A$2:$C$346,2,0)-VLOOKUP(BS$1,városok!$A$2:$C$346,2,0))^2+(VLOOKUP($A344,városok!$A$2:$C$346,3,0)-VLOOKUP(BS$1,városok!$A$2:$C$346,3,0))^2)/1000,0)</f>
        <v>16</v>
      </c>
      <c r="BT344">
        <f ca="1">ROUND(SQRT((VLOOKUP($A344,városok!$A$2:$C$346,2,0)-VLOOKUP(BT$1,városok!$A$2:$C$346,2,0))^2+(VLOOKUP($A344,városok!$A$2:$C$346,3,0)-VLOOKUP(BT$1,városok!$A$2:$C$346,3,0))^2)/1000,0)</f>
        <v>38</v>
      </c>
    </row>
    <row r="345" spans="1:72" x14ac:dyDescent="0.2">
      <c r="A345" t="str">
        <f>városok!A345</f>
        <v>Zalalövő</v>
      </c>
      <c r="B345">
        <f ca="1">ROUND(SQRT((VLOOKUP($A345,városok!$A$2:$C$346,2,0)-VLOOKUP(B$1,városok!$A$2:$C$346,2,0))^2+(VLOOKUP($A345,városok!$A$2:$C$346,3,0)-VLOOKUP(B$1,városok!$A$2:$C$346,3,0))^2)/1000,0)</f>
        <v>196</v>
      </c>
      <c r="C345">
        <f ca="1">ROUND(SQRT((VLOOKUP($A345,városok!$A$2:$C$346,2,0)-VLOOKUP(C$1,városok!$A$2:$C$346,2,0))^2+(VLOOKUP($A345,városok!$A$2:$C$346,3,0)-VLOOKUP(C$1,városok!$A$2:$C$346,3,0))^2)/1000,0)</f>
        <v>185</v>
      </c>
      <c r="D345">
        <f ca="1">ROUND(SQRT((VLOOKUP($A345,városok!$A$2:$C$346,2,0)-VLOOKUP(D$1,városok!$A$2:$C$346,2,0))^2+(VLOOKUP($A345,városok!$A$2:$C$346,3,0)-VLOOKUP(D$1,városok!$A$2:$C$346,3,0))^2)/1000,0)</f>
        <v>236</v>
      </c>
      <c r="E345">
        <f ca="1">ROUND(SQRT((VLOOKUP($A345,városok!$A$2:$C$346,2,0)-VLOOKUP(E$1,városok!$A$2:$C$346,2,0))^2+(VLOOKUP($A345,városok!$A$2:$C$346,3,0)-VLOOKUP(E$1,városok!$A$2:$C$346,3,0))^2)/1000,0)</f>
        <v>147</v>
      </c>
      <c r="F345">
        <f ca="1">ROUND(SQRT((VLOOKUP($A345,városok!$A$2:$C$346,2,0)-VLOOKUP(F$1,városok!$A$2:$C$346,2,0))^2+(VLOOKUP($A345,városok!$A$2:$C$346,3,0)-VLOOKUP(F$1,városok!$A$2:$C$346,3,0))^2)/1000,0)</f>
        <v>187</v>
      </c>
      <c r="G345">
        <f ca="1">ROUND(SQRT((VLOOKUP($A345,városok!$A$2:$C$346,2,0)-VLOOKUP(G$1,városok!$A$2:$C$346,2,0))^2+(VLOOKUP($A345,városok!$A$2:$C$346,3,0)-VLOOKUP(G$1,városok!$A$2:$C$346,3,0))^2)/1000,0)</f>
        <v>153</v>
      </c>
      <c r="H345">
        <f ca="1">ROUND(SQRT((VLOOKUP($A345,városok!$A$2:$C$346,2,0)-VLOOKUP(H$1,városok!$A$2:$C$346,2,0))^2+(VLOOKUP($A345,városok!$A$2:$C$346,3,0)-VLOOKUP(H$1,városok!$A$2:$C$346,3,0))^2)/1000,0)</f>
        <v>128</v>
      </c>
      <c r="I345">
        <f ca="1">ROUND(SQRT((VLOOKUP($A345,városok!$A$2:$C$346,2,0)-VLOOKUP(I$1,városok!$A$2:$C$346,2,0))^2+(VLOOKUP($A345,városok!$A$2:$C$346,3,0)-VLOOKUP(I$1,városok!$A$2:$C$346,3,0))^2)/1000,0)</f>
        <v>343</v>
      </c>
      <c r="J345">
        <f ca="1">ROUND(SQRT((VLOOKUP($A345,városok!$A$2:$C$346,2,0)-VLOOKUP(J$1,városok!$A$2:$C$346,2,0))^2+(VLOOKUP($A345,városok!$A$2:$C$346,3,0)-VLOOKUP(J$1,városok!$A$2:$C$346,3,0))^2)/1000,0)</f>
        <v>358</v>
      </c>
      <c r="K345">
        <f ca="1">ROUND(SQRT((VLOOKUP($A345,városok!$A$2:$C$346,2,0)-VLOOKUP(K$1,városok!$A$2:$C$346,2,0))^2+(VLOOKUP($A345,városok!$A$2:$C$346,3,0)-VLOOKUP(K$1,városok!$A$2:$C$346,3,0))^2)/1000,0)</f>
        <v>313</v>
      </c>
      <c r="L345">
        <f ca="1">ROUND(SQRT((VLOOKUP($A345,városok!$A$2:$C$346,2,0)-VLOOKUP(L$1,városok!$A$2:$C$346,2,0))^2+(VLOOKUP($A345,városok!$A$2:$C$346,3,0)-VLOOKUP(L$1,városok!$A$2:$C$346,3,0))^2)/1000,0)</f>
        <v>342</v>
      </c>
      <c r="M345">
        <f ca="1">ROUND(SQRT((VLOOKUP($A345,városok!$A$2:$C$346,2,0)-VLOOKUP(M$1,városok!$A$2:$C$346,2,0))^2+(VLOOKUP($A345,városok!$A$2:$C$346,3,0)-VLOOKUP(M$1,városok!$A$2:$C$346,3,0))^2)/1000,0)</f>
        <v>346</v>
      </c>
      <c r="N345">
        <f ca="1">ROUND(SQRT((VLOOKUP($A345,városok!$A$2:$C$346,2,0)-VLOOKUP(N$1,városok!$A$2:$C$346,2,0))^2+(VLOOKUP($A345,városok!$A$2:$C$346,3,0)-VLOOKUP(N$1,városok!$A$2:$C$346,3,0))^2)/1000,0)</f>
        <v>317</v>
      </c>
      <c r="O345">
        <f ca="1">ROUND(SQRT((VLOOKUP($A345,városok!$A$2:$C$346,2,0)-VLOOKUP(O$1,városok!$A$2:$C$346,2,0))^2+(VLOOKUP($A345,városok!$A$2:$C$346,3,0)-VLOOKUP(O$1,városok!$A$2:$C$346,3,0))^2)/1000,0)</f>
        <v>417</v>
      </c>
      <c r="P345">
        <f ca="1">ROUND(SQRT((VLOOKUP($A345,városok!$A$2:$C$346,2,0)-VLOOKUP(P$1,városok!$A$2:$C$346,2,0))^2+(VLOOKUP($A345,városok!$A$2:$C$346,3,0)-VLOOKUP(P$1,városok!$A$2:$C$346,3,0))^2)/1000,0)</f>
        <v>417</v>
      </c>
      <c r="Q345">
        <f ca="1">ROUND(SQRT((VLOOKUP($A345,városok!$A$2:$C$346,2,0)-VLOOKUP(Q$1,városok!$A$2:$C$346,2,0))^2+(VLOOKUP($A345,városok!$A$2:$C$346,3,0)-VLOOKUP(Q$1,városok!$A$2:$C$346,3,0))^2)/1000,0)</f>
        <v>289</v>
      </c>
      <c r="R345">
        <f ca="1">ROUND(SQRT((VLOOKUP($A345,városok!$A$2:$C$346,2,0)-VLOOKUP(R$1,városok!$A$2:$C$346,2,0))^2+(VLOOKUP($A345,városok!$A$2:$C$346,3,0)-VLOOKUP(R$1,városok!$A$2:$C$346,3,0))^2)/1000,0)</f>
        <v>306</v>
      </c>
      <c r="S345">
        <f ca="1">ROUND(SQRT((VLOOKUP($A345,városok!$A$2:$C$346,2,0)-VLOOKUP(S$1,városok!$A$2:$C$346,2,0))^2+(VLOOKUP($A345,városok!$A$2:$C$346,3,0)-VLOOKUP(S$1,városok!$A$2:$C$346,3,0))^2)/1000,0)</f>
        <v>281</v>
      </c>
      <c r="T345">
        <f ca="1">ROUND(SQRT((VLOOKUP($A345,városok!$A$2:$C$346,2,0)-VLOOKUP(T$1,városok!$A$2:$C$346,2,0))^2+(VLOOKUP($A345,városok!$A$2:$C$346,3,0)-VLOOKUP(T$1,városok!$A$2:$C$346,3,0))^2)/1000,0)</f>
        <v>170</v>
      </c>
      <c r="U345">
        <f ca="1">ROUND(SQRT((VLOOKUP($A345,városok!$A$2:$C$346,2,0)-VLOOKUP(U$1,városok!$A$2:$C$346,2,0))^2+(VLOOKUP($A345,városok!$A$2:$C$346,3,0)-VLOOKUP(U$1,városok!$A$2:$C$346,3,0))^2)/1000,0)</f>
        <v>178</v>
      </c>
      <c r="V345">
        <f ca="1">ROUND(SQRT((VLOOKUP($A345,városok!$A$2:$C$346,2,0)-VLOOKUP(V$1,városok!$A$2:$C$346,2,0))^2+(VLOOKUP($A345,városok!$A$2:$C$346,3,0)-VLOOKUP(V$1,városok!$A$2:$C$346,3,0))^2)/1000,0)</f>
        <v>132</v>
      </c>
      <c r="W345">
        <f ca="1">ROUND(SQRT((VLOOKUP($A345,városok!$A$2:$C$346,2,0)-VLOOKUP(W$1,városok!$A$2:$C$346,2,0))^2+(VLOOKUP($A345,városok!$A$2:$C$346,3,0)-VLOOKUP(W$1,városok!$A$2:$C$346,3,0))^2)/1000,0)</f>
        <v>154</v>
      </c>
      <c r="X345">
        <f ca="1">ROUND(SQRT((VLOOKUP($A345,városok!$A$2:$C$346,2,0)-VLOOKUP(X$1,városok!$A$2:$C$346,2,0))^2+(VLOOKUP($A345,városok!$A$2:$C$346,3,0)-VLOOKUP(X$1,városok!$A$2:$C$346,3,0))^2)/1000,0)</f>
        <v>140</v>
      </c>
      <c r="Y345">
        <f ca="1">ROUND(SQRT((VLOOKUP($A345,városok!$A$2:$C$346,2,0)-VLOOKUP(Y$1,városok!$A$2:$C$346,2,0))^2+(VLOOKUP($A345,városok!$A$2:$C$346,3,0)-VLOOKUP(Y$1,városok!$A$2:$C$346,3,0))^2)/1000,0)</f>
        <v>122</v>
      </c>
      <c r="Z345">
        <f ca="1">ROUND(SQRT((VLOOKUP($A345,városok!$A$2:$C$346,2,0)-VLOOKUP(Z$1,városok!$A$2:$C$346,2,0))^2+(VLOOKUP($A345,városok!$A$2:$C$346,3,0)-VLOOKUP(Z$1,városok!$A$2:$C$346,3,0))^2)/1000,0)</f>
        <v>115</v>
      </c>
      <c r="AA345">
        <f ca="1">ROUND(SQRT((VLOOKUP($A345,városok!$A$2:$C$346,2,0)-VLOOKUP(AA$1,városok!$A$2:$C$346,2,0))^2+(VLOOKUP($A345,városok!$A$2:$C$346,3,0)-VLOOKUP(AA$1,városok!$A$2:$C$346,3,0))^2)/1000,0)</f>
        <v>93</v>
      </c>
      <c r="AB345">
        <f ca="1">ROUND(SQRT((VLOOKUP($A345,városok!$A$2:$C$346,2,0)-VLOOKUP(AB$1,városok!$A$2:$C$346,2,0))^2+(VLOOKUP($A345,városok!$A$2:$C$346,3,0)-VLOOKUP(AB$1,városok!$A$2:$C$346,3,0))^2)/1000,0)</f>
        <v>389</v>
      </c>
      <c r="AC345">
        <f ca="1">ROUND(SQRT((VLOOKUP($A345,városok!$A$2:$C$346,2,0)-VLOOKUP(AC$1,városok!$A$2:$C$346,2,0))^2+(VLOOKUP($A345,városok!$A$2:$C$346,3,0)-VLOOKUP(AC$1,városok!$A$2:$C$346,3,0))^2)/1000,0)</f>
        <v>370</v>
      </c>
      <c r="AD345">
        <f ca="1">ROUND(SQRT((VLOOKUP($A345,városok!$A$2:$C$346,2,0)-VLOOKUP(AD$1,városok!$A$2:$C$346,2,0))^2+(VLOOKUP($A345,városok!$A$2:$C$346,3,0)-VLOOKUP(AD$1,városok!$A$2:$C$346,3,0))^2)/1000,0)</f>
        <v>352</v>
      </c>
      <c r="AE345">
        <f ca="1">ROUND(SQRT((VLOOKUP($A345,városok!$A$2:$C$346,2,0)-VLOOKUP(AE$1,városok!$A$2:$C$346,2,0))^2+(VLOOKUP($A345,városok!$A$2:$C$346,3,0)-VLOOKUP(AE$1,városok!$A$2:$C$346,3,0))^2)/1000,0)</f>
        <v>350</v>
      </c>
      <c r="AF345">
        <f ca="1">ROUND(SQRT((VLOOKUP($A345,városok!$A$2:$C$346,2,0)-VLOOKUP(AF$1,városok!$A$2:$C$346,2,0))^2+(VLOOKUP($A345,városok!$A$2:$C$346,3,0)-VLOOKUP(AF$1,városok!$A$2:$C$346,3,0))^2)/1000,0)</f>
        <v>308</v>
      </c>
      <c r="AG345">
        <f ca="1">ROUND(SQRT((VLOOKUP($A345,városok!$A$2:$C$346,2,0)-VLOOKUP(AG$1,városok!$A$2:$C$346,2,0))^2+(VLOOKUP($A345,városok!$A$2:$C$346,3,0)-VLOOKUP(AG$1,városok!$A$2:$C$346,3,0))^2)/1000,0)</f>
        <v>272</v>
      </c>
      <c r="AH345">
        <f ca="1">ROUND(SQRT((VLOOKUP($A345,városok!$A$2:$C$346,2,0)-VLOOKUP(AH$1,városok!$A$2:$C$346,2,0))^2+(VLOOKUP($A345,városok!$A$2:$C$346,3,0)-VLOOKUP(AH$1,városok!$A$2:$C$346,3,0))^2)/1000,0)</f>
        <v>250</v>
      </c>
      <c r="AI345">
        <f ca="1">ROUND(SQRT((VLOOKUP($A345,városok!$A$2:$C$346,2,0)-VLOOKUP(AI$1,városok!$A$2:$C$346,2,0))^2+(VLOOKUP($A345,városok!$A$2:$C$346,3,0)-VLOOKUP(AI$1,városok!$A$2:$C$346,3,0))^2)/1000,0)</f>
        <v>294</v>
      </c>
      <c r="AJ345">
        <f ca="1">ROUND(SQRT((VLOOKUP($A345,városok!$A$2:$C$346,2,0)-VLOOKUP(AJ$1,városok!$A$2:$C$346,2,0))^2+(VLOOKUP($A345,városok!$A$2:$C$346,3,0)-VLOOKUP(AJ$1,városok!$A$2:$C$346,3,0))^2)/1000,0)</f>
        <v>271</v>
      </c>
      <c r="AK345">
        <f ca="1">ROUND(SQRT((VLOOKUP($A345,városok!$A$2:$C$346,2,0)-VLOOKUP(AK$1,városok!$A$2:$C$346,2,0))^2+(VLOOKUP($A345,városok!$A$2:$C$346,3,0)-VLOOKUP(AK$1,városok!$A$2:$C$346,3,0))^2)/1000,0)</f>
        <v>336</v>
      </c>
      <c r="AL345">
        <f ca="1">ROUND(SQRT((VLOOKUP($A345,városok!$A$2:$C$346,2,0)-VLOOKUP(AL$1,városok!$A$2:$C$346,2,0))^2+(VLOOKUP($A345,városok!$A$2:$C$346,3,0)-VLOOKUP(AL$1,városok!$A$2:$C$346,3,0))^2)/1000,0)</f>
        <v>311</v>
      </c>
      <c r="AM345">
        <f ca="1">ROUND(SQRT((VLOOKUP($A345,városok!$A$2:$C$346,2,0)-VLOOKUP(AM$1,városok!$A$2:$C$346,2,0))^2+(VLOOKUP($A345,városok!$A$2:$C$346,3,0)-VLOOKUP(AM$1,városok!$A$2:$C$346,3,0))^2)/1000,0)</f>
        <v>275</v>
      </c>
      <c r="AN345">
        <f ca="1">ROUND(SQRT((VLOOKUP($A345,városok!$A$2:$C$346,2,0)-VLOOKUP(AN$1,városok!$A$2:$C$346,2,0))^2+(VLOOKUP($A345,városok!$A$2:$C$346,3,0)-VLOOKUP(AN$1,városok!$A$2:$C$346,3,0))^2)/1000,0)</f>
        <v>193</v>
      </c>
      <c r="AO345">
        <f ca="1">ROUND(SQRT((VLOOKUP($A345,városok!$A$2:$C$346,2,0)-VLOOKUP(AO$1,városok!$A$2:$C$346,2,0))^2+(VLOOKUP($A345,városok!$A$2:$C$346,3,0)-VLOOKUP(AO$1,városok!$A$2:$C$346,3,0))^2)/1000,0)</f>
        <v>152</v>
      </c>
      <c r="AP345">
        <f ca="1">ROUND(SQRT((VLOOKUP($A345,városok!$A$2:$C$346,2,0)-VLOOKUP(AP$1,városok!$A$2:$C$346,2,0))^2+(VLOOKUP($A345,városok!$A$2:$C$346,3,0)-VLOOKUP(AP$1,városok!$A$2:$C$346,3,0))^2)/1000,0)</f>
        <v>158</v>
      </c>
      <c r="AQ345">
        <f ca="1">ROUND(SQRT((VLOOKUP($A345,városok!$A$2:$C$346,2,0)-VLOOKUP(AQ$1,városok!$A$2:$C$346,2,0))^2+(VLOOKUP($A345,városok!$A$2:$C$346,3,0)-VLOOKUP(AQ$1,városok!$A$2:$C$346,3,0))^2)/1000,0)</f>
        <v>159</v>
      </c>
      <c r="AR345">
        <f ca="1">ROUND(SQRT((VLOOKUP($A345,városok!$A$2:$C$346,2,0)-VLOOKUP(AR$1,városok!$A$2:$C$346,2,0))^2+(VLOOKUP($A345,városok!$A$2:$C$346,3,0)-VLOOKUP(AR$1,városok!$A$2:$C$346,3,0))^2)/1000,0)</f>
        <v>262</v>
      </c>
      <c r="AS345">
        <f ca="1">ROUND(SQRT((VLOOKUP($A345,városok!$A$2:$C$346,2,0)-VLOOKUP(AS$1,városok!$A$2:$C$346,2,0))^2+(VLOOKUP($A345,városok!$A$2:$C$346,3,0)-VLOOKUP(AS$1,városok!$A$2:$C$346,3,0))^2)/1000,0)</f>
        <v>280</v>
      </c>
      <c r="AT345">
        <f ca="1">ROUND(SQRT((VLOOKUP($A345,városok!$A$2:$C$346,2,0)-VLOOKUP(AT$1,városok!$A$2:$C$346,2,0))^2+(VLOOKUP($A345,városok!$A$2:$C$346,3,0)-VLOOKUP(AT$1,városok!$A$2:$C$346,3,0))^2)/1000,0)</f>
        <v>182</v>
      </c>
      <c r="AU345">
        <f ca="1">ROUND(SQRT((VLOOKUP($A345,városok!$A$2:$C$346,2,0)-VLOOKUP(AU$1,városok!$A$2:$C$346,2,0))^2+(VLOOKUP($A345,városok!$A$2:$C$346,3,0)-VLOOKUP(AU$1,városok!$A$2:$C$346,3,0))^2)/1000,0)</f>
        <v>192</v>
      </c>
      <c r="AV345">
        <f ca="1">ROUND(SQRT((VLOOKUP($A345,városok!$A$2:$C$346,2,0)-VLOOKUP(AV$1,városok!$A$2:$C$346,2,0))^2+(VLOOKUP($A345,városok!$A$2:$C$346,3,0)-VLOOKUP(AV$1,városok!$A$2:$C$346,3,0))^2)/1000,0)</f>
        <v>189</v>
      </c>
      <c r="AW345">
        <f ca="1">ROUND(SQRT((VLOOKUP($A345,városok!$A$2:$C$346,2,0)-VLOOKUP(AW$1,városok!$A$2:$C$346,2,0))^2+(VLOOKUP($A345,városok!$A$2:$C$346,3,0)-VLOOKUP(AW$1,városok!$A$2:$C$346,3,0))^2)/1000,0)</f>
        <v>186</v>
      </c>
      <c r="AX345">
        <f ca="1">ROUND(SQRT((VLOOKUP($A345,városok!$A$2:$C$346,2,0)-VLOOKUP(AX$1,városok!$A$2:$C$346,2,0))^2+(VLOOKUP($A345,városok!$A$2:$C$346,3,0)-VLOOKUP(AX$1,városok!$A$2:$C$346,3,0))^2)/1000,0)</f>
        <v>243</v>
      </c>
      <c r="AY345">
        <f ca="1">ROUND(SQRT((VLOOKUP($A345,városok!$A$2:$C$346,2,0)-VLOOKUP(AY$1,városok!$A$2:$C$346,2,0))^2+(VLOOKUP($A345,városok!$A$2:$C$346,3,0)-VLOOKUP(AY$1,városok!$A$2:$C$346,3,0))^2)/1000,0)</f>
        <v>208</v>
      </c>
      <c r="AZ345">
        <f ca="1">ROUND(SQRT((VLOOKUP($A345,városok!$A$2:$C$346,2,0)-VLOOKUP(AZ$1,városok!$A$2:$C$346,2,0))^2+(VLOOKUP($A345,városok!$A$2:$C$346,3,0)-VLOOKUP(AZ$1,városok!$A$2:$C$346,3,0))^2)/1000,0)</f>
        <v>207</v>
      </c>
      <c r="BA345">
        <f ca="1">ROUND(SQRT((VLOOKUP($A345,városok!$A$2:$C$346,2,0)-VLOOKUP(BA$1,városok!$A$2:$C$346,2,0))^2+(VLOOKUP($A345,városok!$A$2:$C$346,3,0)-VLOOKUP(BA$1,városok!$A$2:$C$346,3,0))^2)/1000,0)</f>
        <v>85</v>
      </c>
      <c r="BB345">
        <f ca="1">ROUND(SQRT((VLOOKUP($A345,városok!$A$2:$C$346,2,0)-VLOOKUP(BB$1,városok!$A$2:$C$346,2,0))^2+(VLOOKUP($A345,városok!$A$2:$C$346,3,0)-VLOOKUP(BB$1,városok!$A$2:$C$346,3,0))^2)/1000,0)</f>
        <v>108</v>
      </c>
      <c r="BC345">
        <f ca="1">ROUND(SQRT((VLOOKUP($A345,városok!$A$2:$C$346,2,0)-VLOOKUP(BC$1,városok!$A$2:$C$346,2,0))^2+(VLOOKUP($A345,városok!$A$2:$C$346,3,0)-VLOOKUP(BC$1,városok!$A$2:$C$346,3,0))^2)/1000,0)</f>
        <v>107</v>
      </c>
      <c r="BD345">
        <f ca="1">ROUND(SQRT((VLOOKUP($A345,városok!$A$2:$C$346,2,0)-VLOOKUP(BD$1,városok!$A$2:$C$346,2,0))^2+(VLOOKUP($A345,városok!$A$2:$C$346,3,0)-VLOOKUP(BD$1,városok!$A$2:$C$346,3,0))^2)/1000,0)</f>
        <v>112</v>
      </c>
      <c r="BE345">
        <f ca="1">ROUND(SQRT((VLOOKUP($A345,városok!$A$2:$C$346,2,0)-VLOOKUP(BE$1,városok!$A$2:$C$346,2,0))^2+(VLOOKUP($A345,városok!$A$2:$C$346,3,0)-VLOOKUP(BE$1,városok!$A$2:$C$346,3,0))^2)/1000,0)</f>
        <v>472</v>
      </c>
      <c r="BF345">
        <f ca="1">ROUND(SQRT((VLOOKUP($A345,városok!$A$2:$C$346,2,0)-VLOOKUP(BF$1,városok!$A$2:$C$346,2,0))^2+(VLOOKUP($A345,városok!$A$2:$C$346,3,0)-VLOOKUP(BF$1,városok!$A$2:$C$346,3,0))^2)/1000,0)</f>
        <v>440</v>
      </c>
      <c r="BG345">
        <f ca="1">ROUND(SQRT((VLOOKUP($A345,városok!$A$2:$C$346,2,0)-VLOOKUP(BG$1,városok!$A$2:$C$346,2,0))^2+(VLOOKUP($A345,városok!$A$2:$C$346,3,0)-VLOOKUP(BG$1,városok!$A$2:$C$346,3,0))^2)/1000,0)</f>
        <v>393</v>
      </c>
      <c r="BH345">
        <f ca="1">ROUND(SQRT((VLOOKUP($A345,városok!$A$2:$C$346,2,0)-VLOOKUP(BH$1,városok!$A$2:$C$346,2,0))^2+(VLOOKUP($A345,városok!$A$2:$C$346,3,0)-VLOOKUP(BH$1,városok!$A$2:$C$346,3,0))^2)/1000,0)</f>
        <v>393</v>
      </c>
      <c r="BI345">
        <f ca="1">ROUND(SQRT((VLOOKUP($A345,városok!$A$2:$C$346,2,0)-VLOOKUP(BI$1,városok!$A$2:$C$346,2,0))^2+(VLOOKUP($A345,városok!$A$2:$C$346,3,0)-VLOOKUP(BI$1,városok!$A$2:$C$346,3,0))^2)/1000,0)</f>
        <v>163</v>
      </c>
      <c r="BJ345">
        <f ca="1">ROUND(SQRT((VLOOKUP($A345,városok!$A$2:$C$346,2,0)-VLOOKUP(BJ$1,városok!$A$2:$C$346,2,0))^2+(VLOOKUP($A345,városok!$A$2:$C$346,3,0)-VLOOKUP(BJ$1,városok!$A$2:$C$346,3,0))^2)/1000,0)</f>
        <v>156</v>
      </c>
      <c r="BK345">
        <f ca="1">ROUND(SQRT((VLOOKUP($A345,városok!$A$2:$C$346,2,0)-VLOOKUP(BK$1,városok!$A$2:$C$346,2,0))^2+(VLOOKUP($A345,városok!$A$2:$C$346,3,0)-VLOOKUP(BK$1,városok!$A$2:$C$346,3,0))^2)/1000,0)</f>
        <v>170</v>
      </c>
      <c r="BL345">
        <f ca="1">ROUND(SQRT((VLOOKUP($A345,városok!$A$2:$C$346,2,0)-VLOOKUP(BL$1,városok!$A$2:$C$346,2,0))^2+(VLOOKUP($A345,városok!$A$2:$C$346,3,0)-VLOOKUP(BL$1,városok!$A$2:$C$346,3,0))^2)/1000,0)</f>
        <v>18</v>
      </c>
      <c r="BM345">
        <f ca="1">ROUND(SQRT((VLOOKUP($A345,városok!$A$2:$C$346,2,0)-VLOOKUP(BM$1,városok!$A$2:$C$346,2,0))^2+(VLOOKUP($A345,városok!$A$2:$C$346,3,0)-VLOOKUP(BM$1,városok!$A$2:$C$346,3,0))^2)/1000,0)</f>
        <v>52</v>
      </c>
      <c r="BN345">
        <f ca="1">ROUND(SQRT((VLOOKUP($A345,városok!$A$2:$C$346,2,0)-VLOOKUP(BN$1,városok!$A$2:$C$346,2,0))^2+(VLOOKUP($A345,városok!$A$2:$C$346,3,0)-VLOOKUP(BN$1,városok!$A$2:$C$346,3,0))^2)/1000,0)</f>
        <v>43</v>
      </c>
      <c r="BO345">
        <f ca="1">ROUND(SQRT((VLOOKUP($A345,városok!$A$2:$C$346,2,0)-VLOOKUP(BO$1,városok!$A$2:$C$346,2,0))^2+(VLOOKUP($A345,városok!$A$2:$C$346,3,0)-VLOOKUP(BO$1,városok!$A$2:$C$346,3,0))^2)/1000,0)</f>
        <v>110</v>
      </c>
      <c r="BP345">
        <f ca="1">ROUND(SQRT((VLOOKUP($A345,városok!$A$2:$C$346,2,0)-VLOOKUP(BP$1,városok!$A$2:$C$346,2,0))^2+(VLOOKUP($A345,városok!$A$2:$C$346,3,0)-VLOOKUP(BP$1,városok!$A$2:$C$346,3,0))^2)/1000,0)</f>
        <v>117</v>
      </c>
      <c r="BQ345">
        <f ca="1">ROUND(SQRT((VLOOKUP($A345,városok!$A$2:$C$346,2,0)-VLOOKUP(BQ$1,városok!$A$2:$C$346,2,0))^2+(VLOOKUP($A345,városok!$A$2:$C$346,3,0)-VLOOKUP(BQ$1,városok!$A$2:$C$346,3,0))^2)/1000,0)</f>
        <v>103</v>
      </c>
      <c r="BR345">
        <f ca="1">ROUND(SQRT((VLOOKUP($A345,városok!$A$2:$C$346,2,0)-VLOOKUP(BR$1,városok!$A$2:$C$346,2,0))^2+(VLOOKUP($A345,városok!$A$2:$C$346,3,0)-VLOOKUP(BR$1,városok!$A$2:$C$346,3,0))^2)/1000,0)</f>
        <v>51</v>
      </c>
      <c r="BS345">
        <f ca="1">ROUND(SQRT((VLOOKUP($A345,városok!$A$2:$C$346,2,0)-VLOOKUP(BS$1,városok!$A$2:$C$346,2,0))^2+(VLOOKUP($A345,városok!$A$2:$C$346,3,0)-VLOOKUP(BS$1,városok!$A$2:$C$346,3,0))^2)/1000,0)</f>
        <v>54</v>
      </c>
      <c r="BT345">
        <f ca="1">ROUND(SQRT((VLOOKUP($A345,városok!$A$2:$C$346,2,0)-VLOOKUP(BT$1,városok!$A$2:$C$346,2,0))^2+(VLOOKUP($A345,városok!$A$2:$C$346,3,0)-VLOOKUP(BT$1,városok!$A$2:$C$346,3,0))^2)/1000,0)</f>
        <v>19</v>
      </c>
    </row>
    <row r="346" spans="1:72" x14ac:dyDescent="0.2">
      <c r="A346" t="str">
        <f>városok!A346</f>
        <v>Zalaszentgrót</v>
      </c>
      <c r="B346">
        <f ca="1">ROUND(SQRT((VLOOKUP($A346,városok!$A$2:$C$346,2,0)-VLOOKUP(B$1,városok!$A$2:$C$346,2,0))^2+(VLOOKUP($A346,városok!$A$2:$C$346,3,0)-VLOOKUP(B$1,városok!$A$2:$C$346,3,0))^2)/1000,0)</f>
        <v>167</v>
      </c>
      <c r="C346">
        <f ca="1">ROUND(SQRT((VLOOKUP($A346,városok!$A$2:$C$346,2,0)-VLOOKUP(C$1,városok!$A$2:$C$346,2,0))^2+(VLOOKUP($A346,városok!$A$2:$C$346,3,0)-VLOOKUP(C$1,városok!$A$2:$C$346,3,0))^2)/1000,0)</f>
        <v>152</v>
      </c>
      <c r="D346">
        <f ca="1">ROUND(SQRT((VLOOKUP($A346,városok!$A$2:$C$346,2,0)-VLOOKUP(D$1,városok!$A$2:$C$346,2,0))^2+(VLOOKUP($A346,városok!$A$2:$C$346,3,0)-VLOOKUP(D$1,városok!$A$2:$C$346,3,0))^2)/1000,0)</f>
        <v>199</v>
      </c>
      <c r="E346">
        <f ca="1">ROUND(SQRT((VLOOKUP($A346,városok!$A$2:$C$346,2,0)-VLOOKUP(E$1,városok!$A$2:$C$346,2,0))^2+(VLOOKUP($A346,városok!$A$2:$C$346,3,0)-VLOOKUP(E$1,városok!$A$2:$C$346,3,0))^2)/1000,0)</f>
        <v>124</v>
      </c>
      <c r="F346">
        <f ca="1">ROUND(SQRT((VLOOKUP($A346,városok!$A$2:$C$346,2,0)-VLOOKUP(F$1,városok!$A$2:$C$346,2,0))^2+(VLOOKUP($A346,városok!$A$2:$C$346,3,0)-VLOOKUP(F$1,városok!$A$2:$C$346,3,0))^2)/1000,0)</f>
        <v>163</v>
      </c>
      <c r="G346">
        <f ca="1">ROUND(SQRT((VLOOKUP($A346,városok!$A$2:$C$346,2,0)-VLOOKUP(G$1,városok!$A$2:$C$346,2,0))^2+(VLOOKUP($A346,városok!$A$2:$C$346,3,0)-VLOOKUP(G$1,városok!$A$2:$C$346,3,0))^2)/1000,0)</f>
        <v>132</v>
      </c>
      <c r="H346">
        <f ca="1">ROUND(SQRT((VLOOKUP($A346,városok!$A$2:$C$346,2,0)-VLOOKUP(H$1,városok!$A$2:$C$346,2,0))^2+(VLOOKUP($A346,városok!$A$2:$C$346,3,0)-VLOOKUP(H$1,városok!$A$2:$C$346,3,0))^2)/1000,0)</f>
        <v>114</v>
      </c>
      <c r="I346">
        <f ca="1">ROUND(SQRT((VLOOKUP($A346,városok!$A$2:$C$346,2,0)-VLOOKUP(I$1,városok!$A$2:$C$346,2,0))^2+(VLOOKUP($A346,városok!$A$2:$C$346,3,0)-VLOOKUP(I$1,városok!$A$2:$C$346,3,0))^2)/1000,0)</f>
        <v>307</v>
      </c>
      <c r="J346">
        <f ca="1">ROUND(SQRT((VLOOKUP($A346,városok!$A$2:$C$346,2,0)-VLOOKUP(J$1,városok!$A$2:$C$346,2,0))^2+(VLOOKUP($A346,városok!$A$2:$C$346,3,0)-VLOOKUP(J$1,városok!$A$2:$C$346,3,0))^2)/1000,0)</f>
        <v>322</v>
      </c>
      <c r="K346">
        <f ca="1">ROUND(SQRT((VLOOKUP($A346,városok!$A$2:$C$346,2,0)-VLOOKUP(K$1,városok!$A$2:$C$346,2,0))^2+(VLOOKUP($A346,városok!$A$2:$C$346,3,0)-VLOOKUP(K$1,városok!$A$2:$C$346,3,0))^2)/1000,0)</f>
        <v>277</v>
      </c>
      <c r="L346">
        <f ca="1">ROUND(SQRT((VLOOKUP($A346,városok!$A$2:$C$346,2,0)-VLOOKUP(L$1,városok!$A$2:$C$346,2,0))^2+(VLOOKUP($A346,városok!$A$2:$C$346,3,0)-VLOOKUP(L$1,városok!$A$2:$C$346,3,0))^2)/1000,0)</f>
        <v>304</v>
      </c>
      <c r="M346">
        <f ca="1">ROUND(SQRT((VLOOKUP($A346,városok!$A$2:$C$346,2,0)-VLOOKUP(M$1,városok!$A$2:$C$346,2,0))^2+(VLOOKUP($A346,városok!$A$2:$C$346,3,0)-VLOOKUP(M$1,városok!$A$2:$C$346,3,0))^2)/1000,0)</f>
        <v>308</v>
      </c>
      <c r="N346">
        <f ca="1">ROUND(SQRT((VLOOKUP($A346,városok!$A$2:$C$346,2,0)-VLOOKUP(N$1,városok!$A$2:$C$346,2,0))^2+(VLOOKUP($A346,városok!$A$2:$C$346,3,0)-VLOOKUP(N$1,városok!$A$2:$C$346,3,0))^2)/1000,0)</f>
        <v>280</v>
      </c>
      <c r="O346">
        <f ca="1">ROUND(SQRT((VLOOKUP($A346,városok!$A$2:$C$346,2,0)-VLOOKUP(O$1,városok!$A$2:$C$346,2,0))^2+(VLOOKUP($A346,városok!$A$2:$C$346,3,0)-VLOOKUP(O$1,városok!$A$2:$C$346,3,0))^2)/1000,0)</f>
        <v>379</v>
      </c>
      <c r="P346">
        <f ca="1">ROUND(SQRT((VLOOKUP($A346,városok!$A$2:$C$346,2,0)-VLOOKUP(P$1,városok!$A$2:$C$346,2,0))^2+(VLOOKUP($A346,városok!$A$2:$C$346,3,0)-VLOOKUP(P$1,városok!$A$2:$C$346,3,0))^2)/1000,0)</f>
        <v>379</v>
      </c>
      <c r="Q346">
        <f ca="1">ROUND(SQRT((VLOOKUP($A346,városok!$A$2:$C$346,2,0)-VLOOKUP(Q$1,városok!$A$2:$C$346,2,0))^2+(VLOOKUP($A346,városok!$A$2:$C$346,3,0)-VLOOKUP(Q$1,városok!$A$2:$C$346,3,0))^2)/1000,0)</f>
        <v>255</v>
      </c>
      <c r="R346">
        <f ca="1">ROUND(SQRT((VLOOKUP($A346,városok!$A$2:$C$346,2,0)-VLOOKUP(R$1,városok!$A$2:$C$346,2,0))^2+(VLOOKUP($A346,városok!$A$2:$C$346,3,0)-VLOOKUP(R$1,városok!$A$2:$C$346,3,0))^2)/1000,0)</f>
        <v>272</v>
      </c>
      <c r="S346">
        <f ca="1">ROUND(SQRT((VLOOKUP($A346,városok!$A$2:$C$346,2,0)-VLOOKUP(S$1,városok!$A$2:$C$346,2,0))^2+(VLOOKUP($A346,városok!$A$2:$C$346,3,0)-VLOOKUP(S$1,városok!$A$2:$C$346,3,0))^2)/1000,0)</f>
        <v>248</v>
      </c>
      <c r="T346">
        <f ca="1">ROUND(SQRT((VLOOKUP($A346,városok!$A$2:$C$346,2,0)-VLOOKUP(T$1,városok!$A$2:$C$346,2,0))^2+(VLOOKUP($A346,városok!$A$2:$C$346,3,0)-VLOOKUP(T$1,városok!$A$2:$C$346,3,0))^2)/1000,0)</f>
        <v>132</v>
      </c>
      <c r="U346">
        <f ca="1">ROUND(SQRT((VLOOKUP($A346,városok!$A$2:$C$346,2,0)-VLOOKUP(U$1,városok!$A$2:$C$346,2,0))^2+(VLOOKUP($A346,városok!$A$2:$C$346,3,0)-VLOOKUP(U$1,városok!$A$2:$C$346,3,0))^2)/1000,0)</f>
        <v>141</v>
      </c>
      <c r="V346">
        <f ca="1">ROUND(SQRT((VLOOKUP($A346,városok!$A$2:$C$346,2,0)-VLOOKUP(V$1,városok!$A$2:$C$346,2,0))^2+(VLOOKUP($A346,városok!$A$2:$C$346,3,0)-VLOOKUP(V$1,városok!$A$2:$C$346,3,0))^2)/1000,0)</f>
        <v>94</v>
      </c>
      <c r="W346">
        <f ca="1">ROUND(SQRT((VLOOKUP($A346,városok!$A$2:$C$346,2,0)-VLOOKUP(W$1,városok!$A$2:$C$346,2,0))^2+(VLOOKUP($A346,városok!$A$2:$C$346,3,0)-VLOOKUP(W$1,városok!$A$2:$C$346,3,0))^2)/1000,0)</f>
        <v>118</v>
      </c>
      <c r="X346">
        <f ca="1">ROUND(SQRT((VLOOKUP($A346,városok!$A$2:$C$346,2,0)-VLOOKUP(X$1,városok!$A$2:$C$346,2,0))^2+(VLOOKUP($A346,városok!$A$2:$C$346,3,0)-VLOOKUP(X$1,városok!$A$2:$C$346,3,0))^2)/1000,0)</f>
        <v>102</v>
      </c>
      <c r="Y346">
        <f ca="1">ROUND(SQRT((VLOOKUP($A346,városok!$A$2:$C$346,2,0)-VLOOKUP(Y$1,városok!$A$2:$C$346,2,0))^2+(VLOOKUP($A346,városok!$A$2:$C$346,3,0)-VLOOKUP(Y$1,városok!$A$2:$C$346,3,0))^2)/1000,0)</f>
        <v>93</v>
      </c>
      <c r="Z346">
        <f ca="1">ROUND(SQRT((VLOOKUP($A346,városok!$A$2:$C$346,2,0)-VLOOKUP(Z$1,városok!$A$2:$C$346,2,0))^2+(VLOOKUP($A346,városok!$A$2:$C$346,3,0)-VLOOKUP(Z$1,városok!$A$2:$C$346,3,0))^2)/1000,0)</f>
        <v>91</v>
      </c>
      <c r="AA346">
        <f ca="1">ROUND(SQRT((VLOOKUP($A346,városok!$A$2:$C$346,2,0)-VLOOKUP(AA$1,városok!$A$2:$C$346,2,0))^2+(VLOOKUP($A346,városok!$A$2:$C$346,3,0)-VLOOKUP(AA$1,városok!$A$2:$C$346,3,0))^2)/1000,0)</f>
        <v>90</v>
      </c>
      <c r="AB346">
        <f ca="1">ROUND(SQRT((VLOOKUP($A346,városok!$A$2:$C$346,2,0)-VLOOKUP(AB$1,városok!$A$2:$C$346,2,0))^2+(VLOOKUP($A346,városok!$A$2:$C$346,3,0)-VLOOKUP(AB$1,városok!$A$2:$C$346,3,0))^2)/1000,0)</f>
        <v>351</v>
      </c>
      <c r="AC346">
        <f ca="1">ROUND(SQRT((VLOOKUP($A346,városok!$A$2:$C$346,2,0)-VLOOKUP(AC$1,városok!$A$2:$C$346,2,0))^2+(VLOOKUP($A346,városok!$A$2:$C$346,3,0)-VLOOKUP(AC$1,városok!$A$2:$C$346,3,0))^2)/1000,0)</f>
        <v>332</v>
      </c>
      <c r="AD346">
        <f ca="1">ROUND(SQRT((VLOOKUP($A346,városok!$A$2:$C$346,2,0)-VLOOKUP(AD$1,városok!$A$2:$C$346,2,0))^2+(VLOOKUP($A346,városok!$A$2:$C$346,3,0)-VLOOKUP(AD$1,városok!$A$2:$C$346,3,0))^2)/1000,0)</f>
        <v>314</v>
      </c>
      <c r="AE346">
        <f ca="1">ROUND(SQRT((VLOOKUP($A346,városok!$A$2:$C$346,2,0)-VLOOKUP(AE$1,városok!$A$2:$C$346,2,0))^2+(VLOOKUP($A346,városok!$A$2:$C$346,3,0)-VLOOKUP(AE$1,városok!$A$2:$C$346,3,0))^2)/1000,0)</f>
        <v>312</v>
      </c>
      <c r="AF346">
        <f ca="1">ROUND(SQRT((VLOOKUP($A346,városok!$A$2:$C$346,2,0)-VLOOKUP(AF$1,városok!$A$2:$C$346,2,0))^2+(VLOOKUP($A346,városok!$A$2:$C$346,3,0)-VLOOKUP(AF$1,városok!$A$2:$C$346,3,0))^2)/1000,0)</f>
        <v>270</v>
      </c>
      <c r="AG346">
        <f ca="1">ROUND(SQRT((VLOOKUP($A346,városok!$A$2:$C$346,2,0)-VLOOKUP(AG$1,városok!$A$2:$C$346,2,0))^2+(VLOOKUP($A346,városok!$A$2:$C$346,3,0)-VLOOKUP(AG$1,városok!$A$2:$C$346,3,0))^2)/1000,0)</f>
        <v>234</v>
      </c>
      <c r="AH346">
        <f ca="1">ROUND(SQRT((VLOOKUP($A346,városok!$A$2:$C$346,2,0)-VLOOKUP(AH$1,városok!$A$2:$C$346,2,0))^2+(VLOOKUP($A346,városok!$A$2:$C$346,3,0)-VLOOKUP(AH$1,városok!$A$2:$C$346,3,0))^2)/1000,0)</f>
        <v>212</v>
      </c>
      <c r="AI346">
        <f ca="1">ROUND(SQRT((VLOOKUP($A346,városok!$A$2:$C$346,2,0)-VLOOKUP(AI$1,városok!$A$2:$C$346,2,0))^2+(VLOOKUP($A346,városok!$A$2:$C$346,3,0)-VLOOKUP(AI$1,városok!$A$2:$C$346,3,0))^2)/1000,0)</f>
        <v>257</v>
      </c>
      <c r="AJ346">
        <f ca="1">ROUND(SQRT((VLOOKUP($A346,városok!$A$2:$C$346,2,0)-VLOOKUP(AJ$1,városok!$A$2:$C$346,2,0))^2+(VLOOKUP($A346,városok!$A$2:$C$346,3,0)-VLOOKUP(AJ$1,városok!$A$2:$C$346,3,0))^2)/1000,0)</f>
        <v>232</v>
      </c>
      <c r="AK346">
        <f ca="1">ROUND(SQRT((VLOOKUP($A346,városok!$A$2:$C$346,2,0)-VLOOKUP(AK$1,városok!$A$2:$C$346,2,0))^2+(VLOOKUP($A346,városok!$A$2:$C$346,3,0)-VLOOKUP(AK$1,városok!$A$2:$C$346,3,0))^2)/1000,0)</f>
        <v>298</v>
      </c>
      <c r="AL346">
        <f ca="1">ROUND(SQRT((VLOOKUP($A346,városok!$A$2:$C$346,2,0)-VLOOKUP(AL$1,városok!$A$2:$C$346,2,0))^2+(VLOOKUP($A346,városok!$A$2:$C$346,3,0)-VLOOKUP(AL$1,városok!$A$2:$C$346,3,0))^2)/1000,0)</f>
        <v>273</v>
      </c>
      <c r="AM346">
        <f ca="1">ROUND(SQRT((VLOOKUP($A346,városok!$A$2:$C$346,2,0)-VLOOKUP(AM$1,városok!$A$2:$C$346,2,0))^2+(VLOOKUP($A346,városok!$A$2:$C$346,3,0)-VLOOKUP(AM$1,városok!$A$2:$C$346,3,0))^2)/1000,0)</f>
        <v>237</v>
      </c>
      <c r="AN346">
        <f ca="1">ROUND(SQRT((VLOOKUP($A346,városok!$A$2:$C$346,2,0)-VLOOKUP(AN$1,városok!$A$2:$C$346,2,0))^2+(VLOOKUP($A346,városok!$A$2:$C$346,3,0)-VLOOKUP(AN$1,városok!$A$2:$C$346,3,0))^2)/1000,0)</f>
        <v>157</v>
      </c>
      <c r="AO346">
        <f ca="1">ROUND(SQRT((VLOOKUP($A346,városok!$A$2:$C$346,2,0)-VLOOKUP(AO$1,városok!$A$2:$C$346,2,0))^2+(VLOOKUP($A346,városok!$A$2:$C$346,3,0)-VLOOKUP(AO$1,városok!$A$2:$C$346,3,0))^2)/1000,0)</f>
        <v>118</v>
      </c>
      <c r="AP346">
        <f ca="1">ROUND(SQRT((VLOOKUP($A346,városok!$A$2:$C$346,2,0)-VLOOKUP(AP$1,városok!$A$2:$C$346,2,0))^2+(VLOOKUP($A346,városok!$A$2:$C$346,3,0)-VLOOKUP(AP$1,városok!$A$2:$C$346,3,0))^2)/1000,0)</f>
        <v>122</v>
      </c>
      <c r="AQ346">
        <f ca="1">ROUND(SQRT((VLOOKUP($A346,városok!$A$2:$C$346,2,0)-VLOOKUP(AQ$1,városok!$A$2:$C$346,2,0))^2+(VLOOKUP($A346,városok!$A$2:$C$346,3,0)-VLOOKUP(AQ$1,városok!$A$2:$C$346,3,0))^2)/1000,0)</f>
        <v>122</v>
      </c>
      <c r="AR346">
        <f ca="1">ROUND(SQRT((VLOOKUP($A346,városok!$A$2:$C$346,2,0)-VLOOKUP(AR$1,városok!$A$2:$C$346,2,0))^2+(VLOOKUP($A346,városok!$A$2:$C$346,3,0)-VLOOKUP(AR$1,városok!$A$2:$C$346,3,0))^2)/1000,0)</f>
        <v>225</v>
      </c>
      <c r="AS346">
        <f ca="1">ROUND(SQRT((VLOOKUP($A346,városok!$A$2:$C$346,2,0)-VLOOKUP(AS$1,városok!$A$2:$C$346,2,0))^2+(VLOOKUP($A346,városok!$A$2:$C$346,3,0)-VLOOKUP(AS$1,városok!$A$2:$C$346,3,0))^2)/1000,0)</f>
        <v>243</v>
      </c>
      <c r="AT346">
        <f ca="1">ROUND(SQRT((VLOOKUP($A346,városok!$A$2:$C$346,2,0)-VLOOKUP(AT$1,városok!$A$2:$C$346,2,0))^2+(VLOOKUP($A346,városok!$A$2:$C$346,3,0)-VLOOKUP(AT$1,városok!$A$2:$C$346,3,0))^2)/1000,0)</f>
        <v>144</v>
      </c>
      <c r="AU346">
        <f ca="1">ROUND(SQRT((VLOOKUP($A346,városok!$A$2:$C$346,2,0)-VLOOKUP(AU$1,városok!$A$2:$C$346,2,0))^2+(VLOOKUP($A346,városok!$A$2:$C$346,3,0)-VLOOKUP(AU$1,városok!$A$2:$C$346,3,0))^2)/1000,0)</f>
        <v>154</v>
      </c>
      <c r="AV346">
        <f ca="1">ROUND(SQRT((VLOOKUP($A346,városok!$A$2:$C$346,2,0)-VLOOKUP(AV$1,városok!$A$2:$C$346,2,0))^2+(VLOOKUP($A346,városok!$A$2:$C$346,3,0)-VLOOKUP(AV$1,városok!$A$2:$C$346,3,0))^2)/1000,0)</f>
        <v>151</v>
      </c>
      <c r="AW346">
        <f ca="1">ROUND(SQRT((VLOOKUP($A346,városok!$A$2:$C$346,2,0)-VLOOKUP(AW$1,városok!$A$2:$C$346,2,0))^2+(VLOOKUP($A346,városok!$A$2:$C$346,3,0)-VLOOKUP(AW$1,városok!$A$2:$C$346,3,0))^2)/1000,0)</f>
        <v>147</v>
      </c>
      <c r="AX346">
        <f ca="1">ROUND(SQRT((VLOOKUP($A346,városok!$A$2:$C$346,2,0)-VLOOKUP(AX$1,városok!$A$2:$C$346,2,0))^2+(VLOOKUP($A346,városok!$A$2:$C$346,3,0)-VLOOKUP(AX$1,városok!$A$2:$C$346,3,0))^2)/1000,0)</f>
        <v>206</v>
      </c>
      <c r="AY346">
        <f ca="1">ROUND(SQRT((VLOOKUP($A346,városok!$A$2:$C$346,2,0)-VLOOKUP(AY$1,városok!$A$2:$C$346,2,0))^2+(VLOOKUP($A346,városok!$A$2:$C$346,3,0)-VLOOKUP(AY$1,városok!$A$2:$C$346,3,0))^2)/1000,0)</f>
        <v>171</v>
      </c>
      <c r="AZ346">
        <f ca="1">ROUND(SQRT((VLOOKUP($A346,városok!$A$2:$C$346,2,0)-VLOOKUP(AZ$1,városok!$A$2:$C$346,2,0))^2+(VLOOKUP($A346,városok!$A$2:$C$346,3,0)-VLOOKUP(AZ$1,városok!$A$2:$C$346,3,0))^2)/1000,0)</f>
        <v>171</v>
      </c>
      <c r="BA346">
        <f ca="1">ROUND(SQRT((VLOOKUP($A346,városok!$A$2:$C$346,2,0)-VLOOKUP(BA$1,városok!$A$2:$C$346,2,0))^2+(VLOOKUP($A346,városok!$A$2:$C$346,3,0)-VLOOKUP(BA$1,városok!$A$2:$C$346,3,0))^2)/1000,0)</f>
        <v>51</v>
      </c>
      <c r="BB346">
        <f ca="1">ROUND(SQRT((VLOOKUP($A346,városok!$A$2:$C$346,2,0)-VLOOKUP(BB$1,városok!$A$2:$C$346,2,0))^2+(VLOOKUP($A346,városok!$A$2:$C$346,3,0)-VLOOKUP(BB$1,városok!$A$2:$C$346,3,0))^2)/1000,0)</f>
        <v>80</v>
      </c>
      <c r="BC346">
        <f ca="1">ROUND(SQRT((VLOOKUP($A346,városok!$A$2:$C$346,2,0)-VLOOKUP(BC$1,városok!$A$2:$C$346,2,0))^2+(VLOOKUP($A346,városok!$A$2:$C$346,3,0)-VLOOKUP(BC$1,városok!$A$2:$C$346,3,0))^2)/1000,0)</f>
        <v>85</v>
      </c>
      <c r="BD346">
        <f ca="1">ROUND(SQRT((VLOOKUP($A346,városok!$A$2:$C$346,2,0)-VLOOKUP(BD$1,városok!$A$2:$C$346,2,0))^2+(VLOOKUP($A346,városok!$A$2:$C$346,3,0)-VLOOKUP(BD$1,városok!$A$2:$C$346,3,0))^2)/1000,0)</f>
        <v>75</v>
      </c>
      <c r="BE346">
        <f ca="1">ROUND(SQRT((VLOOKUP($A346,városok!$A$2:$C$346,2,0)-VLOOKUP(BE$1,városok!$A$2:$C$346,2,0))^2+(VLOOKUP($A346,városok!$A$2:$C$346,3,0)-VLOOKUP(BE$1,városok!$A$2:$C$346,3,0))^2)/1000,0)</f>
        <v>433</v>
      </c>
      <c r="BF346">
        <f ca="1">ROUND(SQRT((VLOOKUP($A346,városok!$A$2:$C$346,2,0)-VLOOKUP(BF$1,városok!$A$2:$C$346,2,0))^2+(VLOOKUP($A346,városok!$A$2:$C$346,3,0)-VLOOKUP(BF$1,városok!$A$2:$C$346,3,0))^2)/1000,0)</f>
        <v>402</v>
      </c>
      <c r="BG346">
        <f ca="1">ROUND(SQRT((VLOOKUP($A346,városok!$A$2:$C$346,2,0)-VLOOKUP(BG$1,városok!$A$2:$C$346,2,0))^2+(VLOOKUP($A346,városok!$A$2:$C$346,3,0)-VLOOKUP(BG$1,városok!$A$2:$C$346,3,0))^2)/1000,0)</f>
        <v>355</v>
      </c>
      <c r="BH346">
        <f ca="1">ROUND(SQRT((VLOOKUP($A346,városok!$A$2:$C$346,2,0)-VLOOKUP(BH$1,városok!$A$2:$C$346,2,0))^2+(VLOOKUP($A346,városok!$A$2:$C$346,3,0)-VLOOKUP(BH$1,városok!$A$2:$C$346,3,0))^2)/1000,0)</f>
        <v>355</v>
      </c>
      <c r="BI346">
        <f ca="1">ROUND(SQRT((VLOOKUP($A346,városok!$A$2:$C$346,2,0)-VLOOKUP(BI$1,városok!$A$2:$C$346,2,0))^2+(VLOOKUP($A346,városok!$A$2:$C$346,3,0)-VLOOKUP(BI$1,városok!$A$2:$C$346,3,0))^2)/1000,0)</f>
        <v>133</v>
      </c>
      <c r="BJ346">
        <f ca="1">ROUND(SQRT((VLOOKUP($A346,városok!$A$2:$C$346,2,0)-VLOOKUP(BJ$1,városok!$A$2:$C$346,2,0))^2+(VLOOKUP($A346,városok!$A$2:$C$346,3,0)-VLOOKUP(BJ$1,városok!$A$2:$C$346,3,0))^2)/1000,0)</f>
        <v>129</v>
      </c>
      <c r="BK346">
        <f ca="1">ROUND(SQRT((VLOOKUP($A346,városok!$A$2:$C$346,2,0)-VLOOKUP(BK$1,városok!$A$2:$C$346,2,0))^2+(VLOOKUP($A346,városok!$A$2:$C$346,3,0)-VLOOKUP(BK$1,városok!$A$2:$C$346,3,0))^2)/1000,0)</f>
        <v>141</v>
      </c>
      <c r="BL346">
        <f ca="1">ROUND(SQRT((VLOOKUP($A346,városok!$A$2:$C$346,2,0)-VLOOKUP(BL$1,városok!$A$2:$C$346,2,0))^2+(VLOOKUP($A346,városok!$A$2:$C$346,3,0)-VLOOKUP(BL$1,városok!$A$2:$C$346,3,0))^2)/1000,0)</f>
        <v>37</v>
      </c>
      <c r="BM346">
        <f ca="1">ROUND(SQRT((VLOOKUP($A346,városok!$A$2:$C$346,2,0)-VLOOKUP(BM$1,városok!$A$2:$C$346,2,0))^2+(VLOOKUP($A346,városok!$A$2:$C$346,3,0)-VLOOKUP(BM$1,városok!$A$2:$C$346,3,0))^2)/1000,0)</f>
        <v>36</v>
      </c>
      <c r="BN346">
        <f ca="1">ROUND(SQRT((VLOOKUP($A346,városok!$A$2:$C$346,2,0)-VLOOKUP(BN$1,városok!$A$2:$C$346,2,0))^2+(VLOOKUP($A346,városok!$A$2:$C$346,3,0)-VLOOKUP(BN$1,városok!$A$2:$C$346,3,0))^2)/1000,0)</f>
        <v>47</v>
      </c>
      <c r="BO346">
        <f ca="1">ROUND(SQRT((VLOOKUP($A346,városok!$A$2:$C$346,2,0)-VLOOKUP(BO$1,városok!$A$2:$C$346,2,0))^2+(VLOOKUP($A346,városok!$A$2:$C$346,3,0)-VLOOKUP(BO$1,városok!$A$2:$C$346,3,0))^2)/1000,0)</f>
        <v>72</v>
      </c>
      <c r="BP346">
        <f ca="1">ROUND(SQRT((VLOOKUP($A346,városok!$A$2:$C$346,2,0)-VLOOKUP(BP$1,városok!$A$2:$C$346,2,0))^2+(VLOOKUP($A346,városok!$A$2:$C$346,3,0)-VLOOKUP(BP$1,városok!$A$2:$C$346,3,0))^2)/1000,0)</f>
        <v>79</v>
      </c>
      <c r="BQ346">
        <f ca="1">ROUND(SQRT((VLOOKUP($A346,városok!$A$2:$C$346,2,0)-VLOOKUP(BQ$1,városok!$A$2:$C$346,2,0))^2+(VLOOKUP($A346,városok!$A$2:$C$346,3,0)-VLOOKUP(BQ$1,városok!$A$2:$C$346,3,0))^2)/1000,0)</f>
        <v>65</v>
      </c>
      <c r="BR346">
        <f ca="1">ROUND(SQRT((VLOOKUP($A346,városok!$A$2:$C$346,2,0)-VLOOKUP(BR$1,városok!$A$2:$C$346,2,0))^2+(VLOOKUP($A346,városok!$A$2:$C$346,3,0)-VLOOKUP(BR$1,városok!$A$2:$C$346,3,0))^2)/1000,0)</f>
        <v>24</v>
      </c>
      <c r="BS346">
        <f ca="1">ROUND(SQRT((VLOOKUP($A346,városok!$A$2:$C$346,2,0)-VLOOKUP(BS$1,városok!$A$2:$C$346,2,0))^2+(VLOOKUP($A346,városok!$A$2:$C$346,3,0)-VLOOKUP(BS$1,városok!$A$2:$C$346,3,0))^2)/1000,0)</f>
        <v>56</v>
      </c>
      <c r="BT346">
        <f ca="1">ROUND(SQRT((VLOOKUP($A346,városok!$A$2:$C$346,2,0)-VLOOKUP(BT$1,városok!$A$2:$C$346,2,0))^2+(VLOOKUP($A346,városok!$A$2:$C$346,3,0)-VLOOKUP(BT$1,városok!$A$2:$C$346,3,0))^2)/1000,0)</f>
        <v>22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3"/>
  <sheetViews>
    <sheetView workbookViewId="0">
      <selection activeCell="B2" sqref="B2"/>
    </sheetView>
  </sheetViews>
  <sheetFormatPr defaultRowHeight="14.25" x14ac:dyDescent="0.2"/>
  <cols>
    <col min="2" max="2" width="10.125" bestFit="1" customWidth="1"/>
  </cols>
  <sheetData>
    <row r="1" spans="1:2" x14ac:dyDescent="0.2">
      <c r="A1" t="s">
        <v>0</v>
      </c>
      <c r="B1" t="s">
        <v>286</v>
      </c>
    </row>
    <row r="2" spans="1:2" x14ac:dyDescent="0.2">
      <c r="A2" t="s">
        <v>4</v>
      </c>
      <c r="B2" t="str">
        <f ca="1">INDEX(távolságok!B1:BT1,1,MATCH(MIN(OFFSET(távolságok!B1:BT1,MATCH(B1,távolságok!A2:A346,0),0)),OFFSET(távolságok!B1:BT1,MATCH(B1,távolságok!A2:A346,0),0),0))</f>
        <v>Hatvan</v>
      </c>
    </row>
    <row r="3" spans="1:2" x14ac:dyDescent="0.2">
      <c r="A3" t="s">
        <v>435</v>
      </c>
      <c r="B3" s="3">
        <f ca="1">MIN(OFFSET(távolságok!B1:BT1,MATCH(B1,távolságok!A2:A346,0),0))</f>
        <v>29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Munkalapok</vt:lpstr>
      </vt:variant>
      <vt:variant>
        <vt:i4>4</vt:i4>
      </vt:variant>
      <vt:variant>
        <vt:lpstr>Diagramok</vt:lpstr>
      </vt:variant>
      <vt:variant>
        <vt:i4>2</vt:i4>
      </vt:variant>
    </vt:vector>
  </HeadingPairs>
  <TitlesOfParts>
    <vt:vector size="6" baseType="lpstr">
      <vt:lpstr>városok</vt:lpstr>
      <vt:lpstr>telephely</vt:lpstr>
      <vt:lpstr>távolságok</vt:lpstr>
      <vt:lpstr>Keresés</vt:lpstr>
      <vt:lpstr>városok diagram</vt:lpstr>
      <vt:lpstr>telephely diagram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klós</dc:creator>
  <cp:lastModifiedBy>ÉviLaci</cp:lastModifiedBy>
  <dcterms:created xsi:type="dcterms:W3CDTF">2015-05-09T19:51:22Z</dcterms:created>
  <dcterms:modified xsi:type="dcterms:W3CDTF">2015-07-15T04:40:40Z</dcterms:modified>
</cp:coreProperties>
</file>